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theme/themeOverride1.xml" ContentType="application/vnd.openxmlformats-officedocument.themeOverrid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theme/themeOverride2.xml" ContentType="application/vnd.openxmlformats-officedocument.themeOverride+xml"/>
  <Override PartName="/xl/drawings/drawing3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theme/themeOverride3.xml" ContentType="application/vnd.openxmlformats-officedocument.themeOverride+xml"/>
  <Override PartName="/xl/drawings/drawing4.xml" ContentType="application/vnd.openxmlformats-officedocument.drawing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drawings/drawing5.xml" ContentType="application/vnd.openxmlformats-officedocument.drawing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theme/themeOverride4.xml" ContentType="application/vnd.openxmlformats-officedocument.themeOverride+xml"/>
  <Override PartName="/xl/drawings/drawing6.xml" ContentType="application/vnd.openxmlformats-officedocument.drawing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theme/themeOverride5.xml" ContentType="application/vnd.openxmlformats-officedocument.themeOverride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theme/themeOverride6.xml" ContentType="application/vnd.openxmlformats-officedocument.themeOverride+xml"/>
  <Override PartName="/xl/drawings/drawing7.xml" ContentType="application/vnd.openxmlformats-officedocument.drawing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theme/themeOverride7.xml" ContentType="application/vnd.openxmlformats-officedocument.themeOverride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theme/themeOverride8.xml" ContentType="application/vnd.openxmlformats-officedocument.themeOverride+xml"/>
  <Override PartName="/xl/drawings/drawing8.xml" ContentType="application/vnd.openxmlformats-officedocument.drawing+xml"/>
  <Override PartName="/xl/charts/chart1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theme/themeOverride9.xml" ContentType="application/vnd.openxmlformats-officedocument.themeOverride+xml"/>
  <Override PartName="/xl/charts/chart11.xml" ContentType="application/vnd.openxmlformats-officedocument.drawingml.chart+xml"/>
  <Override PartName="/xl/charts/style11.xml" ContentType="application/vnd.ms-office.chartstyle+xml"/>
  <Override PartName="/xl/charts/colors11.xml" ContentType="application/vnd.ms-office.chartcolorstyle+xml"/>
  <Override PartName="/xl/theme/themeOverride10.xml" ContentType="application/vnd.openxmlformats-officedocument.themeOverride+xml"/>
  <Override PartName="/xl/drawings/drawing9.xml" ContentType="application/vnd.openxmlformats-officedocument.drawing+xml"/>
  <Override PartName="/xl/charts/chart12.xml" ContentType="application/vnd.openxmlformats-officedocument.drawingml.chart+xml"/>
  <Override PartName="/xl/charts/style12.xml" ContentType="application/vnd.ms-office.chartstyle+xml"/>
  <Override PartName="/xl/charts/colors12.xml" ContentType="application/vnd.ms-office.chartcolorstyle+xml"/>
  <Override PartName="/xl/theme/themeOverride11.xml" ContentType="application/vnd.openxmlformats-officedocument.themeOverride+xml"/>
  <Override PartName="/xl/charts/chart13.xml" ContentType="application/vnd.openxmlformats-officedocument.drawingml.chart+xml"/>
  <Override PartName="/xl/charts/style13.xml" ContentType="application/vnd.ms-office.chartstyle+xml"/>
  <Override PartName="/xl/charts/colors13.xml" ContentType="application/vnd.ms-office.chartcolorstyle+xml"/>
  <Override PartName="/xl/theme/themeOverride12.xml" ContentType="application/vnd.openxmlformats-officedocument.themeOverride+xml"/>
  <Override PartName="/xl/drawings/drawing10.xml" ContentType="application/vnd.openxmlformats-officedocument.drawing+xml"/>
  <Override PartName="/xl/charts/chart14.xml" ContentType="application/vnd.openxmlformats-officedocument.drawingml.chart+xml"/>
  <Override PartName="/xl/charts/style14.xml" ContentType="application/vnd.ms-office.chartstyle+xml"/>
  <Override PartName="/xl/charts/colors14.xml" ContentType="application/vnd.ms-office.chartcolorstyle+xml"/>
  <Override PartName="/xl/theme/themeOverride13.xml" ContentType="application/vnd.openxmlformats-officedocument.themeOverride+xml"/>
  <Override PartName="/xl/charts/chart15.xml" ContentType="application/vnd.openxmlformats-officedocument.drawingml.chart+xml"/>
  <Override PartName="/xl/charts/style15.xml" ContentType="application/vnd.ms-office.chartstyle+xml"/>
  <Override PartName="/xl/charts/colors15.xml" ContentType="application/vnd.ms-office.chartcolorstyle+xml"/>
  <Override PartName="/xl/theme/themeOverride14.xml" ContentType="application/vnd.openxmlformats-officedocument.themeOverride+xml"/>
  <Override PartName="/xl/drawings/drawing11.xml" ContentType="application/vnd.openxmlformats-officedocument.drawing+xml"/>
  <Override PartName="/xl/charts/chart16.xml" ContentType="application/vnd.openxmlformats-officedocument.drawingml.chart+xml"/>
  <Override PartName="/xl/charts/style16.xml" ContentType="application/vnd.ms-office.chartstyle+xml"/>
  <Override PartName="/xl/charts/colors16.xml" ContentType="application/vnd.ms-office.chartcolorstyle+xml"/>
  <Override PartName="/xl/theme/themeOverride15.xml" ContentType="application/vnd.openxmlformats-officedocument.themeOverride+xml"/>
  <Override PartName="/xl/charts/chart17.xml" ContentType="application/vnd.openxmlformats-officedocument.drawingml.chart+xml"/>
  <Override PartName="/xl/charts/style17.xml" ContentType="application/vnd.ms-office.chartstyle+xml"/>
  <Override PartName="/xl/charts/colors17.xml" ContentType="application/vnd.ms-office.chartcolorstyle+xml"/>
  <Override PartName="/xl/theme/themeOverride16.xml" ContentType="application/vnd.openxmlformats-officedocument.themeOverr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3127"/>
  <workbookPr filterPrivacy="1" defaultThemeVersion="124226"/>
  <xr:revisionPtr revIDLastSave="1" documentId="8_{658738B5-656E-401C-AF9E-8ADE8B0C1EFA}" xr6:coauthVersionLast="45" xr6:coauthVersionMax="45" xr10:uidLastSave="{E001B3A0-C5B1-4E85-9C17-16DD697C2408}"/>
  <bookViews>
    <workbookView xWindow="-98" yWindow="-98" windowWidth="28996" windowHeight="15796" tabRatio="772" activeTab="5" xr2:uid="{00000000-000D-0000-FFFF-FFFF00000000}"/>
  </bookViews>
  <sheets>
    <sheet name="Dataset" sheetId="22" r:id="rId1"/>
    <sheet name="Fig 1a" sheetId="23" r:id="rId2"/>
    <sheet name="Fig 1b" sheetId="29" r:id="rId3"/>
    <sheet name="Fig 1c" sheetId="30" r:id="rId4"/>
    <sheet name="Fig 2 a" sheetId="24" r:id="rId5"/>
    <sheet name="Fig 2 b" sheetId="31" r:id="rId6"/>
    <sheet name="Fig 4 a-b" sheetId="25" r:id="rId7"/>
    <sheet name="Fig 4 c-d" sheetId="34" r:id="rId8"/>
    <sheet name="Fig 5 a-b" sheetId="35" r:id="rId9"/>
    <sheet name="Fig 5 c-d" sheetId="36" r:id="rId10"/>
    <sheet name="Fig 6 a-b" sheetId="37" r:id="rId11"/>
    <sheet name="Fig 6 c-d" sheetId="38" r:id="rId12"/>
  </sheets>
  <externalReferences>
    <externalReference r:id="rId13"/>
  </externalReferences>
  <definedNames>
    <definedName name="_Hlk64039491" localSheetId="0">Dataset!$A$5</definedName>
    <definedName name="BETSurfaceArea">#REF!</definedName>
    <definedName name="colBETQA">OFFSET(rngBETRP,1,1,COUNT('[1]BET Surface Area Report'!$F:$F),1)</definedName>
    <definedName name="colBETRP">OFFSET(rngBETRP,1,0,COUNT('[1]BET Surface Area Report'!$F:$F),1)</definedName>
    <definedName name="colBETRP2">OFFSET(rngBETRP,rngBETPrCnt2+1,0,rngBETPrCnt3,1)</definedName>
    <definedName name="colBETY">OFFSET(rngBETRP,1,2,COUNT('[1]BET Surface Area Report'!$F:$F),1)</definedName>
    <definedName name="colBETY2">OFFSET(rngBETRP,rngBETPrCnt2+1,2,rngBETPrCnt3,1)</definedName>
    <definedName name="colLANAP">OFFSET(rngLANAP,1,0,COUNT([1]Langmuir!$F:$F),1)</definedName>
    <definedName name="colLANAP2">OFFSET(rngLANAP,rngLANPrCnt2+1,0,rngLANPrCnt3,1)</definedName>
    <definedName name="colLANY">OFFSET(rngLANAP,1,2,COUNT([1]Langmuir!$F:$F),1)</definedName>
    <definedName name="colLANY2">OFFSET(rngLANAP,rngLANPrCnt2+1,2,rngLANPrCnt3,1)</definedName>
    <definedName name="colTPLOTQA">OFFSET(rngTPLOTRP,1,1,COUNT('[1]t-Plot'!$F:$F),1)</definedName>
    <definedName name="colTPLOTRP">OFFSET(rngTPLOTRP,1,1,COUNT('[1]t-Plot'!$F:$F),1)</definedName>
    <definedName name="colTPLOTRP2">OFFSET(rngTPLOTRP,rngTPLOTPrCnt2+1,1,rngTPLOTPrCnt3,1)</definedName>
    <definedName name="colTPLOTY">OFFSET(rngTPLOTRP,1,2,COUNT('[1]t-Plot'!$F:$F),1)</definedName>
    <definedName name="colTPLOTY2">OFFSET(rngTPLOTRP,rngTPLOTPrCnt2+1,2,rngTPLOTPrCnt3,1)</definedName>
    <definedName name="criteriaMax">#REF!</definedName>
    <definedName name="criteriaMax2">'[1]BET Surface Area Report'!$H$4:$H$5</definedName>
    <definedName name="criteriaMax2Lan">[1]Langmuir!$H$4:$H$5</definedName>
    <definedName name="criteriaMax2TPLOT">'[1]t-Plot'!$H$4:$H$5</definedName>
    <definedName name="criteriaMin">#REF!</definedName>
    <definedName name="criteriaMin2">#REF!</definedName>
    <definedName name="criteriaRP">#REF!</definedName>
    <definedName name="Experimental_Data_Limits">#REF!</definedName>
    <definedName name="keyColHdrAP">#REF!</definedName>
    <definedName name="keyColHdrKey">#REF!</definedName>
    <definedName name="keyColHdrRP">#REF!</definedName>
    <definedName name="lblBETX">#REF!</definedName>
    <definedName name="lblBETY">#REF!</definedName>
    <definedName name="lblGAS">[1]Parameters!$B$2</definedName>
    <definedName name="lblQA">#REF!</definedName>
    <definedName name="lblRP">#REF!</definedName>
    <definedName name="lblY">#REF!</definedName>
    <definedName name="rngAP">OFFSET(keyColHdrAP,1,0,COUNT(#REF!),1)</definedName>
    <definedName name="rngAPRPQA">OFFSET(keyColHdrAP,0,0,MATCH("A",#REF!,0)-ROW(keyColHdrKey)+1,4)</definedName>
    <definedName name="rngAPRPQA_full">OFFSET(keyColHdrAP,1,0,COUNT(#REF!),3)</definedName>
    <definedName name="rngAPRPQA_Range">OFFSET(keyColHdrAP,1,-1,MATCH("A",#REF!,0)-ROW(keyColHdrKey),3)</definedName>
    <definedName name="rngAPRPQA_Range2">OFFSET(keyColHdrAP,1,0,MATCH("A",#REF!,0)-ROW(keyColHdrKey),5)</definedName>
    <definedName name="rngBETadjmax">'[1]BET Surface Area Report'!$H$7</definedName>
    <definedName name="rngBETadjmin">'[1]BET Surface Area Report'!$G$7</definedName>
    <definedName name="rngBETadjusted">OFFSET(rngStart1,MATCH(rngBETadjmin,'[1]BET Surface Area Report'!$F:$F,0)-1,0,MATCH(rngBETadjmax,'[1]BET Surface Area Report'!$F:$F,0)-MATCH(rngBETadjmin,'[1]BET Surface Area Report'!$F:$F,0)+1,8)</definedName>
    <definedName name="rngBETCount01">'[1]BET Overlays'!$A$17</definedName>
    <definedName name="rngBETCount01a">'[1]BET Overlays'!$A$18</definedName>
    <definedName name="rngBETCount01b">'[1]BET Overlays'!$A$19</definedName>
    <definedName name="rngBETCount02">'[1]BET Overlays'!$G$17</definedName>
    <definedName name="rngBETCount02a">'[1]BET Overlays'!$G$18</definedName>
    <definedName name="rngBETCount02b">'[1]BET Overlays'!$G$19</definedName>
    <definedName name="rngBETCount03">'[1]BET Overlays'!$M$17</definedName>
    <definedName name="rngBETCount03a">'[1]BET Overlays'!$M$18</definedName>
    <definedName name="rngBETCount03b">'[1]BET Overlays'!$M$19</definedName>
    <definedName name="rngBETCount04">'[1]BET Overlays'!$S$17</definedName>
    <definedName name="rngBETCount04a">'[1]BET Overlays'!$S$18</definedName>
    <definedName name="rngBETCount04b">'[1]BET Overlays'!$S$19</definedName>
    <definedName name="rngBETCount05">'[1]BET Overlays'!$Y$17</definedName>
    <definedName name="rngBETCount05a">'[1]BET Overlays'!$Y$18</definedName>
    <definedName name="rngBETCount05b">'[1]BET Overlays'!$Y$19</definedName>
    <definedName name="rngBETMax">#REF!</definedName>
    <definedName name="rngBETmaxincrement">#REF!</definedName>
    <definedName name="rngBETmaxReal">'[1]BET Surface Area Report'!$H$9</definedName>
    <definedName name="rngBETmin">#REF!</definedName>
    <definedName name="rngBETminincrement">#REF!</definedName>
    <definedName name="rngBETminReal">'[1]BET Surface Area Report'!$G$9</definedName>
    <definedName name="rngBETOL01">#REF!</definedName>
    <definedName name="rngBETOL01z">#REF!</definedName>
    <definedName name="rngBETOL02">#REF!</definedName>
    <definedName name="rngBETOL02z">#REF!</definedName>
    <definedName name="rngBETOL03">#REF!</definedName>
    <definedName name="rngBETOL03z">#REF!</definedName>
    <definedName name="rngBETOL04">#REF!</definedName>
    <definedName name="rngBETOL04z">#REF!</definedName>
    <definedName name="rngBETOL05">#REF!</definedName>
    <definedName name="rngBETOL05z">#REF!</definedName>
    <definedName name="rngBETOverlay01">'[1]BET Overlays'!$C$14</definedName>
    <definedName name="rngBETOverlay01X">OFFSET(rngBETCount01,0,2,rngBETCount01,1)</definedName>
    <definedName name="rngBETOverlay01Xa">OFFSET(rngBETCount01,rngBETCount01b,2,rngBETCount01a,1)</definedName>
    <definedName name="rngBETOverlay01Xaa">OFFSET(rngBETCount01,rngBETCount01b,2,rngBETCount01a,1),'[1]BET Overlays'!$C$11</definedName>
    <definedName name="rngBETOverlay01Y">OFFSET(rngBETCount01,0,4,rngBETCount01,1)</definedName>
    <definedName name="rngBETOverlay01Ya">OFFSET(rngBETCount01,rngBETCount01b,4,rngBETCount01a,1)</definedName>
    <definedName name="rngBETOverlay01Yaa">OFFSET(rngBETCount01,rngBETCount01b,4,rngBETCount01a,1),'[1]BET Overlays'!$D$11</definedName>
    <definedName name="rngBETOverlay02">'[1]BET Overlays'!$I$14</definedName>
    <definedName name="rngBETOverlay02X">OFFSET(rngBETCount02,0,2,rngBETCount02,1)</definedName>
    <definedName name="rngBETOverlay02Xa">OFFSET(rngBETCount02,rngBETCount02b,2,rngBETCount02a,1)</definedName>
    <definedName name="rngBETOverlay02Xaa">OFFSET(rngBETCount02,rngBETCount02b,2,rngBETCount02a,1),'[1]BET Overlays'!$I$11</definedName>
    <definedName name="rngBETOverlay02Y">OFFSET(rngBETCount02,0,4,rngBETCount02,1)</definedName>
    <definedName name="rngBETOverlay02Ya">OFFSET(rngBETCount02,rngBETCount02b,4,rngBETCount02a,1)</definedName>
    <definedName name="rngBETOverlay02Yaa">OFFSET(rngBETCount02,rngBETCount02b,4,rngBETCount02a,1),'[1]BET Overlays'!$J$11</definedName>
    <definedName name="rngBETOverlay03">'[1]BET Overlays'!$O$14</definedName>
    <definedName name="rngBETOverlay03X">OFFSET(rngBETCount03,0,2,rngBETCount03,1)</definedName>
    <definedName name="rngBETOverlay03Xa">OFFSET(rngBETCount03,rngBETCount03b,2,rngBETCount03a,1)</definedName>
    <definedName name="rngBETOverlay03Xaa">OFFSET(rngBETCount03,rngBETCount03b,2,rngBETCount03a,1),'[1]BET Overlays'!$O$11</definedName>
    <definedName name="rngBETOverlay03Y">OFFSET(rngBETCount03,0,4,rngBETCount03,1)</definedName>
    <definedName name="rngBETOverlay03Ya">OFFSET(rngBETCount03,rngBETCount03b,4,rngBETCount03a,1)</definedName>
    <definedName name="rngBETOverlay03Yaa">OFFSET(rngBETCount03,rngBETCount03b,4,rngBETCount03a,1),'[1]BET Overlays'!$P$11</definedName>
    <definedName name="rngBETOverlay04">'[1]BET Overlays'!$U$14</definedName>
    <definedName name="rngBETOverlay04X">OFFSET(rngBETCount04,0,2,rngBETCount04,1)</definedName>
    <definedName name="rngBETOverlay04Xa">OFFSET(rngBETCount04,rngBETCount04b,2,rngBETCount04a,1)</definedName>
    <definedName name="rngBETOverlay04Xaa">OFFSET(rngBETCount04,rngBETCount04b,2,rngBETCount04a,1),'[1]BET Overlays'!$U$11</definedName>
    <definedName name="rngBETOverlay04Y">OFFSET(rngBETCount04,0,4,rngBETCount04,1)</definedName>
    <definedName name="rngBETOverlay04Ya">OFFSET(rngBETCount04,rngBETCount04b,4,rngBETCount04a,1)</definedName>
    <definedName name="rngBETOverlay04Yaa">OFFSET(rngBETCount04,rngBETCount04b,4,rngBETCount04a,1),'[1]BET Overlays'!$V$11</definedName>
    <definedName name="rngBETOverlay05">'[1]BET Overlays'!$AA$14</definedName>
    <definedName name="rngBETOverlay05X">OFFSET(rngBETCount05,0,2,rngBETCount05,1)</definedName>
    <definedName name="rngBETOverlay05Xa">OFFSET(rngBETCount05,rngBETCount05b,2,rngBETCount05a,1)</definedName>
    <definedName name="rngBETOverlay05Xaa">OFFSET(rngBETCount05,rngBETCount05b,2,rngBETCount05a,1),'[1]BET Overlays'!$AA$11</definedName>
    <definedName name="rngBETOverlay05Y">OFFSET(rngBETCount05,0,4,rngBETCount05,1)</definedName>
    <definedName name="rngBETOverlay05Ya">OFFSET(rngBETCount05,rngBETCount05b,4,rngBETCount05a,1)</definedName>
    <definedName name="rngBETOverlay05Yaa">OFFSET(rngBETCount05,rngBETCount05b,4,rngBETCount05a,1),'[1]BET Overlays'!$AB$11</definedName>
    <definedName name="rngBETOverlayX">#REF!</definedName>
    <definedName name="rngBETOverride">#REF!</definedName>
    <definedName name="rngBETPrCnt1">#REF!</definedName>
    <definedName name="rngBETPrCnt2">'[1]BET Surface Area Report'!$E$37</definedName>
    <definedName name="rngBETPrCnt3">'[1]BET Surface Area Report'!$E$38</definedName>
    <definedName name="rngBETQA">#REF!</definedName>
    <definedName name="rngBETRP">'[1]BET Surface Area Report'!$F$35</definedName>
    <definedName name="rngBETRPQA">#REF!</definedName>
    <definedName name="rngBETRPQAY">OFFSET(rngBETRP,0,0,COUNT('[1]BET Surface Area Report'!$F:$F)+1,3)</definedName>
    <definedName name="rngBETSheets">#REF!</definedName>
    <definedName name="rngBETY">#REF!</definedName>
    <definedName name="rngDataSource">#REF!</definedName>
    <definedName name="rngGAS">OFFSET(lblGAS,1,0,COUNTA([1]Parameters!$B:$B)-1,1)</definedName>
    <definedName name="rngGASChoices">OFFSET(lblGAS,1,0,COUNTA([1]Parameters!$B:$B)-2,4)</definedName>
    <definedName name="rngGases">OFFSET(lblGAS,1,0,COUNTA([1]Parameters!$B:$B)-1,1)</definedName>
    <definedName name="rngGasLAN">[1]Langmuir!$H$31</definedName>
    <definedName name="rngGasTPLOT">'[1]t-Plot'!$H$30</definedName>
    <definedName name="rngIncrement">#REF!</definedName>
    <definedName name="rngIncrement2">#REF!</definedName>
    <definedName name="rngISOCount01">'[1]zISO Overlays'!$A$18</definedName>
    <definedName name="rngISOCount02">'[1]zISO Overlays'!$G$18</definedName>
    <definedName name="rngISOCount03">'[1]zISO Overlays'!$M$18</definedName>
    <definedName name="rngISOCount04">'[1]zISO Overlays'!$S$18</definedName>
    <definedName name="rngISOCount05">'[1]zISO Overlays'!$Y$18</definedName>
    <definedName name="rngISOList">OFFSET(rngISOListHdr,1,0,COUNTA([1]Parameters!$G:$G),1)</definedName>
    <definedName name="rngISOListHdr">[1]Parameters!$G$2</definedName>
    <definedName name="rngISOSheet01">'[1]zISO Overlays'!$C$15</definedName>
    <definedName name="rngISOSheet01z">#REF!</definedName>
    <definedName name="rngISOSheet02">'[1]zISO Overlays'!$I$15</definedName>
    <definedName name="rngISOSheet02z">#REF!</definedName>
    <definedName name="rngISOSheet03">'[1]zISO Overlays'!$O$15</definedName>
    <definedName name="rngISOSheet03z">#REF!</definedName>
    <definedName name="rngISOSheet04">'[1]zISO Overlays'!$U$15</definedName>
    <definedName name="rngISOSheet04z">#REF!</definedName>
    <definedName name="rngISOSheet05">'[1]zISO Overlays'!$AA$15</definedName>
    <definedName name="rngISOSheet05z">#REF!</definedName>
    <definedName name="rngISOSheets">#REF!</definedName>
    <definedName name="rngkeysheets">[1]Parameters!$K$2</definedName>
    <definedName name="rngLANadjmax">[1]Langmuir!$H$7</definedName>
    <definedName name="rngLANadjmin">[1]Langmuir!$G$7</definedName>
    <definedName name="rngLANAP">[1]Langmuir!$F$35</definedName>
    <definedName name="rngLANCount01">'[1]LAN Overlays'!$A$17</definedName>
    <definedName name="rngLANCount01a">'[1]LAN Overlays'!$A$18</definedName>
    <definedName name="rngLANCount01b">'[1]LAN Overlays'!$A$19</definedName>
    <definedName name="rngLANCount02">'[1]LAN Overlays'!$G$17</definedName>
    <definedName name="rngLANCount02a">'[1]LAN Overlays'!$G$18</definedName>
    <definedName name="rngLANCount02b">'[1]LAN Overlays'!$G$19</definedName>
    <definedName name="rngLANCount03">'[1]LAN Overlays'!$M$17</definedName>
    <definedName name="rngLANCount03a">'[1]LAN Overlays'!$M$18</definedName>
    <definedName name="rngLANCount03b">'[1]LAN Overlays'!$M$19</definedName>
    <definedName name="rngLANCount04">'[1]LAN Overlays'!$S$17</definedName>
    <definedName name="rngLANCount04a">'[1]LAN Overlays'!$S$18</definedName>
    <definedName name="rngLANCount04b">'[1]LAN Overlays'!$S$19</definedName>
    <definedName name="rngLANCount05">'[1]LAN Overlays'!$Y$17</definedName>
    <definedName name="rngLANCount05a">'[1]LAN Overlays'!$Y$18</definedName>
    <definedName name="rngLANCount05b">'[1]LAN Overlays'!$Y$19</definedName>
    <definedName name="rngLANmax">[1]Langmuir!$H$8</definedName>
    <definedName name="rngLANmaxReal">[1]Langmuir!$H$9</definedName>
    <definedName name="rngLANmin">[1]Langmuir!$G$8</definedName>
    <definedName name="rngLANminReal">[1]Langmuir!$G$9</definedName>
    <definedName name="rngLANOverlay01">'[1]LAN Overlays'!$C$14</definedName>
    <definedName name="rngLANOverlay01X">OFFSET(rngLANCount01,0,2,rngLANCount01,1)</definedName>
    <definedName name="rngLANOverlay01Xa">OFFSET(rngLANCount01,rngLANCount01b,2,rngLANCount01a,1)</definedName>
    <definedName name="rngLANOverlay01Y">OFFSET(rngLANCount01,0,4,rngLANCount01,1)</definedName>
    <definedName name="rngLANOverlay01Ya">OFFSET(rngLANCount01,rngLANCount01b,4,rngLANCount01a,1)</definedName>
    <definedName name="rngLANOverlay02">'[1]LAN Overlays'!$I$14</definedName>
    <definedName name="rngLANOverlay02X">OFFSET(rngLANCount02,0,2,rngLANCount02,1)</definedName>
    <definedName name="rngLANOverlay02Xa">OFFSET(rngLANCount02,rngLANCount02b,2,rngLANCount02a,1)</definedName>
    <definedName name="rngLANOverlay02Y">OFFSET(rngLANCount02,0,4,rngLANCount02,1)</definedName>
    <definedName name="rngLANOverlay02Ya">OFFSET(rngLANCount02,rngLANCount02b,4,rngLANCount02a,1)</definedName>
    <definedName name="rngLANOverlay03">'[1]LAN Overlays'!$O$14</definedName>
    <definedName name="rngLANOverlay03X">OFFSET(rngLANCount03,0,2,rngLANCount03,1)</definedName>
    <definedName name="rngLANOverlay03Xa">OFFSET(rngLANCount03,rngLANCount03b,2,rngLANCount03a,1)</definedName>
    <definedName name="rngLANOverlay03Y">OFFSET(rngLANCount03,0,4,rngLANCount03,1)</definedName>
    <definedName name="rngLANOverlay03Ya">OFFSET(rngLANCount03,rngLANCount03b,4,rngLANCount03a,1)</definedName>
    <definedName name="rngLANOverlay04">'[1]LAN Overlays'!$U$14</definedName>
    <definedName name="rngLANOverlay04X">OFFSET(rngLANCount04,0,2,rngLANCount04,1)</definedName>
    <definedName name="rngLANOverlay04Xa">OFFSET(rngLANCount04,rngLANCount04b,2,rngLANCount04a,1)</definedName>
    <definedName name="rngLANOverlay04Y">OFFSET(rngLANCount04,0,4,rngLANCount04,1)</definedName>
    <definedName name="rngLANOverlay04Ya">OFFSET(rngLANCount04,rngLANCount04b,4,rngLANCount04a,1)</definedName>
    <definedName name="rngLANOverlay05">'[1]LAN Overlays'!$AA$14</definedName>
    <definedName name="rngLANOverlay05X">OFFSET(rngLANCount05,0,2,rngLANCount05,1)</definedName>
    <definedName name="rngLANOverlay05Xa">OFFSET(rngLANCount05,rngLANCount05b,2,rngLANCount05a,1)</definedName>
    <definedName name="rngLANOverlay05Y">OFFSET(rngLANCount05,0,4,rngLANCount05,1)</definedName>
    <definedName name="rngLANOverlay05Ya">OFFSET(rngLANCount05,rngLANCount05b,4,rngLANCount05a,1)</definedName>
    <definedName name="rngLANPrCnt2">[1]Langmuir!$E$37</definedName>
    <definedName name="rngLANPrCnt3">[1]Langmuir!$E$38</definedName>
    <definedName name="rnglistKeySheets">OFFSET(rngkeysheets,1,0,COUNTA([1]Parameters!$K:$K)-1,1)</definedName>
    <definedName name="rngListWorksheets">OFFSET(rngWorksheets,1,0,COUNTA([1]Parameters!$I:$I)-1,1)</definedName>
    <definedName name="rngListWorksheetsShow">OFFSET(rngWorksheets,1,1,COUNTA([1]Parameters!$J:$J)-1,1)</definedName>
    <definedName name="rngLower">#REF!</definedName>
    <definedName name="rngOverlay01_X">OFFSET(rngISOCount01,0,2,rngISOCount01,1)</definedName>
    <definedName name="rngOverlay01_Y">OFFSET(rngISOCount01,0,3,rngISOCount01,1)</definedName>
    <definedName name="rngOverlay02_X">OFFSET(rngISOCount02,0,2,rngISOCount02,1)</definedName>
    <definedName name="rngOverlay02_Y">OFFSET(rngISOCount02,0,3,rngISOCount02,1)</definedName>
    <definedName name="rngOverlay03_X">OFFSET(rngISOCount03,0,2,rngISOCount03,1)</definedName>
    <definedName name="rngOverlay03_Y">OFFSET(rngISOCount03,0,3,rngISOCount03,1)</definedName>
    <definedName name="rngOverlay04_X">OFFSET(rngISOCount04,0,2,rngISOCount04,1)</definedName>
    <definedName name="rngOverlay04_Y">OFFSET(rngISOCount04,0,3,rngISOCount04,1)</definedName>
    <definedName name="rngOverlay05_X">OFFSET(rngISOCount05,0,2,rngISOCount05,1)</definedName>
    <definedName name="rngOverlay05_Y">OFFSET(rngISOCount05,0,3,rngISOCount05,1)</definedName>
    <definedName name="rngOverride">#REF!</definedName>
    <definedName name="rngPrimary">#REF!</definedName>
    <definedName name="rngPrimary2">#REF!</definedName>
    <definedName name="rngQA">OFFSET(keyColHdrRP,1,1,COUNT(#REF!),1)</definedName>
    <definedName name="rngQAAd">OFFSET(keyColHdrRP,1,1,MATCH("A",#REF!,FALSE)-ROW(keyColHdrRP),1)</definedName>
    <definedName name="rngQADe">OFFSET(keyColHdrRP,MATCH("A",#REF!,FALSE)-ROW(keyColHdrRP)+1,1,(ROW(keyColHdrRP)+COUNT(#REF!))-(MATCH("A",#REF!,FALSE)),1)</definedName>
    <definedName name="rngRP">OFFSET(keyColHdrRP,1,0,IF(COUNT(#REF!)=0,1,COUNT(#REF!)),1)</definedName>
    <definedName name="rngRPAd">OFFSET(keyColHdrRP,1,0,MATCH("A",#REF!,FALSE)-ROW(keyColHdrRP),1)</definedName>
    <definedName name="rngRPDe">OFFSET(keyColHdrRP,MATCH("A",#REF!,FALSE)-ROW(keyColHdrRP)+1,0,(ROW(keyColHdrRP)+COUNT(#REF!))-(MATCH("A",#REF!,FALSE)),1)</definedName>
    <definedName name="rngRPQA">OFFSET(keyColHdrRP,0,0,MATCH("A",#REF!,0)-ROW(keyColHdrKey)+1,3)</definedName>
    <definedName name="rngRPQA_full">OFFSET(keyColHdrRP,1,0,COUNT(#REF!),2)</definedName>
    <definedName name="rngRPQA_full2">OFFSET(keyColHdrAP,1,0,COUNT(#REF!),3)</definedName>
    <definedName name="rngRPQA_Range">OFFSET(keyColHdrAP,1,-1,MATCH("A",#REF!,0)-ROW(keyColHdrKey),3)</definedName>
    <definedName name="rngRPQA_Range2">OFFSET(keyColHdrRP,1,0,MATCH("A",#REF!,0)-ROW(keyColHdrKey),4)</definedName>
    <definedName name="rngSelectedGas2">'[1]BET Surface Area Report'!$H$31</definedName>
    <definedName name="rngSelectMethod">'[1]t-Plot'!$H$34</definedName>
    <definedName name="rngSheetName">#REF!</definedName>
    <definedName name="rngStart1">#REF!</definedName>
    <definedName name="rngTesting1">OFFSET(rngStart1,MATCH(rngBETadjmin,'[1]BET Surface Area Report'!$F:$F,0)-1,0,MATCH(rngBETadjmax,'[1]BET Surface Area Report'!$F:$F,0)-MATCH(rngBETadjmin,'[1]BET Surface Area Report'!$F:$F,0)+1,3)</definedName>
    <definedName name="rngThicknessRP">[1]Parameters!$Q$2</definedName>
    <definedName name="rngThickRP1">OFFSET(rngThicknessRP,1,0,COUNTA([1]Parameters!$Q:$Q)-1,1)</definedName>
    <definedName name="rngThickRP2">OFFSET(rngThicknessRP,1,0,COUNTA([1]Parameters!$Q:$Q)-1,2)</definedName>
    <definedName name="rngTParameters">[1]Parameters!$L$2:$O$6</definedName>
    <definedName name="rngTPLOTadjmax">'[1]t-Plot'!$H$7</definedName>
    <definedName name="rngTPLOTadjmin">'[1]t-Plot'!$G$7</definedName>
    <definedName name="rngTPLOTCount01">'[1]t-Plot Overlays'!$A$17</definedName>
    <definedName name="rngTPLOTCount01a">'[1]t-Plot Overlays'!$A$18</definedName>
    <definedName name="rngTPLOTCount01b">'[1]t-Plot Overlays'!$A$19</definedName>
    <definedName name="rngTPLOTCount02">'[1]t-Plot Overlays'!$G$17</definedName>
    <definedName name="rngTPLOTCount02a">'[1]t-Plot Overlays'!$G$18</definedName>
    <definedName name="rngTPLOTCount02b">'[1]t-Plot Overlays'!$G$19</definedName>
    <definedName name="rngTPLOTCount03">'[1]t-Plot Overlays'!$M$17</definedName>
    <definedName name="rngTPLOTCount03a">'[1]t-Plot Overlays'!$M$18</definedName>
    <definedName name="rngTPLOTCount03b">'[1]t-Plot Overlays'!$M$19</definedName>
    <definedName name="rngTPLOTCount04">'[1]t-Plot Overlays'!$S$17</definedName>
    <definedName name="rngTPLOTCount04a">'[1]t-Plot Overlays'!$S$18</definedName>
    <definedName name="rngTPLOTCount04b">'[1]t-Plot Overlays'!$S$19</definedName>
    <definedName name="rngTPLOTCount05">'[1]t-Plot Overlays'!$Y$17</definedName>
    <definedName name="rngTPLOTCount05a">'[1]t-Plot Overlays'!$Y$18</definedName>
    <definedName name="rngTPLOTCount05b">'[1]t-Plot Overlays'!$Y$19</definedName>
    <definedName name="rngTPlotMax">'[1]t-Plot'!$H$8</definedName>
    <definedName name="rngTPlotmaxReal">'[1]t-Plot'!$H$9</definedName>
    <definedName name="rngTPlotmin">'[1]t-Plot'!$G$8</definedName>
    <definedName name="rngTPlotminReal">'[1]t-Plot'!$G$9</definedName>
    <definedName name="rngTPLOTOverlay01">'[1]t-Plot Overlays'!$C$14</definedName>
    <definedName name="rngTPLOTOverlay01X">OFFSET(rngTPLOTCount01,0,2,rngTPLOTCount01,1)</definedName>
    <definedName name="rngTPLOTOverlay01Xa">OFFSET(rngTPLOTCount01,rngTPLOTCount01b,3,rngTPLOTCount01a,1)</definedName>
    <definedName name="rngTPLOTOverlay01Y">OFFSET(rngTPLOTCount01,0,4,rngTPLOTCount01,1)</definedName>
    <definedName name="rngTPLOTOverlay01Ya">OFFSET(rngTPLOTCount01,rngTPLOTCount01b,4,rngTPLOTCount01a,1)</definedName>
    <definedName name="rngTPLOTOverlay02">'[1]t-Plot Overlays'!$I$14</definedName>
    <definedName name="rngTPLOTOverlay02X">OFFSET(rngTPLOTCount02,0,2,rngTPLOTCount02,1)</definedName>
    <definedName name="rngTPLOTOverlay02Xa">OFFSET(rngTPLOTCount02,rngTPLOTCount02b,3,rngTPLOTCount02a,1)</definedName>
    <definedName name="rngTPLOTOverlay02Y">OFFSET(rngTPLOTCount02,0,4,rngTPLOTCount02,1)</definedName>
    <definedName name="rngTPLOTOverlay02Ya">OFFSET(rngTPLOTCount02,rngTPLOTCount02b,4,rngTPLOTCount02a,1)</definedName>
    <definedName name="rngTPLOTOverlay03">'[1]t-Plot Overlays'!$O$14</definedName>
    <definedName name="rngTPLOTOverlay03X">OFFSET(rngTPLOTCount03,0,2,rngTPLOTCount03,1)</definedName>
    <definedName name="rngTPLOTOverlay03Xa">OFFSET(rngTPLOTCount03,rngTPLOTCount03b,3,rngTPLOTCount03a,1)</definedName>
    <definedName name="rngTPLOTOverlay03Y">OFFSET(rngTPLOTCount03,0,4,rngTPLOTCount03,1)</definedName>
    <definedName name="rngTPLOTOverlay03Ya">OFFSET(rngTPLOTCount03,rngTPLOTCount03b,4,rngTPLOTCount03a,1)</definedName>
    <definedName name="rngTPLOTOverlay04">'[1]t-Plot Overlays'!$U$14</definedName>
    <definedName name="rngTPLOTOverlay04X">OFFSET(rngTPLOTCount04,0,2,rngTPLOTCount04,1)</definedName>
    <definedName name="rngTPLOTOverlay04Xa">OFFSET(rngTPLOTCount04,rngTPLOTCount04b,3,rngTPLOTCount04a,1)</definedName>
    <definedName name="rngTPLOTOverlay04Y">OFFSET(rngTPLOTCount04,0,4,rngTPLOTCount04,1)</definedName>
    <definedName name="rngTPLOTOverlay04Ya">OFFSET(rngTPLOTCount04,rngTPLOTCount04b,4,rngTPLOTCount04a,1)</definedName>
    <definedName name="rngTPLOTOverlay05">'[1]t-Plot Overlays'!$AA$14</definedName>
    <definedName name="rngTPLOTOverlay05X">OFFSET(rngTPLOTCount05,0,2,rngTPLOTCount05,1)</definedName>
    <definedName name="rngTPLOTOverlay05Xa">OFFSET(rngTPLOTCount05,rngTPLOTCount05b,3,rngTPLOTCount05a,1)</definedName>
    <definedName name="rngTPLOTOverlay05Y">OFFSET(rngTPLOTCount05,0,4,rngTPLOTCount05,1)</definedName>
    <definedName name="rngTPLOTOverlay05Ya">OFFSET(rngTPLOTCount05,rngTPLOTCount05b,4,rngTPLOTCount05a,1)</definedName>
    <definedName name="rngTPLOTPrCnt2">'[1]t-Plot'!$E$46</definedName>
    <definedName name="rngTPLOTPrCnt3">'[1]t-Plot'!$E$47</definedName>
    <definedName name="rngTPLOTRP">'[1]t-Plot'!$F$44</definedName>
    <definedName name="rngWorksheets">[1]Parameters!$I$2</definedName>
    <definedName name="SelectedGAS">#REF!</definedName>
    <definedName name="ThicknessType">[1]Parameters!$L$3:$L$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94" uniqueCount="38">
  <si>
    <t>Dataset</t>
  </si>
  <si>
    <t>S-P-1.4</t>
  </si>
  <si>
    <t>S-P-1.7</t>
  </si>
  <si>
    <t>S-P-2.6</t>
  </si>
  <si>
    <t>S-0</t>
  </si>
  <si>
    <t>p/p0</t>
  </si>
  <si>
    <t>V (cm3/g STP)</t>
  </si>
  <si>
    <t>S-D-1.6</t>
  </si>
  <si>
    <t>S-D-2.5</t>
  </si>
  <si>
    <t>S-D-2.8</t>
  </si>
  <si>
    <t>S-T-1.7</t>
  </si>
  <si>
    <t>S-T-2.4</t>
  </si>
  <si>
    <t>S-T-3.5</t>
  </si>
  <si>
    <t>p/po</t>
  </si>
  <si>
    <t>##DATA TYPE=INFRARED SPECTRUM</t>
  </si>
  <si>
    <t>##XUNITS=1/CM</t>
  </si>
  <si>
    <t>##YUNITS=%T</t>
  </si>
  <si>
    <t>CO2</t>
  </si>
  <si>
    <t>CH4</t>
  </si>
  <si>
    <t>Sample</t>
  </si>
  <si>
    <t>Loading298ch4</t>
  </si>
  <si>
    <t>p313ch4 (kPa)</t>
  </si>
  <si>
    <t>p298ch4 (Kpa)</t>
  </si>
  <si>
    <r>
      <t>Effect of combined primary and secondary amine loadings on the adsorption mechanism of CO</t>
    </r>
    <r>
      <rPr>
        <b/>
        <vertAlign val="subscript"/>
        <sz val="14"/>
        <color theme="1"/>
        <rFont val="Arial"/>
        <family val="2"/>
      </rPr>
      <t>2</t>
    </r>
    <r>
      <rPr>
        <b/>
        <sz val="14"/>
        <color theme="1"/>
        <rFont val="Arial"/>
        <family val="2"/>
      </rPr>
      <t xml:space="preserve"> and CH</t>
    </r>
    <r>
      <rPr>
        <b/>
        <vertAlign val="subscript"/>
        <sz val="14"/>
        <color theme="1"/>
        <rFont val="Arial"/>
        <family val="2"/>
      </rPr>
      <t>4</t>
    </r>
    <r>
      <rPr>
        <b/>
        <sz val="14"/>
        <color theme="1"/>
        <rFont val="Arial"/>
        <family val="2"/>
      </rPr>
      <t xml:space="preserve"> in biogas</t>
    </r>
  </si>
  <si>
    <r>
      <t>Basil Wadi, Ayub Golmakani, Vasilije Manovic, Seyed Ali Nabavi</t>
    </r>
    <r>
      <rPr>
        <vertAlign val="superscript"/>
        <sz val="14"/>
        <color theme="1"/>
        <rFont val="Arial"/>
        <family val="2"/>
      </rPr>
      <t>*</t>
    </r>
  </si>
  <si>
    <t>Corresponding author: *Seyed Ali Nabavi (s.nabavi@cranfield.ac.uk)</t>
  </si>
  <si>
    <t>Centre for Climate and Environmental Protection, Cranfield University, Bedford, Bedfordshire MK43 0AL, UK</t>
  </si>
  <si>
    <t>-196 C</t>
  </si>
  <si>
    <t>Loading313ch4</t>
  </si>
  <si>
    <t>Nitrogen Gas</t>
  </si>
  <si>
    <t>Temp</t>
  </si>
  <si>
    <t>##YUNITS=%Transmittance</t>
  </si>
  <si>
    <t>##XUNITS=1/CM Wavelength</t>
  </si>
  <si>
    <t>p298co2(kpa)</t>
  </si>
  <si>
    <t>Loading298co2</t>
  </si>
  <si>
    <t>p313co2(kpa)</t>
  </si>
  <si>
    <t>Loading313co2</t>
  </si>
  <si>
    <t>G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000"/>
    <numFmt numFmtId="165" formatCode="0.000"/>
  </numFmts>
  <fonts count="20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11"/>
      <name val="Calibri"/>
      <family val="2"/>
      <scheme val="minor"/>
    </font>
    <font>
      <b/>
      <sz val="11"/>
      <color theme="1"/>
      <name val="Arial"/>
      <family val="2"/>
    </font>
    <font>
      <sz val="10"/>
      <name val="Arial"/>
      <family val="2"/>
    </font>
    <font>
      <b/>
      <sz val="16"/>
      <color theme="1"/>
      <name val="Arial"/>
      <family val="2"/>
    </font>
    <font>
      <b/>
      <sz val="20"/>
      <color theme="1"/>
      <name val="Arial"/>
      <family val="2"/>
    </font>
    <font>
      <i/>
      <sz val="16"/>
      <color theme="1"/>
      <name val="Arial"/>
      <family val="2"/>
    </font>
    <font>
      <i/>
      <sz val="14"/>
      <color theme="1"/>
      <name val="Arial"/>
      <family val="2"/>
    </font>
    <font>
      <sz val="14"/>
      <color theme="1"/>
      <name val="Arial"/>
      <family val="2"/>
    </font>
    <font>
      <sz val="12"/>
      <color theme="1"/>
      <name val="Arial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9"/>
      <color rgb="FF000000"/>
      <name val="Microsoft YaHei UI"/>
      <family val="2"/>
    </font>
    <font>
      <sz val="10"/>
      <color indexed="10"/>
      <name val="Arial"/>
      <family val="2"/>
    </font>
    <font>
      <sz val="11"/>
      <color rgb="FF000000"/>
      <name val="Calibri"/>
      <family val="2"/>
      <scheme val="minor"/>
    </font>
    <font>
      <sz val="11"/>
      <color indexed="10"/>
      <name val="Calibri"/>
      <family val="2"/>
      <scheme val="minor"/>
    </font>
    <font>
      <b/>
      <sz val="14"/>
      <color theme="1"/>
      <name val="Arial"/>
      <family val="2"/>
    </font>
    <font>
      <b/>
      <vertAlign val="subscript"/>
      <sz val="14"/>
      <color theme="1"/>
      <name val="Arial"/>
      <family val="2"/>
    </font>
    <font>
      <vertAlign val="superscript"/>
      <sz val="14"/>
      <color theme="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</borders>
  <cellStyleXfs count="8">
    <xf numFmtId="0" fontId="0" fillId="0" borderId="0"/>
    <xf numFmtId="0" fontId="1" fillId="0" borderId="0"/>
    <xf numFmtId="0" fontId="4" fillId="0" borderId="0"/>
    <xf numFmtId="0" fontId="11" fillId="0" borderId="0"/>
    <xf numFmtId="0" fontId="11" fillId="0" borderId="0"/>
    <xf numFmtId="0" fontId="11" fillId="0" borderId="0"/>
    <xf numFmtId="0" fontId="11" fillId="0" borderId="0"/>
    <xf numFmtId="0" fontId="11" fillId="0" borderId="0"/>
  </cellStyleXfs>
  <cellXfs count="68">
    <xf numFmtId="0" fontId="0" fillId="0" borderId="0" xfId="0"/>
    <xf numFmtId="0" fontId="1" fillId="2" borderId="0" xfId="1" applyFill="1"/>
    <xf numFmtId="0" fontId="5" fillId="2" borderId="0" xfId="1" applyFont="1" applyFill="1" applyAlignment="1">
      <alignment horizontal="center" vertical="center"/>
    </xf>
    <xf numFmtId="0" fontId="6" fillId="2" borderId="0" xfId="1" applyFont="1" applyFill="1" applyAlignment="1">
      <alignment horizontal="center" vertical="center"/>
    </xf>
    <xf numFmtId="0" fontId="7" fillId="0" borderId="0" xfId="1" applyFont="1" applyAlignment="1">
      <alignment horizontal="center" vertical="center"/>
    </xf>
    <xf numFmtId="0" fontId="8" fillId="2" borderId="0" xfId="1" applyFont="1" applyFill="1" applyAlignment="1">
      <alignment horizontal="center" vertical="center"/>
    </xf>
    <xf numFmtId="0" fontId="7" fillId="2" borderId="0" xfId="1" applyFont="1" applyFill="1" applyAlignment="1">
      <alignment horizontal="center"/>
    </xf>
    <xf numFmtId="0" fontId="8" fillId="2" borderId="0" xfId="1" applyFont="1" applyFill="1" applyAlignment="1">
      <alignment horizontal="center" vertical="center" wrapText="1"/>
    </xf>
    <xf numFmtId="0" fontId="9" fillId="2" borderId="0" xfId="1" applyFont="1" applyFill="1" applyAlignment="1">
      <alignment horizontal="justify" vertical="center" wrapText="1"/>
    </xf>
    <xf numFmtId="0" fontId="10" fillId="2" borderId="0" xfId="1" applyFont="1" applyFill="1" applyAlignment="1">
      <alignment horizontal="justify" vertical="center"/>
    </xf>
    <xf numFmtId="0" fontId="12" fillId="2" borderId="0" xfId="0" applyFont="1" applyFill="1"/>
    <xf numFmtId="2" fontId="0" fillId="2" borderId="0" xfId="0" applyNumberFormat="1" applyFill="1" applyAlignment="1">
      <alignment horizontal="center"/>
    </xf>
    <xf numFmtId="2" fontId="13" fillId="2" borderId="0" xfId="0" applyNumberFormat="1" applyFont="1" applyFill="1" applyAlignment="1">
      <alignment horizontal="center" vertical="center"/>
    </xf>
    <xf numFmtId="2" fontId="13" fillId="2" borderId="0" xfId="0" applyNumberFormat="1" applyFont="1" applyFill="1" applyAlignment="1">
      <alignment horizontal="center" vertical="center" wrapText="1"/>
    </xf>
    <xf numFmtId="0" fontId="0" fillId="0" borderId="0" xfId="0" applyAlignment="1">
      <alignment horizontal="center"/>
    </xf>
    <xf numFmtId="165" fontId="0" fillId="0" borderId="0" xfId="0" applyNumberFormat="1" applyAlignment="1">
      <alignment horizontal="center"/>
    </xf>
    <xf numFmtId="2" fontId="0" fillId="0" borderId="0" xfId="0" applyNumberFormat="1" applyAlignment="1">
      <alignment horizontal="center"/>
    </xf>
    <xf numFmtId="165" fontId="0" fillId="0" borderId="0" xfId="0" applyNumberFormat="1"/>
    <xf numFmtId="0" fontId="1" fillId="0" borderId="0" xfId="1"/>
    <xf numFmtId="0" fontId="3" fillId="0" borderId="0" xfId="1" applyFont="1"/>
    <xf numFmtId="164" fontId="1" fillId="0" borderId="0" xfId="1" applyNumberFormat="1"/>
    <xf numFmtId="164" fontId="14" fillId="0" borderId="0" xfId="2" applyNumberFormat="1" applyFont="1" applyAlignment="1">
      <alignment horizontal="center" vertical="center" wrapText="1"/>
    </xf>
    <xf numFmtId="0" fontId="11" fillId="0" borderId="3" xfId="4" applyBorder="1"/>
    <xf numFmtId="0" fontId="11" fillId="0" borderId="0" xfId="4"/>
    <xf numFmtId="0" fontId="12" fillId="0" borderId="0" xfId="0" applyFont="1"/>
    <xf numFmtId="0" fontId="13" fillId="0" borderId="0" xfId="0" applyFont="1" applyAlignment="1">
      <alignment vertical="center" wrapText="1"/>
    </xf>
    <xf numFmtId="0" fontId="0" fillId="0" borderId="0" xfId="1" applyFont="1"/>
    <xf numFmtId="0" fontId="0" fillId="0" borderId="0" xfId="0" applyFont="1"/>
    <xf numFmtId="0" fontId="12" fillId="0" borderId="1" xfId="0" applyFont="1" applyBorder="1"/>
    <xf numFmtId="0" fontId="12" fillId="0" borderId="2" xfId="0" applyFont="1" applyBorder="1"/>
    <xf numFmtId="0" fontId="12" fillId="0" borderId="0" xfId="1" applyFont="1"/>
    <xf numFmtId="164" fontId="16" fillId="0" borderId="0" xfId="2" applyNumberFormat="1" applyFont="1" applyAlignment="1">
      <alignment horizontal="center" vertical="center" wrapText="1"/>
    </xf>
    <xf numFmtId="0" fontId="12" fillId="0" borderId="0" xfId="1" applyFont="1" applyBorder="1"/>
    <xf numFmtId="0" fontId="0" fillId="0" borderId="0" xfId="1" applyFont="1" applyBorder="1"/>
    <xf numFmtId="0" fontId="0" fillId="0" borderId="0" xfId="0" applyFont="1" applyBorder="1"/>
    <xf numFmtId="165" fontId="1" fillId="0" borderId="0" xfId="1" applyNumberFormat="1"/>
    <xf numFmtId="165" fontId="3" fillId="0" borderId="0" xfId="1" applyNumberFormat="1" applyFont="1"/>
    <xf numFmtId="0" fontId="11" fillId="0" borderId="0" xfId="1" applyFont="1"/>
    <xf numFmtId="165" fontId="11" fillId="0" borderId="0" xfId="1" applyNumberFormat="1" applyFont="1"/>
    <xf numFmtId="165" fontId="12" fillId="0" borderId="0" xfId="1" applyNumberFormat="1" applyFont="1"/>
    <xf numFmtId="0" fontId="12" fillId="0" borderId="0" xfId="1" applyFont="1" applyAlignment="1">
      <alignment horizontal="center"/>
    </xf>
    <xf numFmtId="165" fontId="0" fillId="0" borderId="0" xfId="1" applyNumberFormat="1" applyFont="1"/>
    <xf numFmtId="165" fontId="0" fillId="0" borderId="0" xfId="0" applyNumberFormat="1" applyFont="1"/>
    <xf numFmtId="165" fontId="12" fillId="0" borderId="0" xfId="0" applyNumberFormat="1" applyFont="1"/>
    <xf numFmtId="165" fontId="2" fillId="0" borderId="0" xfId="2" applyNumberFormat="1" applyFont="1" applyAlignment="1">
      <alignment horizontal="center" vertical="center" wrapText="1"/>
    </xf>
    <xf numFmtId="165" fontId="11" fillId="0" borderId="0" xfId="0" applyNumberFormat="1" applyFont="1"/>
    <xf numFmtId="164" fontId="11" fillId="0" borderId="0" xfId="1" applyNumberFormat="1" applyFont="1"/>
    <xf numFmtId="0" fontId="11" fillId="0" borderId="0" xfId="0" applyFont="1"/>
    <xf numFmtId="165" fontId="15" fillId="0" borderId="0" xfId="0" applyNumberFormat="1" applyFont="1" applyAlignment="1">
      <alignment vertical="center" wrapText="1"/>
    </xf>
    <xf numFmtId="165" fontId="0" fillId="0" borderId="0" xfId="1" applyNumberFormat="1" applyFont="1" applyBorder="1"/>
    <xf numFmtId="0" fontId="12" fillId="0" borderId="0" xfId="0" applyFont="1" applyAlignment="1">
      <alignment horizontal="center"/>
    </xf>
    <xf numFmtId="0" fontId="0" fillId="0" borderId="0" xfId="0" applyFont="1" applyAlignment="1">
      <alignment horizontal="center"/>
    </xf>
    <xf numFmtId="165" fontId="0" fillId="0" borderId="0" xfId="0" applyNumberFormat="1" applyFont="1" applyAlignment="1">
      <alignment horizontal="center"/>
    </xf>
    <xf numFmtId="165" fontId="2" fillId="0" borderId="0" xfId="0" applyNumberFormat="1" applyFont="1" applyAlignment="1">
      <alignment horizontal="center"/>
    </xf>
    <xf numFmtId="0" fontId="15" fillId="0" borderId="0" xfId="0" applyFont="1" applyAlignment="1">
      <alignment horizontal="center" vertical="center" wrapText="1"/>
    </xf>
    <xf numFmtId="165" fontId="2" fillId="0" borderId="0" xfId="0" applyNumberFormat="1" applyFont="1" applyAlignment="1">
      <alignment horizontal="center" vertical="center" wrapText="1"/>
    </xf>
    <xf numFmtId="0" fontId="0" fillId="0" borderId="0" xfId="4" applyFont="1" applyAlignment="1">
      <alignment horizontal="center"/>
    </xf>
    <xf numFmtId="165" fontId="2" fillId="0" borderId="0" xfId="4" applyNumberFormat="1" applyFont="1" applyAlignment="1">
      <alignment horizontal="center"/>
    </xf>
    <xf numFmtId="165" fontId="0" fillId="0" borderId="0" xfId="1" applyNumberFormat="1" applyFont="1" applyAlignment="1">
      <alignment horizontal="center"/>
    </xf>
    <xf numFmtId="0" fontId="0" fillId="0" borderId="0" xfId="1" applyFont="1" applyAlignment="1">
      <alignment horizontal="center"/>
    </xf>
    <xf numFmtId="165" fontId="12" fillId="0" borderId="0" xfId="1" applyNumberFormat="1" applyFont="1" applyAlignment="1">
      <alignment horizontal="center"/>
    </xf>
    <xf numFmtId="0" fontId="0" fillId="0" borderId="0" xfId="5" applyFont="1" applyAlignment="1">
      <alignment horizontal="center"/>
    </xf>
    <xf numFmtId="0" fontId="0" fillId="0" borderId="0" xfId="7" applyFont="1" applyAlignment="1">
      <alignment horizontal="center"/>
    </xf>
    <xf numFmtId="0" fontId="9" fillId="0" borderId="0" xfId="0" applyFont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12" fillId="0" borderId="0" xfId="0" quotePrefix="1" applyFont="1"/>
    <xf numFmtId="0" fontId="12" fillId="0" borderId="0" xfId="0" applyFont="1" applyAlignment="1">
      <alignment wrapText="1"/>
    </xf>
    <xf numFmtId="0" fontId="12" fillId="0" borderId="0" xfId="0" applyFont="1" applyAlignment="1">
      <alignment horizontal="left"/>
    </xf>
  </cellXfs>
  <cellStyles count="8">
    <cellStyle name="Normal" xfId="0" builtinId="0"/>
    <cellStyle name="Normal 11" xfId="3" xr:uid="{8B956377-FED0-41B4-B6ED-A4E6AED6D8A3}"/>
    <cellStyle name="Normal 2_DPL_Regression-AR-1-25-12" xfId="2" xr:uid="{E8EA1043-A04D-4F57-AC05-4EA36C2A0763}"/>
    <cellStyle name="Normal 3" xfId="6" xr:uid="{FD12A7E3-D1C6-4A42-A2FD-C3BF5A187711}"/>
    <cellStyle name="Normal 3 2" xfId="1" xr:uid="{00000000-0005-0000-0000-000001000000}"/>
    <cellStyle name="Normal 6" xfId="7" xr:uid="{1DA70809-7A6E-40BD-8F1E-FD2F6B910ACB}"/>
    <cellStyle name="Normal 7" xfId="5" xr:uid="{00150B2F-C39F-4832-AC47-9CDFED1D4C80}"/>
    <cellStyle name="Normal 8" xfId="4" xr:uid="{0EABBA33-219B-4E96-9AEA-8AC2E972701D}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9.xml"/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1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0.xml"/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xl/charts/_rels/chart12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1.xml"/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xl/charts/_rels/chart13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2.xml"/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xl/charts/_rels/chart14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3.xml"/><Relationship Id="rId2" Type="http://schemas.microsoft.com/office/2011/relationships/chartColorStyle" Target="colors14.xml"/><Relationship Id="rId1" Type="http://schemas.microsoft.com/office/2011/relationships/chartStyle" Target="style14.xml"/></Relationships>
</file>

<file path=xl/charts/_rels/chart15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4.xml"/><Relationship Id="rId2" Type="http://schemas.microsoft.com/office/2011/relationships/chartColorStyle" Target="colors15.xml"/><Relationship Id="rId1" Type="http://schemas.microsoft.com/office/2011/relationships/chartStyle" Target="style15.xml"/></Relationships>
</file>

<file path=xl/charts/_rels/chart16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5.xml"/><Relationship Id="rId2" Type="http://schemas.microsoft.com/office/2011/relationships/chartColorStyle" Target="colors16.xml"/><Relationship Id="rId1" Type="http://schemas.microsoft.com/office/2011/relationships/chartStyle" Target="style16.xml"/></Relationships>
</file>

<file path=xl/charts/_rels/chart17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6.xml"/><Relationship Id="rId2" Type="http://schemas.microsoft.com/office/2011/relationships/chartColorStyle" Target="colors17.xml"/><Relationship Id="rId1" Type="http://schemas.microsoft.com/office/2011/relationships/chartStyle" Target="style17.xml"/></Relationships>
</file>

<file path=xl/charts/_rels/chart2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.xm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3.xm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4.xm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5.xml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6.xml"/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7.xml"/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8.xml"/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183403997577226"/>
          <c:y val="0.10087532808398948"/>
          <c:w val="0.72748345890693067"/>
          <c:h val="0.72564410595887385"/>
        </c:manualLayout>
      </c:layout>
      <c:scatterChart>
        <c:scatterStyle val="smoothMarker"/>
        <c:varyColors val="0"/>
        <c:ser>
          <c:idx val="6"/>
          <c:order val="0"/>
          <c:tx>
            <c:strRef>
              <c:f>'Fig 1a'!$K$7</c:f>
              <c:strCache>
                <c:ptCount val="1"/>
                <c:pt idx="0">
                  <c:v>S-0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1a'!$K$9:$K$43</c:f>
              <c:numCache>
                <c:formatCode>0.00</c:formatCode>
                <c:ptCount val="35"/>
                <c:pt idx="0">
                  <c:v>8.7600000000000008E-6</c:v>
                </c:pt>
                <c:pt idx="1">
                  <c:v>1.0750340000000001E-2</c:v>
                </c:pt>
                <c:pt idx="2">
                  <c:v>4.9694660000000002E-2</c:v>
                </c:pt>
                <c:pt idx="3">
                  <c:v>0.11006498000000001</c:v>
                </c:pt>
                <c:pt idx="4">
                  <c:v>0.25054134</c:v>
                </c:pt>
                <c:pt idx="5">
                  <c:v>0.39675224999999997</c:v>
                </c:pt>
                <c:pt idx="6">
                  <c:v>0.58781611</c:v>
                </c:pt>
                <c:pt idx="7">
                  <c:v>0.72444114999999998</c:v>
                </c:pt>
                <c:pt idx="8">
                  <c:v>0.77140105000000003</c:v>
                </c:pt>
                <c:pt idx="9">
                  <c:v>0.78720657000000005</c:v>
                </c:pt>
                <c:pt idx="10">
                  <c:v>0.79330491999999997</c:v>
                </c:pt>
                <c:pt idx="11">
                  <c:v>0.79767094999999999</c:v>
                </c:pt>
                <c:pt idx="12">
                  <c:v>0.80550321000000003</c:v>
                </c:pt>
                <c:pt idx="13">
                  <c:v>0.81588835999999998</c:v>
                </c:pt>
                <c:pt idx="14">
                  <c:v>0.88960406000000003</c:v>
                </c:pt>
                <c:pt idx="15">
                  <c:v>0.96839934000000005</c:v>
                </c:pt>
                <c:pt idx="16">
                  <c:v>0.99273073000000001</c:v>
                </c:pt>
                <c:pt idx="17">
                  <c:v>0.99273073000000001</c:v>
                </c:pt>
                <c:pt idx="18">
                  <c:v>0.99273073000000001</c:v>
                </c:pt>
                <c:pt idx="19">
                  <c:v>0.94799049999999996</c:v>
                </c:pt>
                <c:pt idx="20">
                  <c:v>0.79698614000000001</c:v>
                </c:pt>
                <c:pt idx="21">
                  <c:v>0.75369271999999998</c:v>
                </c:pt>
                <c:pt idx="22">
                  <c:v>0.74408169999999996</c:v>
                </c:pt>
                <c:pt idx="23">
                  <c:v>0.73950475000000004</c:v>
                </c:pt>
                <c:pt idx="24">
                  <c:v>0.73442081000000003</c:v>
                </c:pt>
                <c:pt idx="25">
                  <c:v>0.72541931000000004</c:v>
                </c:pt>
                <c:pt idx="26">
                  <c:v>0.67595432</c:v>
                </c:pt>
                <c:pt idx="27">
                  <c:v>0.56821348999999999</c:v>
                </c:pt>
                <c:pt idx="28">
                  <c:v>0.44162404999999999</c:v>
                </c:pt>
                <c:pt idx="29">
                  <c:v>0.32223790000000002</c:v>
                </c:pt>
                <c:pt idx="30">
                  <c:v>0.23411851</c:v>
                </c:pt>
                <c:pt idx="31">
                  <c:v>0.17146713999999999</c:v>
                </c:pt>
                <c:pt idx="32">
                  <c:v>0.12821883000000001</c:v>
                </c:pt>
                <c:pt idx="33">
                  <c:v>9.8212610000000006E-2</c:v>
                </c:pt>
              </c:numCache>
            </c:numRef>
          </c:xVal>
          <c:yVal>
            <c:numRef>
              <c:f>'Fig 1a'!$L$9:$L$43</c:f>
              <c:numCache>
                <c:formatCode>0.00</c:formatCode>
                <c:ptCount val="35"/>
                <c:pt idx="0">
                  <c:v>35.154620000000001</c:v>
                </c:pt>
                <c:pt idx="1">
                  <c:v>69.614469999999997</c:v>
                </c:pt>
                <c:pt idx="2">
                  <c:v>96.004109999999997</c:v>
                </c:pt>
                <c:pt idx="3">
                  <c:v>114.66924</c:v>
                </c:pt>
                <c:pt idx="4">
                  <c:v>143.49137999999999</c:v>
                </c:pt>
                <c:pt idx="5">
                  <c:v>170.93628000000001</c:v>
                </c:pt>
                <c:pt idx="6">
                  <c:v>216.47926000000001</c:v>
                </c:pt>
                <c:pt idx="7">
                  <c:v>275.23164000000003</c:v>
                </c:pt>
                <c:pt idx="8">
                  <c:v>344.65215000000001</c:v>
                </c:pt>
                <c:pt idx="9">
                  <c:v>412.91631000000001</c:v>
                </c:pt>
                <c:pt idx="10">
                  <c:v>485.12223</c:v>
                </c:pt>
                <c:pt idx="11">
                  <c:v>556.43901000000005</c:v>
                </c:pt>
                <c:pt idx="12">
                  <c:v>626.90580999999997</c:v>
                </c:pt>
                <c:pt idx="13">
                  <c:v>697.79825000000005</c:v>
                </c:pt>
                <c:pt idx="14">
                  <c:v>744.62233000000003</c:v>
                </c:pt>
                <c:pt idx="15">
                  <c:v>780.17846999999995</c:v>
                </c:pt>
                <c:pt idx="16">
                  <c:v>870.37004000000002</c:v>
                </c:pt>
                <c:pt idx="17">
                  <c:v>870.37004000000002</c:v>
                </c:pt>
                <c:pt idx="18">
                  <c:v>870.37004000000002</c:v>
                </c:pt>
                <c:pt idx="19">
                  <c:v>775.43701999999996</c:v>
                </c:pt>
                <c:pt idx="20">
                  <c:v>715.19970000000001</c:v>
                </c:pt>
                <c:pt idx="21">
                  <c:v>623.33291999999994</c:v>
                </c:pt>
                <c:pt idx="22">
                  <c:v>521.00414000000001</c:v>
                </c:pt>
                <c:pt idx="23">
                  <c:v>446.87331</c:v>
                </c:pt>
                <c:pt idx="24">
                  <c:v>374.35003</c:v>
                </c:pt>
                <c:pt idx="25">
                  <c:v>302.95202</c:v>
                </c:pt>
                <c:pt idx="26">
                  <c:v>254.38102000000001</c:v>
                </c:pt>
                <c:pt idx="27">
                  <c:v>211.80667</c:v>
                </c:pt>
                <c:pt idx="28">
                  <c:v>181.63215</c:v>
                </c:pt>
                <c:pt idx="29">
                  <c:v>156.94936999999999</c:v>
                </c:pt>
                <c:pt idx="30">
                  <c:v>140.12183999999999</c:v>
                </c:pt>
                <c:pt idx="31">
                  <c:v>127.26738</c:v>
                </c:pt>
                <c:pt idx="32">
                  <c:v>118.39394</c:v>
                </c:pt>
                <c:pt idx="33">
                  <c:v>111.0047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3E6-4041-8E0D-25974592C136}"/>
            </c:ext>
          </c:extLst>
        </c:ser>
        <c:ser>
          <c:idx val="0"/>
          <c:order val="1"/>
          <c:tx>
            <c:strRef>
              <c:f>'Fig 1a'!$B$7</c:f>
              <c:strCache>
                <c:ptCount val="1"/>
                <c:pt idx="0">
                  <c:v>S-P-1.4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1a'!$B$9:$B$38</c:f>
              <c:numCache>
                <c:formatCode>0.00</c:formatCode>
                <c:ptCount val="30"/>
                <c:pt idx="0">
                  <c:v>8.253793287265547E-3</c:v>
                </c:pt>
                <c:pt idx="1">
                  <c:v>6.2762706910167818E-2</c:v>
                </c:pt>
                <c:pt idx="2">
                  <c:v>0.15368327462981243</c:v>
                </c:pt>
                <c:pt idx="3">
                  <c:v>0.37039034916090824</c:v>
                </c:pt>
                <c:pt idx="4">
                  <c:v>0.59422726712734453</c:v>
                </c:pt>
                <c:pt idx="5">
                  <c:v>0.71535427038499511</c:v>
                </c:pt>
                <c:pt idx="6">
                  <c:v>0.75584374787759123</c:v>
                </c:pt>
                <c:pt idx="7">
                  <c:v>0.7705051162882528</c:v>
                </c:pt>
                <c:pt idx="8">
                  <c:v>0.77723327847976309</c:v>
                </c:pt>
                <c:pt idx="9">
                  <c:v>0.78203337028627851</c:v>
                </c:pt>
                <c:pt idx="10">
                  <c:v>0.79167372201382036</c:v>
                </c:pt>
                <c:pt idx="11">
                  <c:v>0.79737759684106613</c:v>
                </c:pt>
                <c:pt idx="12">
                  <c:v>0.82169940098716687</c:v>
                </c:pt>
                <c:pt idx="13">
                  <c:v>0.91077223464955581</c:v>
                </c:pt>
                <c:pt idx="14">
                  <c:v>0.97566385261599198</c:v>
                </c:pt>
                <c:pt idx="15">
                  <c:v>0.9756638526159922</c:v>
                </c:pt>
                <c:pt idx="16">
                  <c:v>0.80382458213228036</c:v>
                </c:pt>
                <c:pt idx="17">
                  <c:v>0.74674566594274427</c:v>
                </c:pt>
                <c:pt idx="18">
                  <c:v>0.73479564649555784</c:v>
                </c:pt>
                <c:pt idx="19">
                  <c:v>0.72844908163869693</c:v>
                </c:pt>
                <c:pt idx="20">
                  <c:v>0.72013427818361309</c:v>
                </c:pt>
                <c:pt idx="21">
                  <c:v>0.70422769772951632</c:v>
                </c:pt>
                <c:pt idx="22">
                  <c:v>0.59952946061204349</c:v>
                </c:pt>
                <c:pt idx="23">
                  <c:v>0.46275696969397828</c:v>
                </c:pt>
                <c:pt idx="24">
                  <c:v>0.34317643938795656</c:v>
                </c:pt>
                <c:pt idx="25">
                  <c:v>0.25229603978282333</c:v>
                </c:pt>
                <c:pt idx="26">
                  <c:v>0.1873441696939783</c:v>
                </c:pt>
                <c:pt idx="27">
                  <c:v>0.14199434817374137</c:v>
                </c:pt>
                <c:pt idx="28">
                  <c:v>0.11010085103652517</c:v>
                </c:pt>
                <c:pt idx="29">
                  <c:v>8.7626780848963484E-2</c:v>
                </c:pt>
              </c:numCache>
            </c:numRef>
          </c:xVal>
          <c:yVal>
            <c:numRef>
              <c:f>'Fig 1a'!$C$9:$C$38</c:f>
              <c:numCache>
                <c:formatCode>0.00</c:formatCode>
                <c:ptCount val="30"/>
                <c:pt idx="0">
                  <c:v>44.61168</c:v>
                </c:pt>
                <c:pt idx="1">
                  <c:v>77.600179999999995</c:v>
                </c:pt>
                <c:pt idx="2">
                  <c:v>100.97915999999999</c:v>
                </c:pt>
                <c:pt idx="3">
                  <c:v>138.58114</c:v>
                </c:pt>
                <c:pt idx="4">
                  <c:v>186.19488999999999</c:v>
                </c:pt>
                <c:pt idx="5">
                  <c:v>234.95902000000001</c:v>
                </c:pt>
                <c:pt idx="6">
                  <c:v>290.35599000000002</c:v>
                </c:pt>
                <c:pt idx="7">
                  <c:v>348.03717</c:v>
                </c:pt>
                <c:pt idx="8">
                  <c:v>405.49293999999998</c:v>
                </c:pt>
                <c:pt idx="9">
                  <c:v>462.90159999999997</c:v>
                </c:pt>
                <c:pt idx="10">
                  <c:v>518.31586000000004</c:v>
                </c:pt>
                <c:pt idx="11">
                  <c:v>574.11746000000005</c:v>
                </c:pt>
                <c:pt idx="12">
                  <c:v>623.58965999999998</c:v>
                </c:pt>
                <c:pt idx="13">
                  <c:v>654.43708000000004</c:v>
                </c:pt>
                <c:pt idx="14">
                  <c:v>682.16175999999996</c:v>
                </c:pt>
                <c:pt idx="15">
                  <c:v>682.16175999999996</c:v>
                </c:pt>
                <c:pt idx="16">
                  <c:v>625.16782999999998</c:v>
                </c:pt>
                <c:pt idx="17">
                  <c:v>550.52543000000003</c:v>
                </c:pt>
                <c:pt idx="18">
                  <c:v>471.05423000000002</c:v>
                </c:pt>
                <c:pt idx="19">
                  <c:v>391.48746</c:v>
                </c:pt>
                <c:pt idx="20">
                  <c:v>313.09192999999999</c:v>
                </c:pt>
                <c:pt idx="21">
                  <c:v>237.47748999999999</c:v>
                </c:pt>
                <c:pt idx="22">
                  <c:v>188.69587999999999</c:v>
                </c:pt>
                <c:pt idx="23">
                  <c:v>158.28582</c:v>
                </c:pt>
                <c:pt idx="24">
                  <c:v>133.92938000000001</c:v>
                </c:pt>
                <c:pt idx="25">
                  <c:v>118.14485000000001</c:v>
                </c:pt>
                <c:pt idx="26">
                  <c:v>106.85028</c:v>
                </c:pt>
                <c:pt idx="27">
                  <c:v>98.011179999999996</c:v>
                </c:pt>
                <c:pt idx="28">
                  <c:v>89.982730000000004</c:v>
                </c:pt>
                <c:pt idx="29">
                  <c:v>84.01601999999999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3E6-4041-8E0D-25974592C136}"/>
            </c:ext>
          </c:extLst>
        </c:ser>
        <c:ser>
          <c:idx val="1"/>
          <c:order val="2"/>
          <c:tx>
            <c:strRef>
              <c:f>'Fig 1a'!$E$7</c:f>
              <c:strCache>
                <c:ptCount val="1"/>
                <c:pt idx="0">
                  <c:v>S-P-1.7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Fig 1a'!$E$9:$E$38</c:f>
              <c:numCache>
                <c:formatCode>0.00</c:formatCode>
                <c:ptCount val="30"/>
                <c:pt idx="0">
                  <c:v>2.4904242152023692E-2</c:v>
                </c:pt>
                <c:pt idx="1">
                  <c:v>0.11707002191510366</c:v>
                </c:pt>
                <c:pt idx="2">
                  <c:v>0.32415682872655477</c:v>
                </c:pt>
                <c:pt idx="3">
                  <c:v>0.56243419022704833</c:v>
                </c:pt>
                <c:pt idx="4">
                  <c:v>0.69713802240868716</c:v>
                </c:pt>
                <c:pt idx="5">
                  <c:v>0.74682600217176709</c:v>
                </c:pt>
                <c:pt idx="6">
                  <c:v>0.76512258647581455</c:v>
                </c:pt>
                <c:pt idx="7">
                  <c:v>0.77536546031589348</c:v>
                </c:pt>
                <c:pt idx="8">
                  <c:v>0.7774742872655479</c:v>
                </c:pt>
                <c:pt idx="9">
                  <c:v>0.78534724116485688</c:v>
                </c:pt>
                <c:pt idx="10">
                  <c:v>0.79800020286278384</c:v>
                </c:pt>
                <c:pt idx="11">
                  <c:v>0.81503149101678196</c:v>
                </c:pt>
                <c:pt idx="12">
                  <c:v>0.89265640700888449</c:v>
                </c:pt>
                <c:pt idx="13">
                  <c:v>0.97257090641658439</c:v>
                </c:pt>
                <c:pt idx="14">
                  <c:v>0.99194521984205331</c:v>
                </c:pt>
                <c:pt idx="15">
                  <c:v>0.99194521984205331</c:v>
                </c:pt>
                <c:pt idx="16">
                  <c:v>0.82971294343534063</c:v>
                </c:pt>
                <c:pt idx="17">
                  <c:v>0.73967607462981244</c:v>
                </c:pt>
                <c:pt idx="18">
                  <c:v>0.72382974639684106</c:v>
                </c:pt>
                <c:pt idx="19">
                  <c:v>0.71559527926949662</c:v>
                </c:pt>
                <c:pt idx="20">
                  <c:v>0.70872652852912144</c:v>
                </c:pt>
                <c:pt idx="21">
                  <c:v>0.69796146910167822</c:v>
                </c:pt>
                <c:pt idx="22">
                  <c:v>0.62788816209279374</c:v>
                </c:pt>
                <c:pt idx="23">
                  <c:v>0.49559441786771963</c:v>
                </c:pt>
                <c:pt idx="24">
                  <c:v>0.37302136179664364</c:v>
                </c:pt>
                <c:pt idx="25">
                  <c:v>0.27589481757156958</c:v>
                </c:pt>
                <c:pt idx="26">
                  <c:v>0.20475705508390918</c:v>
                </c:pt>
                <c:pt idx="27">
                  <c:v>0.15466739387956566</c:v>
                </c:pt>
                <c:pt idx="28">
                  <c:v>0.11933952142152024</c:v>
                </c:pt>
                <c:pt idx="29">
                  <c:v>9.4415195261599208E-2</c:v>
                </c:pt>
              </c:numCache>
            </c:numRef>
          </c:xVal>
          <c:yVal>
            <c:numRef>
              <c:f>'Fig 1a'!$F$9:$F$38</c:f>
              <c:numCache>
                <c:formatCode>0.00</c:formatCode>
                <c:ptCount val="30"/>
                <c:pt idx="0">
                  <c:v>42.569229999999997</c:v>
                </c:pt>
                <c:pt idx="1">
                  <c:v>71.144639999999995</c:v>
                </c:pt>
                <c:pt idx="2">
                  <c:v>101.10454</c:v>
                </c:pt>
                <c:pt idx="3">
                  <c:v>138.2619</c:v>
                </c:pt>
                <c:pt idx="4">
                  <c:v>175.28444999999999</c:v>
                </c:pt>
                <c:pt idx="5">
                  <c:v>216.27119999999999</c:v>
                </c:pt>
                <c:pt idx="6">
                  <c:v>260.26715999999999</c:v>
                </c:pt>
                <c:pt idx="7">
                  <c:v>303.46796000000001</c:v>
                </c:pt>
                <c:pt idx="8">
                  <c:v>346.86277000000001</c:v>
                </c:pt>
                <c:pt idx="9">
                  <c:v>389.25623999999999</c:v>
                </c:pt>
                <c:pt idx="10">
                  <c:v>429.98959000000002</c:v>
                </c:pt>
                <c:pt idx="11">
                  <c:v>469.28253999999998</c:v>
                </c:pt>
                <c:pt idx="12">
                  <c:v>493.41374999999999</c:v>
                </c:pt>
                <c:pt idx="13">
                  <c:v>514.20592999999997</c:v>
                </c:pt>
                <c:pt idx="14">
                  <c:v>538.55961000000002</c:v>
                </c:pt>
                <c:pt idx="15">
                  <c:v>538.55961000000002</c:v>
                </c:pt>
                <c:pt idx="16">
                  <c:v>486.33352000000002</c:v>
                </c:pt>
                <c:pt idx="17">
                  <c:v>433.64528000000001</c:v>
                </c:pt>
                <c:pt idx="18">
                  <c:v>374.57929999999999</c:v>
                </c:pt>
                <c:pt idx="19">
                  <c:v>315.39706999999999</c:v>
                </c:pt>
                <c:pt idx="20">
                  <c:v>256.60480999999999</c:v>
                </c:pt>
                <c:pt idx="21">
                  <c:v>199.04026999999999</c:v>
                </c:pt>
                <c:pt idx="22">
                  <c:v>154.9751</c:v>
                </c:pt>
                <c:pt idx="23">
                  <c:v>127.27579</c:v>
                </c:pt>
                <c:pt idx="24">
                  <c:v>108.26174</c:v>
                </c:pt>
                <c:pt idx="25">
                  <c:v>94.784620000000004</c:v>
                </c:pt>
                <c:pt idx="26">
                  <c:v>85.457560000000001</c:v>
                </c:pt>
                <c:pt idx="27">
                  <c:v>78.216719999999995</c:v>
                </c:pt>
                <c:pt idx="28">
                  <c:v>72.453140000000005</c:v>
                </c:pt>
                <c:pt idx="29">
                  <c:v>67.746189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13E6-4041-8E0D-25974592C136}"/>
            </c:ext>
          </c:extLst>
        </c:ser>
        <c:ser>
          <c:idx val="2"/>
          <c:order val="3"/>
          <c:tx>
            <c:strRef>
              <c:f>'Fig 1a'!$H$7</c:f>
              <c:strCache>
                <c:ptCount val="1"/>
                <c:pt idx="0">
                  <c:v>S-P-2.6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1a'!$H$9:$H$40</c:f>
              <c:numCache>
                <c:formatCode>0.00</c:formatCode>
                <c:ptCount val="32"/>
                <c:pt idx="0">
                  <c:v>1.9937099999999999E-2</c:v>
                </c:pt>
                <c:pt idx="1">
                  <c:v>0.10847608</c:v>
                </c:pt>
                <c:pt idx="2">
                  <c:v>0.32052627</c:v>
                </c:pt>
                <c:pt idx="3">
                  <c:v>0.52983897999999996</c:v>
                </c:pt>
                <c:pt idx="4">
                  <c:v>0.67268472999999995</c:v>
                </c:pt>
                <c:pt idx="5">
                  <c:v>0.71103928999999999</c:v>
                </c:pt>
                <c:pt idx="6">
                  <c:v>0.72893836999999995</c:v>
                </c:pt>
                <c:pt idx="7">
                  <c:v>0.74317443999999999</c:v>
                </c:pt>
                <c:pt idx="8">
                  <c:v>0.76021768999999995</c:v>
                </c:pt>
                <c:pt idx="9">
                  <c:v>0.8024384</c:v>
                </c:pt>
                <c:pt idx="10">
                  <c:v>0.90942659000000003</c:v>
                </c:pt>
                <c:pt idx="11">
                  <c:v>0.97189420000000004</c:v>
                </c:pt>
                <c:pt idx="12">
                  <c:v>0.99038117999999997</c:v>
                </c:pt>
                <c:pt idx="13">
                  <c:v>0.99038117999999997</c:v>
                </c:pt>
                <c:pt idx="14">
                  <c:v>0.96406959999999997</c:v>
                </c:pt>
                <c:pt idx="15">
                  <c:v>0.89859855</c:v>
                </c:pt>
                <c:pt idx="16">
                  <c:v>0.81638197000000001</c:v>
                </c:pt>
                <c:pt idx="17">
                  <c:v>0.74781445999999996</c:v>
                </c:pt>
                <c:pt idx="18">
                  <c:v>0.70757636000000002</c:v>
                </c:pt>
                <c:pt idx="19">
                  <c:v>0.69355230000000001</c:v>
                </c:pt>
                <c:pt idx="20">
                  <c:v>0.68097152000000005</c:v>
                </c:pt>
                <c:pt idx="21">
                  <c:v>0.66122060000000005</c:v>
                </c:pt>
                <c:pt idx="22">
                  <c:v>0.59597716000000001</c:v>
                </c:pt>
                <c:pt idx="23">
                  <c:v>0.47091229000000001</c:v>
                </c:pt>
                <c:pt idx="24">
                  <c:v>0.36051832</c:v>
                </c:pt>
                <c:pt idx="25">
                  <c:v>0.27610962</c:v>
                </c:pt>
                <c:pt idx="26">
                  <c:v>0.21535951</c:v>
                </c:pt>
                <c:pt idx="27">
                  <c:v>0.17214652</c:v>
                </c:pt>
                <c:pt idx="28">
                  <c:v>0.14114473999999999</c:v>
                </c:pt>
                <c:pt idx="29">
                  <c:v>0.1192199</c:v>
                </c:pt>
                <c:pt idx="30">
                  <c:v>0.10296186</c:v>
                </c:pt>
                <c:pt idx="31">
                  <c:v>9.1117530000000002E-2</c:v>
                </c:pt>
              </c:numCache>
            </c:numRef>
          </c:xVal>
          <c:yVal>
            <c:numRef>
              <c:f>'Fig 1a'!$I$9:$I$40</c:f>
              <c:numCache>
                <c:formatCode>0.00</c:formatCode>
                <c:ptCount val="32"/>
                <c:pt idx="0">
                  <c:v>34.383450000000003</c:v>
                </c:pt>
                <c:pt idx="1">
                  <c:v>57.115589999999997</c:v>
                </c:pt>
                <c:pt idx="2">
                  <c:v>82.790120000000002</c:v>
                </c:pt>
                <c:pt idx="3">
                  <c:v>108.89124</c:v>
                </c:pt>
                <c:pt idx="4">
                  <c:v>143.70419999999999</c:v>
                </c:pt>
                <c:pt idx="5">
                  <c:v>185.68221</c:v>
                </c:pt>
                <c:pt idx="6">
                  <c:v>228.82066</c:v>
                </c:pt>
                <c:pt idx="7">
                  <c:v>270.84080999999998</c:v>
                </c:pt>
                <c:pt idx="8">
                  <c:v>311.41451999999998</c:v>
                </c:pt>
                <c:pt idx="9">
                  <c:v>346.77062000000001</c:v>
                </c:pt>
                <c:pt idx="10">
                  <c:v>367.30070999999998</c:v>
                </c:pt>
                <c:pt idx="11">
                  <c:v>384.04118999999997</c:v>
                </c:pt>
                <c:pt idx="12">
                  <c:v>407.29541</c:v>
                </c:pt>
                <c:pt idx="13">
                  <c:v>407.29541</c:v>
                </c:pt>
                <c:pt idx="14">
                  <c:v>385.00949000000003</c:v>
                </c:pt>
                <c:pt idx="15">
                  <c:v>369.55489</c:v>
                </c:pt>
                <c:pt idx="16">
                  <c:v>357.05410000000001</c:v>
                </c:pt>
                <c:pt idx="17">
                  <c:v>342.21769</c:v>
                </c:pt>
                <c:pt idx="18">
                  <c:v>295.73576000000003</c:v>
                </c:pt>
                <c:pt idx="19">
                  <c:v>247.87468000000001</c:v>
                </c:pt>
                <c:pt idx="20">
                  <c:v>200.84381999999999</c:v>
                </c:pt>
                <c:pt idx="21">
                  <c:v>156.01347000000001</c:v>
                </c:pt>
                <c:pt idx="22">
                  <c:v>125.00979</c:v>
                </c:pt>
                <c:pt idx="23">
                  <c:v>101.54313</c:v>
                </c:pt>
                <c:pt idx="24">
                  <c:v>87.777090000000001</c:v>
                </c:pt>
                <c:pt idx="25">
                  <c:v>78.358239999999995</c:v>
                </c:pt>
                <c:pt idx="26">
                  <c:v>71.671059999999997</c:v>
                </c:pt>
                <c:pt idx="27">
                  <c:v>66.603449999999995</c:v>
                </c:pt>
                <c:pt idx="28">
                  <c:v>62.64573</c:v>
                </c:pt>
                <c:pt idx="29">
                  <c:v>59.521259999999998</c:v>
                </c:pt>
                <c:pt idx="30">
                  <c:v>57.030239999999999</c:v>
                </c:pt>
                <c:pt idx="31">
                  <c:v>55.013860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13E6-4041-8E0D-25974592C13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0.99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/P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0.2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 baseline="0"/>
                  <a:t>V (cm</a:t>
                </a:r>
                <a:r>
                  <a:rPr lang="en-US" baseline="30000"/>
                  <a:t>3</a:t>
                </a:r>
                <a:r>
                  <a:rPr lang="en-US" baseline="0"/>
                  <a:t>/g)</a:t>
                </a:r>
                <a:endParaRPr lang="en-US"/>
              </a:p>
            </c:rich>
          </c:tx>
          <c:layout>
            <c:manualLayout>
              <c:xMode val="edge"/>
              <c:yMode val="edge"/>
              <c:x val="3.7560444568216916E-2"/>
              <c:y val="0.252441687686067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20472117545784588"/>
          <c:y val="0.1764409359200553"/>
          <c:w val="0.27798641695622006"/>
          <c:h val="0.3272884736722623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5 a-b'!$D$6:$D$7</c:f>
              <c:strCache>
                <c:ptCount val="2"/>
                <c:pt idx="0">
                  <c:v>S-0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5 a-b'!$C$8:$C$38</c:f>
              <c:numCache>
                <c:formatCode>0.000</c:formatCode>
                <c:ptCount val="31"/>
                <c:pt idx="0">
                  <c:v>1.45467887</c:v>
                </c:pt>
                <c:pt idx="1">
                  <c:v>7.8410243099999999</c:v>
                </c:pt>
                <c:pt idx="2">
                  <c:v>23.407105520000002</c:v>
                </c:pt>
                <c:pt idx="3">
                  <c:v>38.063758110000002</c:v>
                </c:pt>
                <c:pt idx="4">
                  <c:v>47.145837129999997</c:v>
                </c:pt>
                <c:pt idx="5">
                  <c:v>63.942800460000001</c:v>
                </c:pt>
                <c:pt idx="6">
                  <c:v>68.548944469999995</c:v>
                </c:pt>
                <c:pt idx="7">
                  <c:v>71.944551520000005</c:v>
                </c:pt>
                <c:pt idx="8">
                  <c:v>88.059952030000005</c:v>
                </c:pt>
                <c:pt idx="9">
                  <c:v>94.8857529</c:v>
                </c:pt>
                <c:pt idx="10">
                  <c:v>99.9</c:v>
                </c:pt>
                <c:pt idx="30" formatCode="General">
                  <c:v>298</c:v>
                </c:pt>
              </c:numCache>
            </c:numRef>
          </c:xVal>
          <c:yVal>
            <c:numRef>
              <c:f>'Fig 5 a-b'!$D$8:$D$38</c:f>
              <c:numCache>
                <c:formatCode>0.000</c:formatCode>
                <c:ptCount val="31"/>
                <c:pt idx="0">
                  <c:v>9.9714285714285721E-3</c:v>
                </c:pt>
                <c:pt idx="1">
                  <c:v>4.5137946428571434E-2</c:v>
                </c:pt>
                <c:pt idx="2">
                  <c:v>0.12148794642857144</c:v>
                </c:pt>
                <c:pt idx="3">
                  <c:v>0.18909107142857146</c:v>
                </c:pt>
                <c:pt idx="4">
                  <c:v>0.23028348214285718</c:v>
                </c:pt>
                <c:pt idx="5">
                  <c:v>0.30231116071428571</c:v>
                </c:pt>
                <c:pt idx="6">
                  <c:v>0.32261071428571431</c:v>
                </c:pt>
                <c:pt idx="7">
                  <c:v>0.33580446428571431</c:v>
                </c:pt>
                <c:pt idx="8">
                  <c:v>0.39740982142857145</c:v>
                </c:pt>
                <c:pt idx="9">
                  <c:v>0.42307678571428575</c:v>
                </c:pt>
                <c:pt idx="10">
                  <c:v>0.4538049107142856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5216-4F95-B3E9-2D83D87853E2}"/>
            </c:ext>
          </c:extLst>
        </c:ser>
        <c:ser>
          <c:idx val="1"/>
          <c:order val="1"/>
          <c:tx>
            <c:strRef>
              <c:f>'Fig 5 a-b'!$F$6:$F$7</c:f>
              <c:strCache>
                <c:ptCount val="2"/>
                <c:pt idx="0">
                  <c:v>S-D-1.6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5 a-b'!$E$8:$E$38</c:f>
              <c:numCache>
                <c:formatCode>0.000</c:formatCode>
                <c:ptCount val="31"/>
                <c:pt idx="0">
                  <c:v>0.50443384000000002</c:v>
                </c:pt>
                <c:pt idx="1">
                  <c:v>1.1454324600000001</c:v>
                </c:pt>
                <c:pt idx="2">
                  <c:v>2.6448706799999999</c:v>
                </c:pt>
                <c:pt idx="3">
                  <c:v>4.8624930199999996</c:v>
                </c:pt>
                <c:pt idx="4">
                  <c:v>6.3354825400000001</c:v>
                </c:pt>
                <c:pt idx="5">
                  <c:v>8.5185180999999996</c:v>
                </c:pt>
                <c:pt idx="6">
                  <c:v>12.591618950000001</c:v>
                </c:pt>
                <c:pt idx="7">
                  <c:v>17.771496450000001</c:v>
                </c:pt>
                <c:pt idx="8">
                  <c:v>23.10396265</c:v>
                </c:pt>
                <c:pt idx="9">
                  <c:v>30.18814704</c:v>
                </c:pt>
                <c:pt idx="10">
                  <c:v>40.887666189999997</c:v>
                </c:pt>
                <c:pt idx="11">
                  <c:v>51.77639533</c:v>
                </c:pt>
                <c:pt idx="12">
                  <c:v>62.380292240000003</c:v>
                </c:pt>
                <c:pt idx="13">
                  <c:v>71.433888030000006</c:v>
                </c:pt>
                <c:pt idx="14">
                  <c:v>82.127303639999994</c:v>
                </c:pt>
                <c:pt idx="15">
                  <c:v>89.78</c:v>
                </c:pt>
                <c:pt idx="16">
                  <c:v>95.125825770000006</c:v>
                </c:pt>
                <c:pt idx="17">
                  <c:v>99.9</c:v>
                </c:pt>
              </c:numCache>
            </c:numRef>
          </c:xVal>
          <c:yVal>
            <c:numRef>
              <c:f>'Fig 5 a-b'!$F$8:$F$38</c:f>
              <c:numCache>
                <c:formatCode>0.000</c:formatCode>
                <c:ptCount val="31"/>
                <c:pt idx="0">
                  <c:v>5.9516517857142862E-2</c:v>
                </c:pt>
                <c:pt idx="1">
                  <c:v>8.5150892857142862E-2</c:v>
                </c:pt>
                <c:pt idx="2">
                  <c:v>0.12085982142857145</c:v>
                </c:pt>
                <c:pt idx="3">
                  <c:v>0.15565625</c:v>
                </c:pt>
                <c:pt idx="4">
                  <c:v>0.17327500000000001</c:v>
                </c:pt>
                <c:pt idx="5">
                  <c:v>0.19587812500000001</c:v>
                </c:pt>
                <c:pt idx="6">
                  <c:v>0.228778125</c:v>
                </c:pt>
                <c:pt idx="7">
                  <c:v>0.26593035714285712</c:v>
                </c:pt>
                <c:pt idx="8">
                  <c:v>0.30356562500000001</c:v>
                </c:pt>
                <c:pt idx="9">
                  <c:v>0.33954642857142858</c:v>
                </c:pt>
                <c:pt idx="10">
                  <c:v>0.39595892857142856</c:v>
                </c:pt>
                <c:pt idx="11">
                  <c:v>0.45053839285714287</c:v>
                </c:pt>
                <c:pt idx="12">
                  <c:v>0.49589419642857141</c:v>
                </c:pt>
                <c:pt idx="13">
                  <c:v>0.53473258928571432</c:v>
                </c:pt>
                <c:pt idx="14">
                  <c:v>0.57407812499999999</c:v>
                </c:pt>
                <c:pt idx="15">
                  <c:v>0.61250000000000004</c:v>
                </c:pt>
                <c:pt idx="16">
                  <c:v>0.64161160714285714</c:v>
                </c:pt>
                <c:pt idx="17">
                  <c:v>0.6652857142857143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216-4F95-B3E9-2D83D87853E2}"/>
            </c:ext>
          </c:extLst>
        </c:ser>
        <c:ser>
          <c:idx val="2"/>
          <c:order val="2"/>
          <c:tx>
            <c:strRef>
              <c:f>'Fig 5 a-b'!$H$6:$H$7</c:f>
              <c:strCache>
                <c:ptCount val="2"/>
                <c:pt idx="0">
                  <c:v>S-D-2.5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5 a-b'!$G$8:$G$38</c:f>
              <c:numCache>
                <c:formatCode>0.000</c:formatCode>
                <c:ptCount val="31"/>
                <c:pt idx="0">
                  <c:v>7.249092E-2</c:v>
                </c:pt>
                <c:pt idx="1">
                  <c:v>0.15831157000000001</c:v>
                </c:pt>
                <c:pt idx="2">
                  <c:v>0.37621771999999998</c:v>
                </c:pt>
                <c:pt idx="3">
                  <c:v>0.61635468000000004</c:v>
                </c:pt>
                <c:pt idx="4">
                  <c:v>1.0681208499999999</c:v>
                </c:pt>
                <c:pt idx="5">
                  <c:v>2.2013462100000001</c:v>
                </c:pt>
                <c:pt idx="6">
                  <c:v>9.7595728099999999</c:v>
                </c:pt>
                <c:pt idx="7">
                  <c:v>13.212146300000001</c:v>
                </c:pt>
                <c:pt idx="8">
                  <c:v>17.35238618</c:v>
                </c:pt>
                <c:pt idx="9">
                  <c:v>23.15686006</c:v>
                </c:pt>
                <c:pt idx="10">
                  <c:v>28.85960815</c:v>
                </c:pt>
                <c:pt idx="11">
                  <c:v>32.670256440000003</c:v>
                </c:pt>
                <c:pt idx="12">
                  <c:v>37.14415692</c:v>
                </c:pt>
                <c:pt idx="13">
                  <c:v>40.783905879999999</c:v>
                </c:pt>
                <c:pt idx="14">
                  <c:v>44.861075759999999</c:v>
                </c:pt>
                <c:pt idx="15">
                  <c:v>51.28811151</c:v>
                </c:pt>
                <c:pt idx="16">
                  <c:v>57.078343789999998</c:v>
                </c:pt>
                <c:pt idx="17">
                  <c:v>64.182873330000007</c:v>
                </c:pt>
                <c:pt idx="18">
                  <c:v>67.952831309999993</c:v>
                </c:pt>
                <c:pt idx="19">
                  <c:v>79.590262300000006</c:v>
                </c:pt>
                <c:pt idx="20">
                  <c:v>99.9</c:v>
                </c:pt>
              </c:numCache>
            </c:numRef>
          </c:xVal>
          <c:yVal>
            <c:numRef>
              <c:f>'Fig 5 a-b'!$H$8:$H$38</c:f>
              <c:numCache>
                <c:formatCode>0.000</c:formatCode>
                <c:ptCount val="31"/>
                <c:pt idx="0">
                  <c:v>7.9050446428571425E-2</c:v>
                </c:pt>
                <c:pt idx="1">
                  <c:v>0.13988348214285715</c:v>
                </c:pt>
                <c:pt idx="2">
                  <c:v>0.19419464285714289</c:v>
                </c:pt>
                <c:pt idx="3">
                  <c:v>0.24653169642857145</c:v>
                </c:pt>
                <c:pt idx="4">
                  <c:v>0.28831339285714286</c:v>
                </c:pt>
                <c:pt idx="5">
                  <c:v>0.35763035714285718</c:v>
                </c:pt>
                <c:pt idx="6">
                  <c:v>0.58063705357142859</c:v>
                </c:pt>
                <c:pt idx="7">
                  <c:v>0.61856160714285713</c:v>
                </c:pt>
                <c:pt idx="8">
                  <c:v>0.66278258928571432</c:v>
                </c:pt>
                <c:pt idx="9">
                  <c:v>0.71374285714285723</c:v>
                </c:pt>
                <c:pt idx="10">
                  <c:v>0.75351919642857146</c:v>
                </c:pt>
                <c:pt idx="11">
                  <c:v>0.78069955357142873</c:v>
                </c:pt>
                <c:pt idx="12">
                  <c:v>0.80933616071428571</c:v>
                </c:pt>
                <c:pt idx="13">
                  <c:v>0.83765982142857154</c:v>
                </c:pt>
                <c:pt idx="14">
                  <c:v>0.86468348214285717</c:v>
                </c:pt>
                <c:pt idx="15">
                  <c:v>0.90052723214285724</c:v>
                </c:pt>
                <c:pt idx="16">
                  <c:v>0.9313392857142857</c:v>
                </c:pt>
                <c:pt idx="17">
                  <c:v>0.9688799107142857</c:v>
                </c:pt>
                <c:pt idx="18">
                  <c:v>0.98634866071428584</c:v>
                </c:pt>
                <c:pt idx="19">
                  <c:v>1.0400540178571429</c:v>
                </c:pt>
                <c:pt idx="20">
                  <c:v>1.114025446428571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5216-4F95-B3E9-2D83D87853E2}"/>
            </c:ext>
          </c:extLst>
        </c:ser>
        <c:ser>
          <c:idx val="3"/>
          <c:order val="3"/>
          <c:tx>
            <c:strRef>
              <c:f>'Fig 5 a-b'!$J$6:$J$7</c:f>
              <c:strCache>
                <c:ptCount val="2"/>
                <c:pt idx="0">
                  <c:v>S-D-2.8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5 a-b'!$I$8:$I$38</c:f>
              <c:numCache>
                <c:formatCode>0.000</c:formatCode>
                <c:ptCount val="31"/>
                <c:pt idx="0">
                  <c:v>2.3923199999999999E-3</c:v>
                </c:pt>
                <c:pt idx="1">
                  <c:v>2.9107589999999999E-2</c:v>
                </c:pt>
                <c:pt idx="2">
                  <c:v>8.8883879999999998E-2</c:v>
                </c:pt>
                <c:pt idx="3">
                  <c:v>0.18277309999999999</c:v>
                </c:pt>
                <c:pt idx="4">
                  <c:v>0.43117042999999999</c:v>
                </c:pt>
                <c:pt idx="5">
                  <c:v>0.57972698</c:v>
                </c:pt>
                <c:pt idx="6">
                  <c:v>1.61744015</c:v>
                </c:pt>
                <c:pt idx="7">
                  <c:v>2.4454881199999998</c:v>
                </c:pt>
                <c:pt idx="8">
                  <c:v>4.1341363199999996</c:v>
                </c:pt>
                <c:pt idx="9">
                  <c:v>5.1066349300000002</c:v>
                </c:pt>
                <c:pt idx="10">
                  <c:v>7.2286350199999996</c:v>
                </c:pt>
                <c:pt idx="11">
                  <c:v>13.842846229999999</c:v>
                </c:pt>
                <c:pt idx="12">
                  <c:v>19.889427510000001</c:v>
                </c:pt>
                <c:pt idx="13">
                  <c:v>24.607469900000002</c:v>
                </c:pt>
                <c:pt idx="14">
                  <c:v>29.31127068</c:v>
                </c:pt>
                <c:pt idx="15">
                  <c:v>33.380000000000003</c:v>
                </c:pt>
                <c:pt idx="16">
                  <c:v>41.540750000000003</c:v>
                </c:pt>
                <c:pt idx="17">
                  <c:v>46</c:v>
                </c:pt>
                <c:pt idx="18">
                  <c:v>58.903304550000001</c:v>
                </c:pt>
                <c:pt idx="19">
                  <c:v>71.407439319999995</c:v>
                </c:pt>
                <c:pt idx="20">
                  <c:v>77.026772260000001</c:v>
                </c:pt>
                <c:pt idx="21">
                  <c:v>87.105999999999995</c:v>
                </c:pt>
                <c:pt idx="22">
                  <c:v>99.430861429999993</c:v>
                </c:pt>
              </c:numCache>
            </c:numRef>
          </c:xVal>
          <c:yVal>
            <c:numRef>
              <c:f>'Fig 5 a-b'!$J$8:$J$38</c:f>
              <c:numCache>
                <c:formatCode>0.000</c:formatCode>
                <c:ptCount val="31"/>
                <c:pt idx="0">
                  <c:v>0.21776696428571429</c:v>
                </c:pt>
                <c:pt idx="1">
                  <c:v>0.28048392857142862</c:v>
                </c:pt>
                <c:pt idx="2">
                  <c:v>0.34150669642857145</c:v>
                </c:pt>
                <c:pt idx="3">
                  <c:v>0.40122366071428578</c:v>
                </c:pt>
                <c:pt idx="4">
                  <c:v>0.4514370535714286</c:v>
                </c:pt>
                <c:pt idx="5">
                  <c:v>0.50711651785714296</c:v>
                </c:pt>
                <c:pt idx="6">
                  <c:v>0.57490937500000006</c:v>
                </c:pt>
                <c:pt idx="7">
                  <c:v>0.64736473214285717</c:v>
                </c:pt>
                <c:pt idx="8">
                  <c:v>0.71667455357142862</c:v>
                </c:pt>
                <c:pt idx="9">
                  <c:v>0.76415312499999999</c:v>
                </c:pt>
                <c:pt idx="10">
                  <c:v>0.80411517857142867</c:v>
                </c:pt>
                <c:pt idx="11">
                  <c:v>0.89701116071428588</c:v>
                </c:pt>
                <c:pt idx="12">
                  <c:v>0.95867098214285718</c:v>
                </c:pt>
                <c:pt idx="13">
                  <c:v>1.0064714285714287</c:v>
                </c:pt>
                <c:pt idx="14">
                  <c:v>1.0445080357142857</c:v>
                </c:pt>
                <c:pt idx="15">
                  <c:v>1.0580000000000001</c:v>
                </c:pt>
                <c:pt idx="16">
                  <c:v>1.1075999999999999</c:v>
                </c:pt>
                <c:pt idx="17">
                  <c:v>1.1544399999999999</c:v>
                </c:pt>
                <c:pt idx="18">
                  <c:v>1.2981424107142858</c:v>
                </c:pt>
                <c:pt idx="19">
                  <c:v>1.418319642857143</c:v>
                </c:pt>
                <c:pt idx="20">
                  <c:v>1.4486959821428571</c:v>
                </c:pt>
                <c:pt idx="21">
                  <c:v>1.48</c:v>
                </c:pt>
                <c:pt idx="22">
                  <c:v>1.551533482142857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5216-4F95-B3E9-2D83D87853E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5 a-b'!$D$40:$D$41</c:f>
              <c:strCache>
                <c:ptCount val="2"/>
                <c:pt idx="0">
                  <c:v>S-0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5 a-b'!$C$42:$C$69</c:f>
              <c:numCache>
                <c:formatCode>0.000</c:formatCode>
                <c:ptCount val="28"/>
                <c:pt idx="0">
                  <c:v>6.9763550499999996</c:v>
                </c:pt>
                <c:pt idx="1">
                  <c:v>13.52546175</c:v>
                </c:pt>
                <c:pt idx="2">
                  <c:v>20.074568459999998</c:v>
                </c:pt>
                <c:pt idx="3">
                  <c:v>26.84747192</c:v>
                </c:pt>
                <c:pt idx="4">
                  <c:v>33.492200869999998</c:v>
                </c:pt>
                <c:pt idx="5">
                  <c:v>39.878546299999996</c:v>
                </c:pt>
                <c:pt idx="6">
                  <c:v>46.399169790000002</c:v>
                </c:pt>
                <c:pt idx="7">
                  <c:v>53.064243900000001</c:v>
                </c:pt>
                <c:pt idx="8">
                  <c:v>59.951080249999997</c:v>
                </c:pt>
                <c:pt idx="9">
                  <c:v>66.195009569999996</c:v>
                </c:pt>
                <c:pt idx="10">
                  <c:v>72.630183380000005</c:v>
                </c:pt>
                <c:pt idx="11">
                  <c:v>81.706158849999994</c:v>
                </c:pt>
                <c:pt idx="12">
                  <c:v>91.323315539999996</c:v>
                </c:pt>
                <c:pt idx="13">
                  <c:v>99.9</c:v>
                </c:pt>
              </c:numCache>
            </c:numRef>
          </c:xVal>
          <c:yVal>
            <c:numRef>
              <c:f>'Fig 5 a-b'!$D$42:$D$69</c:f>
              <c:numCache>
                <c:formatCode>0.000</c:formatCode>
                <c:ptCount val="28"/>
                <c:pt idx="0">
                  <c:v>3.3080357142857139E-3</c:v>
                </c:pt>
                <c:pt idx="1">
                  <c:v>7.0558035714285705E-3</c:v>
                </c:pt>
                <c:pt idx="2">
                  <c:v>1.1599553571428571E-2</c:v>
                </c:pt>
                <c:pt idx="3">
                  <c:v>1.6769642857142858E-2</c:v>
                </c:pt>
                <c:pt idx="4">
                  <c:v>2.1271428571428573E-2</c:v>
                </c:pt>
                <c:pt idx="5">
                  <c:v>2.5776785714285714E-2</c:v>
                </c:pt>
                <c:pt idx="6">
                  <c:v>3.0244642857142859E-2</c:v>
                </c:pt>
                <c:pt idx="7">
                  <c:v>3.5544196428571428E-2</c:v>
                </c:pt>
                <c:pt idx="8">
                  <c:v>4.1508928571428572E-2</c:v>
                </c:pt>
                <c:pt idx="9">
                  <c:v>4.5795089285714297E-2</c:v>
                </c:pt>
                <c:pt idx="10">
                  <c:v>5.1288839285714288E-2</c:v>
                </c:pt>
                <c:pt idx="11">
                  <c:v>5.7325446428571424E-2</c:v>
                </c:pt>
                <c:pt idx="12">
                  <c:v>6.3580357142857133E-2</c:v>
                </c:pt>
                <c:pt idx="13">
                  <c:v>7.0330803571428568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879-4CE8-B15F-6AFFB2AC8D50}"/>
            </c:ext>
          </c:extLst>
        </c:ser>
        <c:ser>
          <c:idx val="1"/>
          <c:order val="1"/>
          <c:tx>
            <c:strRef>
              <c:f>'Fig 5 a-b'!$F$40:$F$41</c:f>
              <c:strCache>
                <c:ptCount val="2"/>
                <c:pt idx="0">
                  <c:v>S-D-1.6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5 a-b'!$E$42:$E$69</c:f>
              <c:numCache>
                <c:formatCode>0.000</c:formatCode>
                <c:ptCount val="28"/>
                <c:pt idx="0">
                  <c:v>4.88894173</c:v>
                </c:pt>
                <c:pt idx="1">
                  <c:v>11.57843003</c:v>
                </c:pt>
                <c:pt idx="2">
                  <c:v>17.842704510000001</c:v>
                </c:pt>
                <c:pt idx="3">
                  <c:v>22.725542690000001</c:v>
                </c:pt>
                <c:pt idx="4">
                  <c:v>29.856520939999999</c:v>
                </c:pt>
                <c:pt idx="5">
                  <c:v>37.935583610000002</c:v>
                </c:pt>
                <c:pt idx="6">
                  <c:v>46.006508220000001</c:v>
                </c:pt>
                <c:pt idx="7">
                  <c:v>53.918740579999998</c:v>
                </c:pt>
                <c:pt idx="8">
                  <c:v>60.848301759999998</c:v>
                </c:pt>
                <c:pt idx="9">
                  <c:v>67.645619409999995</c:v>
                </c:pt>
                <c:pt idx="10">
                  <c:v>75.114327309999993</c:v>
                </c:pt>
                <c:pt idx="11">
                  <c:v>80.125339990000001</c:v>
                </c:pt>
                <c:pt idx="12">
                  <c:v>87.530977890000003</c:v>
                </c:pt>
                <c:pt idx="13">
                  <c:v>94.336433600000007</c:v>
                </c:pt>
                <c:pt idx="14">
                  <c:v>99.9</c:v>
                </c:pt>
              </c:numCache>
            </c:numRef>
          </c:xVal>
          <c:yVal>
            <c:numRef>
              <c:f>'Fig 5 a-b'!$F$42:$F$69</c:f>
              <c:numCache>
                <c:formatCode>0.000</c:formatCode>
                <c:ptCount val="28"/>
                <c:pt idx="0">
                  <c:v>5.5544642857142858E-3</c:v>
                </c:pt>
                <c:pt idx="1">
                  <c:v>1.0138839285714286E-2</c:v>
                </c:pt>
                <c:pt idx="2">
                  <c:v>1.4752232142857145E-2</c:v>
                </c:pt>
                <c:pt idx="3">
                  <c:v>1.8423660714285715E-2</c:v>
                </c:pt>
                <c:pt idx="4">
                  <c:v>2.2993303571428571E-2</c:v>
                </c:pt>
                <c:pt idx="5">
                  <c:v>2.7857142857142858E-2</c:v>
                </c:pt>
                <c:pt idx="6">
                  <c:v>3.2032589285714286E-2</c:v>
                </c:pt>
                <c:pt idx="7">
                  <c:v>3.654330357142857E-2</c:v>
                </c:pt>
                <c:pt idx="8">
                  <c:v>4.0055803571428572E-2</c:v>
                </c:pt>
                <c:pt idx="9">
                  <c:v>4.3914285714285711E-2</c:v>
                </c:pt>
                <c:pt idx="10">
                  <c:v>4.7915178571428567E-2</c:v>
                </c:pt>
                <c:pt idx="11">
                  <c:v>5.0779464285714275E-2</c:v>
                </c:pt>
                <c:pt idx="12">
                  <c:v>5.4712946428571427E-2</c:v>
                </c:pt>
                <c:pt idx="13">
                  <c:v>5.8402678571428571E-2</c:v>
                </c:pt>
                <c:pt idx="14">
                  <c:v>6.2399999999999997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3879-4CE8-B15F-6AFFB2AC8D50}"/>
            </c:ext>
          </c:extLst>
        </c:ser>
        <c:ser>
          <c:idx val="2"/>
          <c:order val="2"/>
          <c:tx>
            <c:strRef>
              <c:f>'Fig 5 a-b'!$H$40:$H$41</c:f>
              <c:strCache>
                <c:ptCount val="2"/>
                <c:pt idx="0">
                  <c:v>S-D-2.5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5 a-b'!$G$42:$G$69</c:f>
              <c:numCache>
                <c:formatCode>0.000</c:formatCode>
                <c:ptCount val="28"/>
                <c:pt idx="0">
                  <c:v>2.8544258199999999</c:v>
                </c:pt>
                <c:pt idx="1">
                  <c:v>5.9997874099999997</c:v>
                </c:pt>
                <c:pt idx="2">
                  <c:v>10.457411759999999</c:v>
                </c:pt>
                <c:pt idx="3">
                  <c:v>15.173419640000001</c:v>
                </c:pt>
                <c:pt idx="4">
                  <c:v>19.830426549999999</c:v>
                </c:pt>
                <c:pt idx="5">
                  <c:v>24.89840568</c:v>
                </c:pt>
                <c:pt idx="6">
                  <c:v>29.18309618</c:v>
                </c:pt>
                <c:pt idx="7">
                  <c:v>31.862553630000001</c:v>
                </c:pt>
                <c:pt idx="8">
                  <c:v>35.746444500000003</c:v>
                </c:pt>
                <c:pt idx="9">
                  <c:v>40.057583700000002</c:v>
                </c:pt>
                <c:pt idx="10">
                  <c:v>45.929196609999998</c:v>
                </c:pt>
                <c:pt idx="11">
                  <c:v>51.109074110000002</c:v>
                </c:pt>
                <c:pt idx="12">
                  <c:v>56.78740801</c:v>
                </c:pt>
                <c:pt idx="13">
                  <c:v>61.946940349999998</c:v>
                </c:pt>
                <c:pt idx="14">
                  <c:v>66.907090139999994</c:v>
                </c:pt>
                <c:pt idx="15">
                  <c:v>72.243625359999996</c:v>
                </c:pt>
                <c:pt idx="16">
                  <c:v>78.318689860000006</c:v>
                </c:pt>
                <c:pt idx="17">
                  <c:v>84.322546299999999</c:v>
                </c:pt>
                <c:pt idx="18">
                  <c:v>89.581769919999999</c:v>
                </c:pt>
                <c:pt idx="19">
                  <c:v>94.981375139999997</c:v>
                </c:pt>
                <c:pt idx="20">
                  <c:v>99.9</c:v>
                </c:pt>
              </c:numCache>
            </c:numRef>
          </c:xVal>
          <c:yVal>
            <c:numRef>
              <c:f>'Fig 5 a-b'!$H$42:$H$69</c:f>
              <c:numCache>
                <c:formatCode>0.000</c:formatCode>
                <c:ptCount val="28"/>
                <c:pt idx="0">
                  <c:v>1.7946428571428573E-3</c:v>
                </c:pt>
                <c:pt idx="1">
                  <c:v>3.0343749999999997E-3</c:v>
                </c:pt>
                <c:pt idx="2">
                  <c:v>4.3696428571428567E-3</c:v>
                </c:pt>
                <c:pt idx="3">
                  <c:v>6.5428571428571428E-3</c:v>
                </c:pt>
                <c:pt idx="4">
                  <c:v>8.6933035714285706E-3</c:v>
                </c:pt>
                <c:pt idx="5">
                  <c:v>1.0721874999999999E-2</c:v>
                </c:pt>
                <c:pt idx="6">
                  <c:v>1.3150446428571428E-2</c:v>
                </c:pt>
                <c:pt idx="7">
                  <c:v>1.4762499999999998E-2</c:v>
                </c:pt>
                <c:pt idx="8">
                  <c:v>1.6595535714285715E-2</c:v>
                </c:pt>
                <c:pt idx="9">
                  <c:v>1.8893749999999997E-2</c:v>
                </c:pt>
                <c:pt idx="10">
                  <c:v>2.1246875000000002E-2</c:v>
                </c:pt>
                <c:pt idx="11">
                  <c:v>2.3584375000000005E-2</c:v>
                </c:pt>
                <c:pt idx="12">
                  <c:v>2.6156249999999999E-2</c:v>
                </c:pt>
                <c:pt idx="13">
                  <c:v>2.8649107142857143E-2</c:v>
                </c:pt>
                <c:pt idx="14">
                  <c:v>3.0759821428571428E-2</c:v>
                </c:pt>
                <c:pt idx="15">
                  <c:v>3.4144642857142853E-2</c:v>
                </c:pt>
                <c:pt idx="16">
                  <c:v>3.7376785714285717E-2</c:v>
                </c:pt>
                <c:pt idx="17">
                  <c:v>3.9856696428571425E-2</c:v>
                </c:pt>
                <c:pt idx="18">
                  <c:v>4.2289732142857139E-2</c:v>
                </c:pt>
                <c:pt idx="19">
                  <c:v>4.4755803571428568E-2</c:v>
                </c:pt>
                <c:pt idx="20">
                  <c:v>4.7276339285714286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3879-4CE8-B15F-6AFFB2AC8D50}"/>
            </c:ext>
          </c:extLst>
        </c:ser>
        <c:ser>
          <c:idx val="3"/>
          <c:order val="3"/>
          <c:tx>
            <c:strRef>
              <c:f>'Fig 5 a-b'!$J$40:$J$41</c:f>
              <c:strCache>
                <c:ptCount val="2"/>
                <c:pt idx="0">
                  <c:v>S-D-2.8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5 a-b'!$I$42:$I$70</c:f>
              <c:numCache>
                <c:formatCode>0.000</c:formatCode>
                <c:ptCount val="29"/>
                <c:pt idx="0">
                  <c:v>10.599827879999999</c:v>
                </c:pt>
                <c:pt idx="1">
                  <c:v>21.116240600000001</c:v>
                </c:pt>
                <c:pt idx="2">
                  <c:v>31.298992720000001</c:v>
                </c:pt>
                <c:pt idx="3">
                  <c:v>41.8601648</c:v>
                </c:pt>
                <c:pt idx="4">
                  <c:v>53.666460610000001</c:v>
                </c:pt>
                <c:pt idx="5">
                  <c:v>64.28866816</c:v>
                </c:pt>
                <c:pt idx="6">
                  <c:v>75.187569879999998</c:v>
                </c:pt>
                <c:pt idx="7">
                  <c:v>85.482220369999993</c:v>
                </c:pt>
                <c:pt idx="8">
                  <c:v>92.755614739999999</c:v>
                </c:pt>
                <c:pt idx="9">
                  <c:v>99.9</c:v>
                </c:pt>
              </c:numCache>
            </c:numRef>
          </c:xVal>
          <c:yVal>
            <c:numRef>
              <c:f>'Fig 5 a-b'!$J$42:$J$70</c:f>
              <c:numCache>
                <c:formatCode>0.000</c:formatCode>
                <c:ptCount val="29"/>
                <c:pt idx="0">
                  <c:v>4.1272321428571426E-3</c:v>
                </c:pt>
                <c:pt idx="1">
                  <c:v>8.3111607142857154E-3</c:v>
                </c:pt>
                <c:pt idx="2">
                  <c:v>1.2304464285714287E-2</c:v>
                </c:pt>
                <c:pt idx="3">
                  <c:v>1.6735714285714284E-2</c:v>
                </c:pt>
                <c:pt idx="4">
                  <c:v>2.1827678571428571E-2</c:v>
                </c:pt>
                <c:pt idx="5">
                  <c:v>2.5735714285714285E-2</c:v>
                </c:pt>
                <c:pt idx="6">
                  <c:v>2.9682589285714284E-2</c:v>
                </c:pt>
                <c:pt idx="7">
                  <c:v>3.3266964285714282E-2</c:v>
                </c:pt>
                <c:pt idx="8">
                  <c:v>3.6163839285714282E-2</c:v>
                </c:pt>
                <c:pt idx="9">
                  <c:v>3.993883928571428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3879-4CE8-B15F-6AFFB2AC8D5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layout>
            <c:manualLayout>
              <c:xMode val="edge"/>
              <c:yMode val="edge"/>
              <c:x val="0"/>
              <c:y val="0.2829767209632324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5 c-d'!$D$6:$D$7</c:f>
              <c:strCache>
                <c:ptCount val="2"/>
                <c:pt idx="0">
                  <c:v>S-0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5 c-d'!$C$8:$C$38</c:f>
              <c:numCache>
                <c:formatCode>0.000</c:formatCode>
                <c:ptCount val="31"/>
                <c:pt idx="0">
                  <c:v>1.5584391900000001</c:v>
                </c:pt>
                <c:pt idx="1">
                  <c:v>3.4668151100000002</c:v>
                </c:pt>
                <c:pt idx="2">
                  <c:v>6.0608228899999999</c:v>
                </c:pt>
                <c:pt idx="3">
                  <c:v>8.2235133000000005</c:v>
                </c:pt>
                <c:pt idx="4">
                  <c:v>11.26308006</c:v>
                </c:pt>
                <c:pt idx="5">
                  <c:v>20.12136233</c:v>
                </c:pt>
                <c:pt idx="6">
                  <c:v>23.722455480000001</c:v>
                </c:pt>
                <c:pt idx="7">
                  <c:v>28.151596609999999</c:v>
                </c:pt>
                <c:pt idx="8">
                  <c:v>33.646824080000002</c:v>
                </c:pt>
                <c:pt idx="9">
                  <c:v>38.659871269999996</c:v>
                </c:pt>
                <c:pt idx="10">
                  <c:v>43.247704650000003</c:v>
                </c:pt>
                <c:pt idx="11">
                  <c:v>48.106128630000001</c:v>
                </c:pt>
                <c:pt idx="12">
                  <c:v>51.434596659999997</c:v>
                </c:pt>
                <c:pt idx="13">
                  <c:v>54.683718560000003</c:v>
                </c:pt>
                <c:pt idx="14">
                  <c:v>59.497383200000002</c:v>
                </c:pt>
                <c:pt idx="15">
                  <c:v>62.850265419999999</c:v>
                </c:pt>
                <c:pt idx="16">
                  <c:v>66.306907940000002</c:v>
                </c:pt>
                <c:pt idx="17">
                  <c:v>68.36583804</c:v>
                </c:pt>
                <c:pt idx="18">
                  <c:v>73.140846879999998</c:v>
                </c:pt>
                <c:pt idx="19">
                  <c:v>78.253585349999994</c:v>
                </c:pt>
                <c:pt idx="20">
                  <c:v>83.645052509999999</c:v>
                </c:pt>
                <c:pt idx="21">
                  <c:v>88.816791940000002</c:v>
                </c:pt>
                <c:pt idx="22">
                  <c:v>93.886805580000001</c:v>
                </c:pt>
                <c:pt idx="23">
                  <c:v>96.403501759999997</c:v>
                </c:pt>
                <c:pt idx="24">
                  <c:v>99.9</c:v>
                </c:pt>
              </c:numCache>
            </c:numRef>
          </c:xVal>
          <c:yVal>
            <c:numRef>
              <c:f>'Fig 5 c-d'!$D$8:$D$38</c:f>
              <c:numCache>
                <c:formatCode>0.000</c:formatCode>
                <c:ptCount val="31"/>
                <c:pt idx="0">
                  <c:v>7.1312500000000004E-3</c:v>
                </c:pt>
                <c:pt idx="1">
                  <c:v>1.3897321428571431E-2</c:v>
                </c:pt>
                <c:pt idx="2">
                  <c:v>2.3015178571428572E-2</c:v>
                </c:pt>
                <c:pt idx="3">
                  <c:v>3.042544642857143E-2</c:v>
                </c:pt>
                <c:pt idx="4">
                  <c:v>4.056383928571429E-2</c:v>
                </c:pt>
                <c:pt idx="5">
                  <c:v>6.1441071428571428E-2</c:v>
                </c:pt>
                <c:pt idx="6">
                  <c:v>6.9531696428571432E-2</c:v>
                </c:pt>
                <c:pt idx="7">
                  <c:v>8.3895089285714292E-2</c:v>
                </c:pt>
                <c:pt idx="8">
                  <c:v>0.10130044642857144</c:v>
                </c:pt>
                <c:pt idx="9">
                  <c:v>0.11844642857142858</c:v>
                </c:pt>
                <c:pt idx="10">
                  <c:v>0.13707276785714287</c:v>
                </c:pt>
                <c:pt idx="11">
                  <c:v>0.15719642857142857</c:v>
                </c:pt>
                <c:pt idx="12">
                  <c:v>0.17038705357142858</c:v>
                </c:pt>
                <c:pt idx="13">
                  <c:v>0.18271562500000002</c:v>
                </c:pt>
                <c:pt idx="14">
                  <c:v>0.19852276785714287</c:v>
                </c:pt>
                <c:pt idx="15">
                  <c:v>0.2104830357142857</c:v>
                </c:pt>
                <c:pt idx="16">
                  <c:v>0.22283526785714286</c:v>
                </c:pt>
                <c:pt idx="17">
                  <c:v>0.23174955357142857</c:v>
                </c:pt>
                <c:pt idx="18">
                  <c:v>0.24691428571428573</c:v>
                </c:pt>
                <c:pt idx="19">
                  <c:v>0.26351428571428576</c:v>
                </c:pt>
                <c:pt idx="20">
                  <c:v>0.27913125</c:v>
                </c:pt>
                <c:pt idx="21">
                  <c:v>0.29401964285714288</c:v>
                </c:pt>
                <c:pt idx="22">
                  <c:v>0.31058973214285718</c:v>
                </c:pt>
                <c:pt idx="23">
                  <c:v>0.31887946428571429</c:v>
                </c:pt>
                <c:pt idx="24">
                  <c:v>0.3306857142857143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A37-40FA-AC21-BF42A57EC5A5}"/>
            </c:ext>
          </c:extLst>
        </c:ser>
        <c:ser>
          <c:idx val="1"/>
          <c:order val="1"/>
          <c:tx>
            <c:strRef>
              <c:f>'Fig 5 c-d'!$F$6:$F$7</c:f>
              <c:strCache>
                <c:ptCount val="2"/>
                <c:pt idx="0">
                  <c:v>S-D-1.6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5 c-d'!$E$8:$E$38</c:f>
              <c:numCache>
                <c:formatCode>0.000</c:formatCode>
                <c:ptCount val="31"/>
                <c:pt idx="0">
                  <c:v>0.72012967999999999</c:v>
                </c:pt>
                <c:pt idx="1">
                  <c:v>1.5380940299999999</c:v>
                </c:pt>
                <c:pt idx="2">
                  <c:v>3.8920289299999999</c:v>
                </c:pt>
                <c:pt idx="3">
                  <c:v>6.2276531899999998</c:v>
                </c:pt>
                <c:pt idx="4">
                  <c:v>8.5958297100000003</c:v>
                </c:pt>
                <c:pt idx="5">
                  <c:v>13.258940170000001</c:v>
                </c:pt>
                <c:pt idx="6">
                  <c:v>16.731858819999999</c:v>
                </c:pt>
                <c:pt idx="7">
                  <c:v>18.719580870000001</c:v>
                </c:pt>
                <c:pt idx="8">
                  <c:v>22.591264639999999</c:v>
                </c:pt>
                <c:pt idx="9">
                  <c:v>26.106908130000001</c:v>
                </c:pt>
                <c:pt idx="10">
                  <c:v>30.049799950000001</c:v>
                </c:pt>
                <c:pt idx="11">
                  <c:v>33.4189583</c:v>
                </c:pt>
                <c:pt idx="12">
                  <c:v>37.21129595</c:v>
                </c:pt>
                <c:pt idx="13">
                  <c:v>40.045376609999998</c:v>
                </c:pt>
                <c:pt idx="14">
                  <c:v>43.304671089999999</c:v>
                </c:pt>
                <c:pt idx="15">
                  <c:v>47.56291289</c:v>
                </c:pt>
                <c:pt idx="16">
                  <c:v>47.7439848</c:v>
                </c:pt>
                <c:pt idx="17">
                  <c:v>51.64822083</c:v>
                </c:pt>
                <c:pt idx="18">
                  <c:v>54.49247407</c:v>
                </c:pt>
                <c:pt idx="19">
                  <c:v>58.9094081</c:v>
                </c:pt>
                <c:pt idx="20">
                  <c:v>59.009099380000002</c:v>
                </c:pt>
                <c:pt idx="21">
                  <c:v>66.514428559999999</c:v>
                </c:pt>
                <c:pt idx="22">
                  <c:v>70.101280110000005</c:v>
                </c:pt>
                <c:pt idx="23">
                  <c:v>74.469385759999994</c:v>
                </c:pt>
                <c:pt idx="24">
                  <c:v>78.298344700000001</c:v>
                </c:pt>
                <c:pt idx="25">
                  <c:v>81.891299790000005</c:v>
                </c:pt>
                <c:pt idx="26">
                  <c:v>85.720258729999998</c:v>
                </c:pt>
                <c:pt idx="27">
                  <c:v>89.543114119999998</c:v>
                </c:pt>
                <c:pt idx="28">
                  <c:v>93.640629160000003</c:v>
                </c:pt>
                <c:pt idx="29">
                  <c:v>97.892767410000005</c:v>
                </c:pt>
                <c:pt idx="30">
                  <c:v>99.9</c:v>
                </c:pt>
              </c:numCache>
            </c:numRef>
          </c:xVal>
          <c:yVal>
            <c:numRef>
              <c:f>'Fig 5 c-d'!$F$8:$F$38</c:f>
              <c:numCache>
                <c:formatCode>0.000</c:formatCode>
                <c:ptCount val="31"/>
                <c:pt idx="0">
                  <c:v>4.7248660714285719E-2</c:v>
                </c:pt>
                <c:pt idx="1">
                  <c:v>6.4988392857142863E-2</c:v>
                </c:pt>
                <c:pt idx="2">
                  <c:v>9.6836607142857148E-2</c:v>
                </c:pt>
                <c:pt idx="3">
                  <c:v>0.1198232142857143</c:v>
                </c:pt>
                <c:pt idx="4">
                  <c:v>0.13854553571428571</c:v>
                </c:pt>
                <c:pt idx="5">
                  <c:v>0.16609508928571431</c:v>
                </c:pt>
                <c:pt idx="6">
                  <c:v>0.18440580357142861</c:v>
                </c:pt>
                <c:pt idx="7">
                  <c:v>0.19591517857142857</c:v>
                </c:pt>
                <c:pt idx="8">
                  <c:v>0.2141486607142857</c:v>
                </c:pt>
                <c:pt idx="9">
                  <c:v>0.2303558035714286</c:v>
                </c:pt>
                <c:pt idx="10">
                  <c:v>0.248275</c:v>
                </c:pt>
                <c:pt idx="11">
                  <c:v>0.26268750000000002</c:v>
                </c:pt>
                <c:pt idx="12">
                  <c:v>0.27634687500000005</c:v>
                </c:pt>
                <c:pt idx="13">
                  <c:v>0.29302366071428571</c:v>
                </c:pt>
                <c:pt idx="14">
                  <c:v>0.30445714285714287</c:v>
                </c:pt>
                <c:pt idx="15">
                  <c:v>0.31890491071428573</c:v>
                </c:pt>
                <c:pt idx="16">
                  <c:v>0.32025580357142858</c:v>
                </c:pt>
                <c:pt idx="17">
                  <c:v>0.33456383928571432</c:v>
                </c:pt>
                <c:pt idx="18">
                  <c:v>0.34372232142857145</c:v>
                </c:pt>
                <c:pt idx="19">
                  <c:v>0.36110267857142858</c:v>
                </c:pt>
                <c:pt idx="20">
                  <c:v>0.36221116071428577</c:v>
                </c:pt>
                <c:pt idx="21">
                  <c:v>0.38635758928571434</c:v>
                </c:pt>
                <c:pt idx="22">
                  <c:v>0.39936830357142861</c:v>
                </c:pt>
                <c:pt idx="23">
                  <c:v>0.41265535714285717</c:v>
                </c:pt>
                <c:pt idx="24">
                  <c:v>0.42501919642857144</c:v>
                </c:pt>
                <c:pt idx="25">
                  <c:v>0.43592410714285712</c:v>
                </c:pt>
                <c:pt idx="26">
                  <c:v>0.44547500000000007</c:v>
                </c:pt>
                <c:pt idx="27">
                  <c:v>0.455746875</c:v>
                </c:pt>
                <c:pt idx="28">
                  <c:v>0.46617142857142863</c:v>
                </c:pt>
                <c:pt idx="29">
                  <c:v>0.47712544642857141</c:v>
                </c:pt>
                <c:pt idx="30">
                  <c:v>0.4870669642857142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CA37-40FA-AC21-BF42A57EC5A5}"/>
            </c:ext>
          </c:extLst>
        </c:ser>
        <c:ser>
          <c:idx val="2"/>
          <c:order val="2"/>
          <c:tx>
            <c:strRef>
              <c:f>'Fig 5 c-d'!$H$6:$H$7</c:f>
              <c:strCache>
                <c:ptCount val="2"/>
                <c:pt idx="0">
                  <c:v>S-D-2.5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5 c-d'!$G$8:$G$46</c:f>
              <c:numCache>
                <c:formatCode>0.000</c:formatCode>
                <c:ptCount val="39"/>
                <c:pt idx="0">
                  <c:v>7.249092E-2</c:v>
                </c:pt>
                <c:pt idx="1">
                  <c:v>0.41081821000000002</c:v>
                </c:pt>
                <c:pt idx="2">
                  <c:v>1.1372943900000001</c:v>
                </c:pt>
                <c:pt idx="3">
                  <c:v>2.0568955799999999</c:v>
                </c:pt>
                <c:pt idx="4">
                  <c:v>3.0843261200000001</c:v>
                </c:pt>
                <c:pt idx="5">
                  <c:v>4.1361708400000001</c:v>
                </c:pt>
                <c:pt idx="6">
                  <c:v>5.1229110599999998</c:v>
                </c:pt>
                <c:pt idx="7">
                  <c:v>6.2093425499999997</c:v>
                </c:pt>
                <c:pt idx="8">
                  <c:v>8.0159926800000001</c:v>
                </c:pt>
                <c:pt idx="9">
                  <c:v>10.87855656</c:v>
                </c:pt>
                <c:pt idx="10">
                  <c:v>13.74112044</c:v>
                </c:pt>
                <c:pt idx="11">
                  <c:v>16.229333390000001</c:v>
                </c:pt>
                <c:pt idx="12">
                  <c:v>19.732769789999999</c:v>
                </c:pt>
                <c:pt idx="13">
                  <c:v>22.786578160000001</c:v>
                </c:pt>
                <c:pt idx="14">
                  <c:v>25.295136280000001</c:v>
                </c:pt>
                <c:pt idx="15">
                  <c:v>28.62767333</c:v>
                </c:pt>
                <c:pt idx="16">
                  <c:v>31.563479789999999</c:v>
                </c:pt>
                <c:pt idx="17">
                  <c:v>34.041520159999997</c:v>
                </c:pt>
                <c:pt idx="18">
                  <c:v>37.138053380000002</c:v>
                </c:pt>
                <c:pt idx="19">
                  <c:v>40.204068849999999</c:v>
                </c:pt>
                <c:pt idx="20">
                  <c:v>43.300602060000003</c:v>
                </c:pt>
                <c:pt idx="21">
                  <c:v>46.057371109999998</c:v>
                </c:pt>
                <c:pt idx="22">
                  <c:v>49.190525610000002</c:v>
                </c:pt>
                <c:pt idx="23">
                  <c:v>52.321645590000003</c:v>
                </c:pt>
                <c:pt idx="24">
                  <c:v>55.269659140000002</c:v>
                </c:pt>
                <c:pt idx="25">
                  <c:v>58.905339069999997</c:v>
                </c:pt>
                <c:pt idx="26">
                  <c:v>62.156495489999998</c:v>
                </c:pt>
                <c:pt idx="27">
                  <c:v>64.797297139999998</c:v>
                </c:pt>
                <c:pt idx="28">
                  <c:v>68.009797759999998</c:v>
                </c:pt>
                <c:pt idx="29">
                  <c:v>70.774704880000002</c:v>
                </c:pt>
                <c:pt idx="30">
                  <c:v>73.464334910000005</c:v>
                </c:pt>
                <c:pt idx="31">
                  <c:v>76.743974550000004</c:v>
                </c:pt>
                <c:pt idx="32">
                  <c:v>79.805920990000004</c:v>
                </c:pt>
                <c:pt idx="33">
                  <c:v>83.020456120000006</c:v>
                </c:pt>
                <c:pt idx="34">
                  <c:v>86.552375740000002</c:v>
                </c:pt>
                <c:pt idx="35">
                  <c:v>89.465802519999997</c:v>
                </c:pt>
                <c:pt idx="36">
                  <c:v>92.751545710000002</c:v>
                </c:pt>
                <c:pt idx="37">
                  <c:v>96.495054980000006</c:v>
                </c:pt>
                <c:pt idx="38">
                  <c:v>99.727900759999997</c:v>
                </c:pt>
              </c:numCache>
            </c:numRef>
          </c:xVal>
          <c:yVal>
            <c:numRef>
              <c:f>'Fig 5 c-d'!$H$8:$H$46</c:f>
              <c:numCache>
                <c:formatCode>0.000</c:formatCode>
                <c:ptCount val="39"/>
                <c:pt idx="0">
                  <c:v>8.3383035714285722E-2</c:v>
                </c:pt>
                <c:pt idx="1">
                  <c:v>0.16793080357142859</c:v>
                </c:pt>
                <c:pt idx="2">
                  <c:v>0.23767991071428571</c:v>
                </c:pt>
                <c:pt idx="3">
                  <c:v>0.28940580357142859</c:v>
                </c:pt>
                <c:pt idx="4">
                  <c:v>0.32798482142857149</c:v>
                </c:pt>
                <c:pt idx="5">
                  <c:v>0.35729598214285718</c:v>
                </c:pt>
                <c:pt idx="6">
                  <c:v>0.38543348214285722</c:v>
                </c:pt>
                <c:pt idx="7">
                  <c:v>0.40538883928571429</c:v>
                </c:pt>
                <c:pt idx="8">
                  <c:v>0.43336339285714287</c:v>
                </c:pt>
                <c:pt idx="9">
                  <c:v>0.47614151785714293</c:v>
                </c:pt>
                <c:pt idx="10">
                  <c:v>0.50954241071428574</c:v>
                </c:pt>
                <c:pt idx="11">
                  <c:v>0.53293660714285718</c:v>
                </c:pt>
                <c:pt idx="12">
                  <c:v>0.56263526785714291</c:v>
                </c:pt>
                <c:pt idx="13">
                  <c:v>0.58663883928571436</c:v>
                </c:pt>
                <c:pt idx="14">
                  <c:v>0.60469910714285724</c:v>
                </c:pt>
                <c:pt idx="15">
                  <c:v>0.62992098214285719</c:v>
                </c:pt>
                <c:pt idx="16">
                  <c:v>0.64761294642857148</c:v>
                </c:pt>
                <c:pt idx="17">
                  <c:v>0.66127857142857149</c:v>
                </c:pt>
                <c:pt idx="18">
                  <c:v>0.67819553571428581</c:v>
                </c:pt>
                <c:pt idx="19">
                  <c:v>0.70201785714285714</c:v>
                </c:pt>
                <c:pt idx="20">
                  <c:v>0.71693482142857146</c:v>
                </c:pt>
                <c:pt idx="21">
                  <c:v>0.73168125000000006</c:v>
                </c:pt>
                <c:pt idx="22">
                  <c:v>0.74524375000000009</c:v>
                </c:pt>
                <c:pt idx="23">
                  <c:v>0.7605312500000001</c:v>
                </c:pt>
                <c:pt idx="24">
                  <c:v>0.77467098214285723</c:v>
                </c:pt>
                <c:pt idx="25">
                  <c:v>0.79007723214285719</c:v>
                </c:pt>
                <c:pt idx="26">
                  <c:v>0.80407589285714287</c:v>
                </c:pt>
                <c:pt idx="27">
                  <c:v>0.81439285714285714</c:v>
                </c:pt>
                <c:pt idx="28">
                  <c:v>0.82858928571428581</c:v>
                </c:pt>
                <c:pt idx="29">
                  <c:v>0.83870714285714298</c:v>
                </c:pt>
                <c:pt idx="30">
                  <c:v>0.85147410714285721</c:v>
                </c:pt>
                <c:pt idx="31">
                  <c:v>0.86275625</c:v>
                </c:pt>
                <c:pt idx="32">
                  <c:v>0.8759785714285715</c:v>
                </c:pt>
                <c:pt idx="33">
                  <c:v>0.88612901785714293</c:v>
                </c:pt>
                <c:pt idx="34">
                  <c:v>0.89718214285714282</c:v>
                </c:pt>
                <c:pt idx="35">
                  <c:v>0.90650803571428573</c:v>
                </c:pt>
                <c:pt idx="36">
                  <c:v>0.91681428571428569</c:v>
                </c:pt>
                <c:pt idx="37">
                  <c:v>0.92798169642857153</c:v>
                </c:pt>
                <c:pt idx="38">
                  <c:v>0.9379102678571429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CA37-40FA-AC21-BF42A57EC5A5}"/>
            </c:ext>
          </c:extLst>
        </c:ser>
        <c:ser>
          <c:idx val="3"/>
          <c:order val="3"/>
          <c:tx>
            <c:strRef>
              <c:f>'Fig 5 c-d'!$J$6:$J$7</c:f>
              <c:strCache>
                <c:ptCount val="2"/>
                <c:pt idx="0">
                  <c:v>S-D-2.8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5 c-d'!$I$9:$I$51</c:f>
              <c:numCache>
                <c:formatCode>0.000</c:formatCode>
                <c:ptCount val="43"/>
                <c:pt idx="0">
                  <c:v>0.13587504</c:v>
                </c:pt>
                <c:pt idx="1">
                  <c:v>0.30090034999999998</c:v>
                </c:pt>
                <c:pt idx="2">
                  <c:v>0.52885373000000002</c:v>
                </c:pt>
                <c:pt idx="3">
                  <c:v>0.84831743999999998</c:v>
                </c:pt>
                <c:pt idx="4">
                  <c:v>1.2837795400000001</c:v>
                </c:pt>
                <c:pt idx="5">
                  <c:v>1.7110278800000001</c:v>
                </c:pt>
                <c:pt idx="6">
                  <c:v>2.2583126600000001</c:v>
                </c:pt>
                <c:pt idx="7">
                  <c:v>3.39153802</c:v>
                </c:pt>
                <c:pt idx="8">
                  <c:v>4.7139733599999998</c:v>
                </c:pt>
                <c:pt idx="9">
                  <c:v>5.9875803200000002</c:v>
                </c:pt>
                <c:pt idx="10">
                  <c:v>8.0729591200000002</c:v>
                </c:pt>
                <c:pt idx="11">
                  <c:v>9.4828786399999991</c:v>
                </c:pt>
                <c:pt idx="12">
                  <c:v>12.94562472</c:v>
                </c:pt>
                <c:pt idx="13">
                  <c:v>15.330077360000001</c:v>
                </c:pt>
                <c:pt idx="14">
                  <c:v>17.40935262</c:v>
                </c:pt>
                <c:pt idx="15">
                  <c:v>19.72666624</c:v>
                </c:pt>
                <c:pt idx="16">
                  <c:v>22.45698659</c:v>
                </c:pt>
                <c:pt idx="17">
                  <c:v>24.725471819999999</c:v>
                </c:pt>
                <c:pt idx="18">
                  <c:v>27.52903474</c:v>
                </c:pt>
                <c:pt idx="19">
                  <c:v>29.746657079999999</c:v>
                </c:pt>
                <c:pt idx="20">
                  <c:v>34.489113660000001</c:v>
                </c:pt>
                <c:pt idx="21">
                  <c:v>36.651804069999997</c:v>
                </c:pt>
                <c:pt idx="22">
                  <c:v>38.857219319999999</c:v>
                </c:pt>
                <c:pt idx="23">
                  <c:v>41.013806180000003</c:v>
                </c:pt>
                <c:pt idx="24">
                  <c:v>44.494862900000001</c:v>
                </c:pt>
                <c:pt idx="25">
                  <c:v>47.430669350000002</c:v>
                </c:pt>
                <c:pt idx="26">
                  <c:v>51.467148909999999</c:v>
                </c:pt>
                <c:pt idx="27">
                  <c:v>53.572872879999998</c:v>
                </c:pt>
                <c:pt idx="28">
                  <c:v>56.451712890000003</c:v>
                </c:pt>
                <c:pt idx="29">
                  <c:v>58.506573950000003</c:v>
                </c:pt>
                <c:pt idx="30">
                  <c:v>62.65495189</c:v>
                </c:pt>
                <c:pt idx="31">
                  <c:v>65.442238680000003</c:v>
                </c:pt>
                <c:pt idx="32">
                  <c:v>67.484892650000006</c:v>
                </c:pt>
                <c:pt idx="33">
                  <c:v>73.759339710000006</c:v>
                </c:pt>
                <c:pt idx="34">
                  <c:v>75.087878599999996</c:v>
                </c:pt>
                <c:pt idx="35">
                  <c:v>77.83040604</c:v>
                </c:pt>
                <c:pt idx="36">
                  <c:v>81.291117600000007</c:v>
                </c:pt>
                <c:pt idx="37">
                  <c:v>85.988814829999995</c:v>
                </c:pt>
                <c:pt idx="38">
                  <c:v>93.046550510000003</c:v>
                </c:pt>
                <c:pt idx="39">
                  <c:v>96.159359850000001</c:v>
                </c:pt>
                <c:pt idx="40">
                  <c:v>99.506138519999993</c:v>
                </c:pt>
              </c:numCache>
            </c:numRef>
          </c:xVal>
          <c:yVal>
            <c:numRef>
              <c:f>'Fig 5 c-d'!$J$8:$J$51</c:f>
              <c:numCache>
                <c:formatCode>0.000</c:formatCode>
                <c:ptCount val="44"/>
                <c:pt idx="0">
                  <c:v>0.19788750000000002</c:v>
                </c:pt>
                <c:pt idx="1">
                  <c:v>0.25242544642857145</c:v>
                </c:pt>
                <c:pt idx="2">
                  <c:v>0.302925</c:v>
                </c:pt>
                <c:pt idx="3">
                  <c:v>0.34948883928571428</c:v>
                </c:pt>
                <c:pt idx="4">
                  <c:v>0.39165982142857148</c:v>
                </c:pt>
                <c:pt idx="5">
                  <c:v>0.42739241071428569</c:v>
                </c:pt>
                <c:pt idx="6">
                  <c:v>0.46213035714285716</c:v>
                </c:pt>
                <c:pt idx="7">
                  <c:v>0.48841160714285714</c:v>
                </c:pt>
                <c:pt idx="8">
                  <c:v>0.5347303571428571</c:v>
                </c:pt>
                <c:pt idx="9">
                  <c:v>0.57089866071428574</c:v>
                </c:pt>
                <c:pt idx="10">
                  <c:v>0.60610044642857153</c:v>
                </c:pt>
                <c:pt idx="11">
                  <c:v>0.6414013392857143</c:v>
                </c:pt>
                <c:pt idx="12">
                  <c:v>0.66310446428571435</c:v>
                </c:pt>
                <c:pt idx="13">
                  <c:v>0.69924732142857149</c:v>
                </c:pt>
                <c:pt idx="14">
                  <c:v>0.71843750000000006</c:v>
                </c:pt>
                <c:pt idx="15">
                  <c:v>0.74181205357142854</c:v>
                </c:pt>
                <c:pt idx="16">
                  <c:v>0.75867812499999998</c:v>
                </c:pt>
                <c:pt idx="17">
                  <c:v>0.78077098214285723</c:v>
                </c:pt>
                <c:pt idx="18">
                  <c:v>0.79747276785714283</c:v>
                </c:pt>
                <c:pt idx="19">
                  <c:v>0.81464642857142866</c:v>
                </c:pt>
                <c:pt idx="20">
                  <c:v>0.82984910714285709</c:v>
                </c:pt>
                <c:pt idx="21">
                  <c:v>0.85709151785714288</c:v>
                </c:pt>
                <c:pt idx="22">
                  <c:v>0.87396071428571442</c:v>
                </c:pt>
                <c:pt idx="23">
                  <c:v>0.88783973214285716</c:v>
                </c:pt>
                <c:pt idx="24">
                  <c:v>0.90380580357142859</c:v>
                </c:pt>
                <c:pt idx="25">
                  <c:v>0.92560848214285729</c:v>
                </c:pt>
                <c:pt idx="26">
                  <c:v>0.93994285714285719</c:v>
                </c:pt>
                <c:pt idx="27">
                  <c:v>0.96285669642857152</c:v>
                </c:pt>
                <c:pt idx="28">
                  <c:v>0.97629419642857151</c:v>
                </c:pt>
                <c:pt idx="29">
                  <c:v>0.9877040178571429</c:v>
                </c:pt>
                <c:pt idx="30">
                  <c:v>1.0020129464285714</c:v>
                </c:pt>
                <c:pt idx="31">
                  <c:v>1.0179522321428571</c:v>
                </c:pt>
                <c:pt idx="32">
                  <c:v>1.0307575892857144</c:v>
                </c:pt>
                <c:pt idx="33">
                  <c:v>1.0413116071428572</c:v>
                </c:pt>
                <c:pt idx="34">
                  <c:v>1.0652580357142858</c:v>
                </c:pt>
                <c:pt idx="35">
                  <c:v>1.0713258928571427</c:v>
                </c:pt>
                <c:pt idx="36">
                  <c:v>1.0803843750000002</c:v>
                </c:pt>
                <c:pt idx="37">
                  <c:v>1.0902616071428572</c:v>
                </c:pt>
                <c:pt idx="38">
                  <c:v>1.1056696428571429</c:v>
                </c:pt>
                <c:pt idx="39">
                  <c:v>1.1301495535714285</c:v>
                </c:pt>
                <c:pt idx="40">
                  <c:v>1.1378428571428572</c:v>
                </c:pt>
                <c:pt idx="41">
                  <c:v>1.146716964285714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CA37-40FA-AC21-BF42A57EC5A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5 c-d'!$D$54:$D$55</c:f>
              <c:strCache>
                <c:ptCount val="2"/>
                <c:pt idx="0">
                  <c:v>S-0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5 c-d'!$C$56:$C$76</c:f>
              <c:numCache>
                <c:formatCode>0.000</c:formatCode>
                <c:ptCount val="21"/>
                <c:pt idx="0">
                  <c:v>6.9763550499999996</c:v>
                </c:pt>
                <c:pt idx="1">
                  <c:v>13.52546175</c:v>
                </c:pt>
                <c:pt idx="2">
                  <c:v>20.074568459999998</c:v>
                </c:pt>
                <c:pt idx="3">
                  <c:v>26.84747192</c:v>
                </c:pt>
                <c:pt idx="4">
                  <c:v>33.492200869999998</c:v>
                </c:pt>
                <c:pt idx="5">
                  <c:v>39.878546299999996</c:v>
                </c:pt>
                <c:pt idx="6">
                  <c:v>46.399169790000002</c:v>
                </c:pt>
                <c:pt idx="7">
                  <c:v>53.064243900000001</c:v>
                </c:pt>
                <c:pt idx="8">
                  <c:v>59.951080249999997</c:v>
                </c:pt>
                <c:pt idx="9">
                  <c:v>66.195009569999996</c:v>
                </c:pt>
                <c:pt idx="10">
                  <c:v>72.630183380000005</c:v>
                </c:pt>
                <c:pt idx="11">
                  <c:v>81.706158849999994</c:v>
                </c:pt>
                <c:pt idx="12">
                  <c:v>91.323315539999996</c:v>
                </c:pt>
                <c:pt idx="13">
                  <c:v>99.9</c:v>
                </c:pt>
              </c:numCache>
            </c:numRef>
          </c:xVal>
          <c:yVal>
            <c:numRef>
              <c:f>'Fig 5 c-d'!$D$56:$D$76</c:f>
              <c:numCache>
                <c:formatCode>0.000</c:formatCode>
                <c:ptCount val="21"/>
                <c:pt idx="0">
                  <c:v>3.3080357142857139E-3</c:v>
                </c:pt>
                <c:pt idx="1">
                  <c:v>7.0558035714285705E-3</c:v>
                </c:pt>
                <c:pt idx="2">
                  <c:v>1.1599553571428571E-2</c:v>
                </c:pt>
                <c:pt idx="3">
                  <c:v>1.6769642857142858E-2</c:v>
                </c:pt>
                <c:pt idx="4">
                  <c:v>2.1271428571428573E-2</c:v>
                </c:pt>
                <c:pt idx="5">
                  <c:v>2.5776785714285714E-2</c:v>
                </c:pt>
                <c:pt idx="6">
                  <c:v>3.0244642857142859E-2</c:v>
                </c:pt>
                <c:pt idx="7">
                  <c:v>3.5544196428571428E-2</c:v>
                </c:pt>
                <c:pt idx="8">
                  <c:v>4.1508928571428572E-2</c:v>
                </c:pt>
                <c:pt idx="9">
                  <c:v>4.5795089285714297E-2</c:v>
                </c:pt>
                <c:pt idx="10">
                  <c:v>5.1288839285714288E-2</c:v>
                </c:pt>
                <c:pt idx="11">
                  <c:v>5.7325446428571424E-2</c:v>
                </c:pt>
                <c:pt idx="12">
                  <c:v>6.3580357142857133E-2</c:v>
                </c:pt>
                <c:pt idx="13">
                  <c:v>7.0330803571428568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1C33-4273-A534-E5F38BC2F265}"/>
            </c:ext>
          </c:extLst>
        </c:ser>
        <c:ser>
          <c:idx val="1"/>
          <c:order val="1"/>
          <c:tx>
            <c:strRef>
              <c:f>'Fig 5 c-d'!$F$54:$F$55</c:f>
              <c:strCache>
                <c:ptCount val="2"/>
                <c:pt idx="0">
                  <c:v>S-D-1.6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5 c-d'!$E$56:$E$76</c:f>
              <c:numCache>
                <c:formatCode>0.000</c:formatCode>
                <c:ptCount val="21"/>
                <c:pt idx="0">
                  <c:v>6.9315956999999999</c:v>
                </c:pt>
                <c:pt idx="1">
                  <c:v>14.07274653</c:v>
                </c:pt>
                <c:pt idx="2">
                  <c:v>21.099964480000001</c:v>
                </c:pt>
                <c:pt idx="3">
                  <c:v>28.106837259999999</c:v>
                </c:pt>
                <c:pt idx="4">
                  <c:v>34.920431039999997</c:v>
                </c:pt>
                <c:pt idx="5">
                  <c:v>41.573298049999998</c:v>
                </c:pt>
                <c:pt idx="6">
                  <c:v>47.870124789999998</c:v>
                </c:pt>
                <c:pt idx="7">
                  <c:v>53.900429940000002</c:v>
                </c:pt>
                <c:pt idx="8">
                  <c:v>60.305086019999997</c:v>
                </c:pt>
                <c:pt idx="9">
                  <c:v>66.459496639999998</c:v>
                </c:pt>
                <c:pt idx="10">
                  <c:v>72.573216939999995</c:v>
                </c:pt>
                <c:pt idx="11">
                  <c:v>82.153752350000005</c:v>
                </c:pt>
                <c:pt idx="12">
                  <c:v>93.302899519999997</c:v>
                </c:pt>
                <c:pt idx="13">
                  <c:v>97.609969699999994</c:v>
                </c:pt>
                <c:pt idx="14">
                  <c:v>103.20692296</c:v>
                </c:pt>
              </c:numCache>
            </c:numRef>
          </c:xVal>
          <c:yVal>
            <c:numRef>
              <c:f>'Fig 5 c-d'!$F$56:$F$76</c:f>
              <c:numCache>
                <c:formatCode>0.000</c:formatCode>
                <c:ptCount val="21"/>
                <c:pt idx="0">
                  <c:v>3.3620535714285718E-3</c:v>
                </c:pt>
                <c:pt idx="1">
                  <c:v>5.8709821428571431E-3</c:v>
                </c:pt>
                <c:pt idx="2">
                  <c:v>8.635267857142857E-3</c:v>
                </c:pt>
                <c:pt idx="3">
                  <c:v>1.1086160714285715E-2</c:v>
                </c:pt>
                <c:pt idx="4">
                  <c:v>1.3321428571428573E-2</c:v>
                </c:pt>
                <c:pt idx="5">
                  <c:v>1.5939732142857144E-2</c:v>
                </c:pt>
                <c:pt idx="6">
                  <c:v>1.842544642857143E-2</c:v>
                </c:pt>
                <c:pt idx="7">
                  <c:v>2.1145982142857143E-2</c:v>
                </c:pt>
                <c:pt idx="8">
                  <c:v>2.3395982142857145E-2</c:v>
                </c:pt>
                <c:pt idx="9">
                  <c:v>2.5610714285714285E-2</c:v>
                </c:pt>
                <c:pt idx="10">
                  <c:v>2.7731249999999999E-2</c:v>
                </c:pt>
                <c:pt idx="11">
                  <c:v>3.095982142857143E-2</c:v>
                </c:pt>
                <c:pt idx="12">
                  <c:v>3.4941071428571432E-2</c:v>
                </c:pt>
                <c:pt idx="13">
                  <c:v>3.7113839285714288E-2</c:v>
                </c:pt>
                <c:pt idx="14">
                  <c:v>4.0649107142857147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1C33-4273-A534-E5F38BC2F265}"/>
            </c:ext>
          </c:extLst>
        </c:ser>
        <c:ser>
          <c:idx val="2"/>
          <c:order val="2"/>
          <c:tx>
            <c:strRef>
              <c:f>'Fig 5 c-d'!$H$54:$H$55</c:f>
              <c:strCache>
                <c:ptCount val="2"/>
                <c:pt idx="0">
                  <c:v>S-D-2.5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5 c-d'!$G$56:$G$76</c:f>
              <c:numCache>
                <c:formatCode>0.000</c:formatCode>
                <c:ptCount val="21"/>
                <c:pt idx="0">
                  <c:v>3.1189128899999998</c:v>
                </c:pt>
                <c:pt idx="1">
                  <c:v>6.1544106200000002</c:v>
                </c:pt>
                <c:pt idx="2">
                  <c:v>11.348529729999999</c:v>
                </c:pt>
                <c:pt idx="3">
                  <c:v>16.06657212</c:v>
                </c:pt>
                <c:pt idx="4">
                  <c:v>20.570990340000002</c:v>
                </c:pt>
                <c:pt idx="5">
                  <c:v>25.47417368</c:v>
                </c:pt>
                <c:pt idx="6">
                  <c:v>30.200354130000001</c:v>
                </c:pt>
                <c:pt idx="7">
                  <c:v>34.865499110000002</c:v>
                </c:pt>
                <c:pt idx="8">
                  <c:v>39.310916370000001</c:v>
                </c:pt>
                <c:pt idx="9">
                  <c:v>44.244617439999999</c:v>
                </c:pt>
                <c:pt idx="10">
                  <c:v>50.193541949999997</c:v>
                </c:pt>
                <c:pt idx="11">
                  <c:v>56.231985170000002</c:v>
                </c:pt>
                <c:pt idx="12">
                  <c:v>62.007975829999999</c:v>
                </c:pt>
                <c:pt idx="13">
                  <c:v>67.600860060000002</c:v>
                </c:pt>
                <c:pt idx="14">
                  <c:v>73.283262989999997</c:v>
                </c:pt>
                <c:pt idx="15">
                  <c:v>78.760179809999997</c:v>
                </c:pt>
                <c:pt idx="16">
                  <c:v>84.58703337</c:v>
                </c:pt>
                <c:pt idx="17">
                  <c:v>89.964258920000006</c:v>
                </c:pt>
                <c:pt idx="18">
                  <c:v>95.610040560000002</c:v>
                </c:pt>
                <c:pt idx="19">
                  <c:v>99.9</c:v>
                </c:pt>
              </c:numCache>
            </c:numRef>
          </c:xVal>
          <c:yVal>
            <c:numRef>
              <c:f>'Fig 5 c-d'!$H$56:$H$76</c:f>
              <c:numCache>
                <c:formatCode>0.000</c:formatCode>
                <c:ptCount val="21"/>
                <c:pt idx="0">
                  <c:v>1.5674107142857143E-3</c:v>
                </c:pt>
                <c:pt idx="1">
                  <c:v>3.8004464285714282E-3</c:v>
                </c:pt>
                <c:pt idx="2">
                  <c:v>5.8281250000000008E-3</c:v>
                </c:pt>
                <c:pt idx="3">
                  <c:v>7.633928571428571E-3</c:v>
                </c:pt>
                <c:pt idx="4">
                  <c:v>9.7531249999999996E-3</c:v>
                </c:pt>
                <c:pt idx="5">
                  <c:v>1.2027232142857142E-2</c:v>
                </c:pt>
                <c:pt idx="6">
                  <c:v>1.3790178571428573E-2</c:v>
                </c:pt>
                <c:pt idx="7">
                  <c:v>1.5725446428571429E-2</c:v>
                </c:pt>
                <c:pt idx="8">
                  <c:v>1.7346428571428572E-2</c:v>
                </c:pt>
                <c:pt idx="9">
                  <c:v>1.9586160714285716E-2</c:v>
                </c:pt>
                <c:pt idx="10">
                  <c:v>2.1997767857142858E-2</c:v>
                </c:pt>
                <c:pt idx="11">
                  <c:v>2.4181250000000005E-2</c:v>
                </c:pt>
                <c:pt idx="12">
                  <c:v>2.6626339285714288E-2</c:v>
                </c:pt>
                <c:pt idx="13">
                  <c:v>2.945357142857143E-2</c:v>
                </c:pt>
                <c:pt idx="14">
                  <c:v>3.2039732142857144E-2</c:v>
                </c:pt>
                <c:pt idx="15">
                  <c:v>3.4597767857142858E-2</c:v>
                </c:pt>
                <c:pt idx="16">
                  <c:v>3.6460267857142861E-2</c:v>
                </c:pt>
                <c:pt idx="17">
                  <c:v>3.8253571428571428E-2</c:v>
                </c:pt>
                <c:pt idx="18">
                  <c:v>4.0207142857142858E-2</c:v>
                </c:pt>
                <c:pt idx="19">
                  <c:v>4.2659374999999999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1C33-4273-A534-E5F38BC2F265}"/>
            </c:ext>
          </c:extLst>
        </c:ser>
        <c:ser>
          <c:idx val="3"/>
          <c:order val="3"/>
          <c:tx>
            <c:strRef>
              <c:f>'Fig 5 c-d'!$J$54:$J$55</c:f>
              <c:strCache>
                <c:ptCount val="2"/>
                <c:pt idx="0">
                  <c:v>S-D-2.8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5 c-d'!$I$56:$I$76</c:f>
              <c:numCache>
                <c:formatCode>0.000</c:formatCode>
                <c:ptCount val="21"/>
                <c:pt idx="0">
                  <c:v>11.67405228</c:v>
                </c:pt>
                <c:pt idx="1">
                  <c:v>22.501745939999999</c:v>
                </c:pt>
                <c:pt idx="2">
                  <c:v>33.282645729999999</c:v>
                </c:pt>
                <c:pt idx="3">
                  <c:v>44.173409380000002</c:v>
                </c:pt>
                <c:pt idx="4">
                  <c:v>55.06417304</c:v>
                </c:pt>
                <c:pt idx="5">
                  <c:v>66.402530189999993</c:v>
                </c:pt>
                <c:pt idx="6">
                  <c:v>77.77750863</c:v>
                </c:pt>
                <c:pt idx="7">
                  <c:v>92.721027969999994</c:v>
                </c:pt>
                <c:pt idx="8">
                  <c:v>99.9</c:v>
                </c:pt>
              </c:numCache>
            </c:numRef>
          </c:xVal>
          <c:yVal>
            <c:numRef>
              <c:f>'Fig 5 c-d'!$J$56:$J$76</c:f>
              <c:numCache>
                <c:formatCode>0.000</c:formatCode>
                <c:ptCount val="21"/>
                <c:pt idx="0">
                  <c:v>3.6691964285714283E-3</c:v>
                </c:pt>
                <c:pt idx="1">
                  <c:v>6.663839285714286E-3</c:v>
                </c:pt>
                <c:pt idx="2">
                  <c:v>9.3370535714285725E-3</c:v>
                </c:pt>
                <c:pt idx="3">
                  <c:v>1.2891517857142858E-2</c:v>
                </c:pt>
                <c:pt idx="4">
                  <c:v>1.6703571428571429E-2</c:v>
                </c:pt>
                <c:pt idx="5">
                  <c:v>1.9976785714285714E-2</c:v>
                </c:pt>
                <c:pt idx="6">
                  <c:v>2.3406696428571429E-2</c:v>
                </c:pt>
                <c:pt idx="7">
                  <c:v>2.7541964285714288E-2</c:v>
                </c:pt>
                <c:pt idx="8">
                  <c:v>3.1293303571428573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1C33-4273-A534-E5F38BC2F26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layout>
            <c:manualLayout>
              <c:xMode val="edge"/>
              <c:yMode val="edge"/>
              <c:x val="0"/>
              <c:y val="0.2829767209632324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6 a-b'!$D$6:$D$7</c:f>
              <c:strCache>
                <c:ptCount val="2"/>
                <c:pt idx="0">
                  <c:v>S-0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6 a-b'!$C$8:$C$38</c:f>
              <c:numCache>
                <c:formatCode>0.000</c:formatCode>
                <c:ptCount val="31"/>
                <c:pt idx="0">
                  <c:v>1.45467887</c:v>
                </c:pt>
                <c:pt idx="1">
                  <c:v>7.8410243099999999</c:v>
                </c:pt>
                <c:pt idx="2">
                  <c:v>23.407105520000002</c:v>
                </c:pt>
                <c:pt idx="3">
                  <c:v>38.063758110000002</c:v>
                </c:pt>
                <c:pt idx="4">
                  <c:v>47.145837129999997</c:v>
                </c:pt>
                <c:pt idx="5">
                  <c:v>63.942800460000001</c:v>
                </c:pt>
                <c:pt idx="6">
                  <c:v>68.548944469999995</c:v>
                </c:pt>
                <c:pt idx="7">
                  <c:v>71.944551520000005</c:v>
                </c:pt>
                <c:pt idx="8">
                  <c:v>88.059952030000005</c:v>
                </c:pt>
                <c:pt idx="9">
                  <c:v>94.8857529</c:v>
                </c:pt>
                <c:pt idx="10">
                  <c:v>99.9</c:v>
                </c:pt>
              </c:numCache>
            </c:numRef>
          </c:xVal>
          <c:yVal>
            <c:numRef>
              <c:f>'Fig 6 a-b'!$D$8:$D$38</c:f>
              <c:numCache>
                <c:formatCode>0.000</c:formatCode>
                <c:ptCount val="31"/>
                <c:pt idx="0">
                  <c:v>9.9714285714285721E-3</c:v>
                </c:pt>
                <c:pt idx="1">
                  <c:v>4.5137946428571434E-2</c:v>
                </c:pt>
                <c:pt idx="2">
                  <c:v>0.12148794642857144</c:v>
                </c:pt>
                <c:pt idx="3">
                  <c:v>0.18909107142857146</c:v>
                </c:pt>
                <c:pt idx="4">
                  <c:v>0.23028348214285718</c:v>
                </c:pt>
                <c:pt idx="5">
                  <c:v>0.30231116071428571</c:v>
                </c:pt>
                <c:pt idx="6">
                  <c:v>0.32261071428571431</c:v>
                </c:pt>
                <c:pt idx="7">
                  <c:v>0.33580446428571431</c:v>
                </c:pt>
                <c:pt idx="8">
                  <c:v>0.39740982142857145</c:v>
                </c:pt>
                <c:pt idx="9">
                  <c:v>0.42307678571428575</c:v>
                </c:pt>
                <c:pt idx="10">
                  <c:v>0.4538049107142856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5A9-403E-8813-3711435926F0}"/>
            </c:ext>
          </c:extLst>
        </c:ser>
        <c:ser>
          <c:idx val="1"/>
          <c:order val="1"/>
          <c:tx>
            <c:strRef>
              <c:f>'Fig 6 a-b'!$F$6:$F$7</c:f>
              <c:strCache>
                <c:ptCount val="2"/>
                <c:pt idx="0">
                  <c:v>S-T-1.7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6 a-b'!$E$8:$E$38</c:f>
              <c:numCache>
                <c:formatCode>0.000</c:formatCode>
                <c:ptCount val="31"/>
                <c:pt idx="0">
                  <c:v>1.9144794700000001</c:v>
                </c:pt>
                <c:pt idx="1">
                  <c:v>5.0496684800000002</c:v>
                </c:pt>
                <c:pt idx="2">
                  <c:v>9.7677108700000002</c:v>
                </c:pt>
                <c:pt idx="3">
                  <c:v>14.432855849999999</c:v>
                </c:pt>
                <c:pt idx="4">
                  <c:v>19.44386853</c:v>
                </c:pt>
                <c:pt idx="5">
                  <c:v>23.852664499999999</c:v>
                </c:pt>
                <c:pt idx="6">
                  <c:v>28.481188190000001</c:v>
                </c:pt>
                <c:pt idx="7">
                  <c:v>33.439303459999998</c:v>
                </c:pt>
                <c:pt idx="8">
                  <c:v>38.446247100000001</c:v>
                </c:pt>
                <c:pt idx="9">
                  <c:v>43.36570657</c:v>
                </c:pt>
                <c:pt idx="10">
                  <c:v>48.433685689999997</c:v>
                </c:pt>
                <c:pt idx="11">
                  <c:v>53.180211309999997</c:v>
                </c:pt>
                <c:pt idx="12">
                  <c:v>57.631732110000002</c:v>
                </c:pt>
                <c:pt idx="13">
                  <c:v>62.388430300000003</c:v>
                </c:pt>
                <c:pt idx="14">
                  <c:v>67.608998119999995</c:v>
                </c:pt>
                <c:pt idx="15">
                  <c:v>72.363661800000003</c:v>
                </c:pt>
                <c:pt idx="16">
                  <c:v>76.923011950000003</c:v>
                </c:pt>
                <c:pt idx="17">
                  <c:v>86.678515719999993</c:v>
                </c:pt>
                <c:pt idx="18">
                  <c:v>90.95099913</c:v>
                </c:pt>
                <c:pt idx="19">
                  <c:v>99.9</c:v>
                </c:pt>
              </c:numCache>
            </c:numRef>
          </c:xVal>
          <c:yVal>
            <c:numRef>
              <c:f>'Fig 6 a-b'!$F$8:$F$38</c:f>
              <c:numCache>
                <c:formatCode>0.000</c:formatCode>
                <c:ptCount val="31"/>
                <c:pt idx="0">
                  <c:v>0.12195</c:v>
                </c:pt>
                <c:pt idx="1">
                  <c:v>0.1760120535714286</c:v>
                </c:pt>
                <c:pt idx="2">
                  <c:v>0.22285491071428573</c:v>
                </c:pt>
                <c:pt idx="3">
                  <c:v>0.2646</c:v>
                </c:pt>
                <c:pt idx="4">
                  <c:v>0.28635357142857143</c:v>
                </c:pt>
                <c:pt idx="5">
                  <c:v>0.32037276785714291</c:v>
                </c:pt>
                <c:pt idx="6">
                  <c:v>0.34996294642857145</c:v>
                </c:pt>
                <c:pt idx="7">
                  <c:v>0.3647897321428572</c:v>
                </c:pt>
                <c:pt idx="8">
                  <c:v>0.39262098214285718</c:v>
                </c:pt>
                <c:pt idx="9">
                  <c:v>0.41404910714285714</c:v>
                </c:pt>
                <c:pt idx="10">
                  <c:v>0.44026607142857144</c:v>
                </c:pt>
                <c:pt idx="11">
                  <c:v>0.46108348214285716</c:v>
                </c:pt>
                <c:pt idx="12">
                  <c:v>0.48925803571428572</c:v>
                </c:pt>
                <c:pt idx="13">
                  <c:v>0.51461919642857146</c:v>
                </c:pt>
                <c:pt idx="14">
                  <c:v>0.53108616071428583</c:v>
                </c:pt>
                <c:pt idx="15">
                  <c:v>0.55270714285714284</c:v>
                </c:pt>
                <c:pt idx="16">
                  <c:v>0.56843526785714293</c:v>
                </c:pt>
                <c:pt idx="17">
                  <c:v>0.60883214285714293</c:v>
                </c:pt>
                <c:pt idx="18">
                  <c:v>0.63701830357142863</c:v>
                </c:pt>
                <c:pt idx="19">
                  <c:v>0.6767133928571428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05A9-403E-8813-3711435926F0}"/>
            </c:ext>
          </c:extLst>
        </c:ser>
        <c:ser>
          <c:idx val="2"/>
          <c:order val="2"/>
          <c:tx>
            <c:strRef>
              <c:f>'Fig 6 a-b'!$H$6:$H$7</c:f>
              <c:strCache>
                <c:ptCount val="2"/>
                <c:pt idx="0">
                  <c:v>S-T-2.4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6 a-b'!$G$8:$G$38</c:f>
              <c:numCache>
                <c:formatCode>0.000</c:formatCode>
                <c:ptCount val="31"/>
                <c:pt idx="0">
                  <c:v>0.49832879000000002</c:v>
                </c:pt>
                <c:pt idx="1">
                  <c:v>2.0263778399999999</c:v>
                </c:pt>
                <c:pt idx="2">
                  <c:v>4.1931372900000001</c:v>
                </c:pt>
                <c:pt idx="3">
                  <c:v>6.4758641299999997</c:v>
                </c:pt>
                <c:pt idx="4">
                  <c:v>9.8206082899999991</c:v>
                </c:pt>
                <c:pt idx="5">
                  <c:v>13.147041789999999</c:v>
                </c:pt>
                <c:pt idx="6">
                  <c:v>17.659598079999999</c:v>
                </c:pt>
                <c:pt idx="7">
                  <c:v>22.355260789999999</c:v>
                </c:pt>
                <c:pt idx="8">
                  <c:v>27.083475759999999</c:v>
                </c:pt>
                <c:pt idx="9">
                  <c:v>31.62451527</c:v>
                </c:pt>
                <c:pt idx="10">
                  <c:v>36.493111829999997</c:v>
                </c:pt>
                <c:pt idx="11">
                  <c:v>41.209119710000003</c:v>
                </c:pt>
                <c:pt idx="12">
                  <c:v>46.250650129999997</c:v>
                </c:pt>
                <c:pt idx="13">
                  <c:v>51.330836349999998</c:v>
                </c:pt>
                <c:pt idx="14">
                  <c:v>57.361141500000002</c:v>
                </c:pt>
                <c:pt idx="15">
                  <c:v>63.582691140000001</c:v>
                </c:pt>
                <c:pt idx="16">
                  <c:v>69.783895630000004</c:v>
                </c:pt>
                <c:pt idx="17">
                  <c:v>75.726716589999995</c:v>
                </c:pt>
                <c:pt idx="18">
                  <c:v>81.903506890000003</c:v>
                </c:pt>
                <c:pt idx="19">
                  <c:v>87.77715431</c:v>
                </c:pt>
                <c:pt idx="20">
                  <c:v>93.925461389999995</c:v>
                </c:pt>
                <c:pt idx="21">
                  <c:v>99.970008149999998</c:v>
                </c:pt>
              </c:numCache>
            </c:numRef>
          </c:xVal>
          <c:yVal>
            <c:numRef>
              <c:f>'Fig 6 a-b'!$H$8:$H$38</c:f>
              <c:numCache>
                <c:formatCode>0.000</c:formatCode>
                <c:ptCount val="31"/>
                <c:pt idx="0">
                  <c:v>0.13187455357142858</c:v>
                </c:pt>
                <c:pt idx="1">
                  <c:v>0.21069910714285717</c:v>
                </c:pt>
                <c:pt idx="2">
                  <c:v>0.26240669642857145</c:v>
                </c:pt>
                <c:pt idx="3">
                  <c:v>0.29471383928571432</c:v>
                </c:pt>
                <c:pt idx="4">
                  <c:v>0.33262187500000001</c:v>
                </c:pt>
                <c:pt idx="5">
                  <c:v>0.36255892857142863</c:v>
                </c:pt>
                <c:pt idx="6">
                  <c:v>0.39908571428571432</c:v>
                </c:pt>
                <c:pt idx="7">
                  <c:v>0.43486294642857148</c:v>
                </c:pt>
                <c:pt idx="8">
                  <c:v>0.46482589285714293</c:v>
                </c:pt>
                <c:pt idx="9">
                  <c:v>0.49003571428571435</c:v>
                </c:pt>
                <c:pt idx="10">
                  <c:v>0.52004642857142858</c:v>
                </c:pt>
                <c:pt idx="11">
                  <c:v>0.54238526785714292</c:v>
                </c:pt>
                <c:pt idx="12">
                  <c:v>0.56967410714285716</c:v>
                </c:pt>
                <c:pt idx="13">
                  <c:v>0.59043258928571429</c:v>
                </c:pt>
                <c:pt idx="14">
                  <c:v>0.61964553571428571</c:v>
                </c:pt>
                <c:pt idx="15">
                  <c:v>0.64237232142857148</c:v>
                </c:pt>
                <c:pt idx="16">
                  <c:v>0.66863794642857144</c:v>
                </c:pt>
                <c:pt idx="17">
                  <c:v>0.69109017857142863</c:v>
                </c:pt>
                <c:pt idx="18">
                  <c:v>0.71016428571428569</c:v>
                </c:pt>
                <c:pt idx="19">
                  <c:v>0.7297584821428571</c:v>
                </c:pt>
                <c:pt idx="20">
                  <c:v>0.75082142857142864</c:v>
                </c:pt>
                <c:pt idx="21">
                  <c:v>0.7723830357142857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05A9-403E-8813-3711435926F0}"/>
            </c:ext>
          </c:extLst>
        </c:ser>
        <c:ser>
          <c:idx val="3"/>
          <c:order val="3"/>
          <c:tx>
            <c:strRef>
              <c:f>'Fig 6 a-b'!$J$6:$J$7</c:f>
              <c:strCache>
                <c:ptCount val="2"/>
                <c:pt idx="0">
                  <c:v>S-T-3.5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6 a-b'!$I$8:$I$42</c:f>
              <c:numCache>
                <c:formatCode>0.000</c:formatCode>
                <c:ptCount val="35"/>
                <c:pt idx="0">
                  <c:v>2.0723289999999998E-2</c:v>
                </c:pt>
                <c:pt idx="1">
                  <c:v>3.9515410000000001E-2</c:v>
                </c:pt>
                <c:pt idx="2">
                  <c:v>4.3659950000000003E-2</c:v>
                </c:pt>
                <c:pt idx="3">
                  <c:v>6.8385840000000003E-2</c:v>
                </c:pt>
                <c:pt idx="4">
                  <c:v>9.9112939999999997E-2</c:v>
                </c:pt>
                <c:pt idx="5">
                  <c:v>0.17665885000000001</c:v>
                </c:pt>
                <c:pt idx="6">
                  <c:v>0.29072079000000001</c:v>
                </c:pt>
                <c:pt idx="7">
                  <c:v>0.70995585000000005</c:v>
                </c:pt>
                <c:pt idx="8">
                  <c:v>1.1535705199999999</c:v>
                </c:pt>
                <c:pt idx="9">
                  <c:v>2.2867958800000001</c:v>
                </c:pt>
                <c:pt idx="10">
                  <c:v>4.0263069800000002</c:v>
                </c:pt>
                <c:pt idx="11">
                  <c:v>6.2296877100000003</c:v>
                </c:pt>
                <c:pt idx="12">
                  <c:v>8.4595171400000009</c:v>
                </c:pt>
                <c:pt idx="13">
                  <c:v>12.38206381</c:v>
                </c:pt>
                <c:pt idx="14">
                  <c:v>16.82544656</c:v>
                </c:pt>
                <c:pt idx="15">
                  <c:v>20.522161959999998</c:v>
                </c:pt>
                <c:pt idx="16">
                  <c:v>27.754866010000001</c:v>
                </c:pt>
                <c:pt idx="17">
                  <c:v>8.4595171400000009</c:v>
                </c:pt>
                <c:pt idx="18">
                  <c:v>12.38206381</c:v>
                </c:pt>
                <c:pt idx="19">
                  <c:v>32.306078100000001</c:v>
                </c:pt>
                <c:pt idx="20">
                  <c:v>36.474801190000001</c:v>
                </c:pt>
                <c:pt idx="21">
                  <c:v>40.411589470000003</c:v>
                </c:pt>
                <c:pt idx="22">
                  <c:v>44.382964520000002</c:v>
                </c:pt>
                <c:pt idx="23">
                  <c:v>48.27092442</c:v>
                </c:pt>
                <c:pt idx="24">
                  <c:v>52.553580410000002</c:v>
                </c:pt>
                <c:pt idx="25">
                  <c:v>56.372366769999999</c:v>
                </c:pt>
                <c:pt idx="26">
                  <c:v>60.006012179999999</c:v>
                </c:pt>
                <c:pt idx="27">
                  <c:v>67.383166860000003</c:v>
                </c:pt>
                <c:pt idx="28">
                  <c:v>70.793015519999997</c:v>
                </c:pt>
                <c:pt idx="29">
                  <c:v>74.860012819999994</c:v>
                </c:pt>
                <c:pt idx="30">
                  <c:v>78.784593999999998</c:v>
                </c:pt>
                <c:pt idx="31">
                  <c:v>86.784310550000001</c:v>
                </c:pt>
                <c:pt idx="32">
                  <c:v>90.837066239999999</c:v>
                </c:pt>
                <c:pt idx="33">
                  <c:v>94.244880379999998</c:v>
                </c:pt>
                <c:pt idx="34">
                  <c:v>99.9</c:v>
                </c:pt>
              </c:numCache>
            </c:numRef>
          </c:xVal>
          <c:yVal>
            <c:numRef>
              <c:f>'Fig 6 a-b'!$J$8:$J$42</c:f>
              <c:numCache>
                <c:formatCode>0.000</c:formatCode>
                <c:ptCount val="35"/>
                <c:pt idx="0">
                  <c:v>8.281875000000001E-2</c:v>
                </c:pt>
                <c:pt idx="1">
                  <c:v>0.15181562500000001</c:v>
                </c:pt>
                <c:pt idx="2">
                  <c:v>0.22121473214285717</c:v>
                </c:pt>
                <c:pt idx="3">
                  <c:v>0.28975401785714289</c:v>
                </c:pt>
                <c:pt idx="4">
                  <c:v>0.35854241071428572</c:v>
                </c:pt>
                <c:pt idx="5">
                  <c:v>0.42510267857142858</c:v>
                </c:pt>
                <c:pt idx="6">
                  <c:v>0.4891879464285715</c:v>
                </c:pt>
                <c:pt idx="7">
                  <c:v>0.60622366071428568</c:v>
                </c:pt>
                <c:pt idx="8">
                  <c:v>0.65181383928571435</c:v>
                </c:pt>
                <c:pt idx="9">
                  <c:v>0.72953750000000017</c:v>
                </c:pt>
                <c:pt idx="10">
                  <c:v>0.81278839285714288</c:v>
                </c:pt>
                <c:pt idx="11">
                  <c:v>0.86428482142857144</c:v>
                </c:pt>
                <c:pt idx="12">
                  <c:v>0.90807455357142863</c:v>
                </c:pt>
                <c:pt idx="13">
                  <c:v>0.95394241071428587</c:v>
                </c:pt>
                <c:pt idx="14">
                  <c:v>1.0044200892857142</c:v>
                </c:pt>
                <c:pt idx="15">
                  <c:v>1.0377285714285716</c:v>
                </c:pt>
                <c:pt idx="16">
                  <c:v>1.0995816964285714</c:v>
                </c:pt>
                <c:pt idx="17">
                  <c:v>0.90807455357142863</c:v>
                </c:pt>
                <c:pt idx="18">
                  <c:v>0.95394241071428587</c:v>
                </c:pt>
                <c:pt idx="19">
                  <c:v>1.145428125</c:v>
                </c:pt>
                <c:pt idx="20">
                  <c:v>1.172863392857143</c:v>
                </c:pt>
                <c:pt idx="21">
                  <c:v>1.1968504464285714</c:v>
                </c:pt>
                <c:pt idx="22">
                  <c:v>1.2174441964285714</c:v>
                </c:pt>
                <c:pt idx="23">
                  <c:v>1.2381933035714288</c:v>
                </c:pt>
                <c:pt idx="24">
                  <c:v>1.2670852678571429</c:v>
                </c:pt>
                <c:pt idx="25">
                  <c:v>1.2818892857142858</c:v>
                </c:pt>
                <c:pt idx="26">
                  <c:v>1.3034441964285715</c:v>
                </c:pt>
                <c:pt idx="27">
                  <c:v>1.3420964285714287</c:v>
                </c:pt>
                <c:pt idx="28">
                  <c:v>1.3529209821428574</c:v>
                </c:pt>
                <c:pt idx="29">
                  <c:v>1.3735553571428571</c:v>
                </c:pt>
                <c:pt idx="30">
                  <c:v>1.385507142857143</c:v>
                </c:pt>
                <c:pt idx="31">
                  <c:v>1.4071982142857142</c:v>
                </c:pt>
                <c:pt idx="32">
                  <c:v>1.4223625000000002</c:v>
                </c:pt>
                <c:pt idx="33">
                  <c:v>1.4313714285714285</c:v>
                </c:pt>
                <c:pt idx="34">
                  <c:v>1.457536607142857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05A9-403E-8813-3711435926F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6 a-b'!$D$45:$D$46</c:f>
              <c:strCache>
                <c:ptCount val="2"/>
                <c:pt idx="0">
                  <c:v>S-0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6 a-b'!$C$47:$C$81</c:f>
              <c:numCache>
                <c:formatCode>0.000</c:formatCode>
                <c:ptCount val="35"/>
                <c:pt idx="0">
                  <c:v>6.9763550499999996</c:v>
                </c:pt>
                <c:pt idx="1">
                  <c:v>13.52546175</c:v>
                </c:pt>
                <c:pt idx="2">
                  <c:v>20.074568459999998</c:v>
                </c:pt>
                <c:pt idx="3">
                  <c:v>26.84747192</c:v>
                </c:pt>
                <c:pt idx="4">
                  <c:v>33.492200869999998</c:v>
                </c:pt>
                <c:pt idx="5">
                  <c:v>39.878546299999996</c:v>
                </c:pt>
                <c:pt idx="6">
                  <c:v>46.399169790000002</c:v>
                </c:pt>
                <c:pt idx="7">
                  <c:v>53.064243900000001</c:v>
                </c:pt>
                <c:pt idx="8">
                  <c:v>59.951080249999997</c:v>
                </c:pt>
                <c:pt idx="9">
                  <c:v>66.195009569999996</c:v>
                </c:pt>
                <c:pt idx="10">
                  <c:v>72.630183380000005</c:v>
                </c:pt>
                <c:pt idx="11">
                  <c:v>81.706158849999994</c:v>
                </c:pt>
                <c:pt idx="12">
                  <c:v>91.323315539999996</c:v>
                </c:pt>
                <c:pt idx="13">
                  <c:v>99.9</c:v>
                </c:pt>
              </c:numCache>
            </c:numRef>
          </c:xVal>
          <c:yVal>
            <c:numRef>
              <c:f>'Fig 6 a-b'!$D$47:$D$81</c:f>
              <c:numCache>
                <c:formatCode>0.000</c:formatCode>
                <c:ptCount val="35"/>
                <c:pt idx="0">
                  <c:v>3.3080357142857139E-3</c:v>
                </c:pt>
                <c:pt idx="1">
                  <c:v>7.0558035714285705E-3</c:v>
                </c:pt>
                <c:pt idx="2">
                  <c:v>1.1599553571428571E-2</c:v>
                </c:pt>
                <c:pt idx="3">
                  <c:v>1.6769642857142858E-2</c:v>
                </c:pt>
                <c:pt idx="4">
                  <c:v>2.1271428571428573E-2</c:v>
                </c:pt>
                <c:pt idx="5">
                  <c:v>2.5776785714285714E-2</c:v>
                </c:pt>
                <c:pt idx="6">
                  <c:v>3.0244642857142859E-2</c:v>
                </c:pt>
                <c:pt idx="7">
                  <c:v>3.5544196428571428E-2</c:v>
                </c:pt>
                <c:pt idx="8">
                  <c:v>4.1508928571428572E-2</c:v>
                </c:pt>
                <c:pt idx="9">
                  <c:v>4.5795089285714297E-2</c:v>
                </c:pt>
                <c:pt idx="10">
                  <c:v>5.1288839285714288E-2</c:v>
                </c:pt>
                <c:pt idx="11">
                  <c:v>5.7325446428571424E-2</c:v>
                </c:pt>
                <c:pt idx="12">
                  <c:v>6.3580357142857133E-2</c:v>
                </c:pt>
                <c:pt idx="13">
                  <c:v>7.0330803571428568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66A2-447F-9FB7-F494E5CDD648}"/>
            </c:ext>
          </c:extLst>
        </c:ser>
        <c:ser>
          <c:idx val="1"/>
          <c:order val="1"/>
          <c:tx>
            <c:strRef>
              <c:f>'Fig 6 a-b'!$F$45:$F$46</c:f>
              <c:strCache>
                <c:ptCount val="2"/>
                <c:pt idx="0">
                  <c:v>S-T-1.7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6 a-b'!$E$47:$E$81</c:f>
              <c:numCache>
                <c:formatCode>0.000</c:formatCode>
                <c:ptCount val="35"/>
                <c:pt idx="0">
                  <c:v>4.0527556899999997</c:v>
                </c:pt>
                <c:pt idx="1">
                  <c:v>7.3181537199999998</c:v>
                </c:pt>
                <c:pt idx="2">
                  <c:v>13.112455020000001</c:v>
                </c:pt>
                <c:pt idx="3">
                  <c:v>19.708355600000001</c:v>
                </c:pt>
                <c:pt idx="4">
                  <c:v>24.83533568</c:v>
                </c:pt>
                <c:pt idx="5">
                  <c:v>32.782154820000002</c:v>
                </c:pt>
                <c:pt idx="6">
                  <c:v>40.592661390000004</c:v>
                </c:pt>
                <c:pt idx="7">
                  <c:v>47.945401879999999</c:v>
                </c:pt>
                <c:pt idx="8">
                  <c:v>55.277797210000003</c:v>
                </c:pt>
                <c:pt idx="9">
                  <c:v>62.532880929999997</c:v>
                </c:pt>
                <c:pt idx="10">
                  <c:v>69.901897550000001</c:v>
                </c:pt>
                <c:pt idx="11">
                  <c:v>76.941322589999999</c:v>
                </c:pt>
                <c:pt idx="12">
                  <c:v>84.849485920000006</c:v>
                </c:pt>
                <c:pt idx="13">
                  <c:v>91.744460329999995</c:v>
                </c:pt>
                <c:pt idx="14">
                  <c:v>98.51939831</c:v>
                </c:pt>
                <c:pt idx="15">
                  <c:v>99.9</c:v>
                </c:pt>
              </c:numCache>
            </c:numRef>
          </c:xVal>
          <c:yVal>
            <c:numRef>
              <c:f>'Fig 6 a-b'!$F$47:$F$81</c:f>
              <c:numCache>
                <c:formatCode>0.000</c:formatCode>
                <c:ptCount val="35"/>
                <c:pt idx="0">
                  <c:v>3.9160714285714293E-3</c:v>
                </c:pt>
                <c:pt idx="1">
                  <c:v>6.1968750000000001E-3</c:v>
                </c:pt>
                <c:pt idx="2">
                  <c:v>9.6562499999999999E-3</c:v>
                </c:pt>
                <c:pt idx="3">
                  <c:v>1.4484374999999999E-2</c:v>
                </c:pt>
                <c:pt idx="4">
                  <c:v>1.7447321428571427E-2</c:v>
                </c:pt>
                <c:pt idx="5">
                  <c:v>2.1362946428571429E-2</c:v>
                </c:pt>
                <c:pt idx="6">
                  <c:v>2.5774999999999999E-2</c:v>
                </c:pt>
                <c:pt idx="7">
                  <c:v>2.9402232142857143E-2</c:v>
                </c:pt>
                <c:pt idx="8">
                  <c:v>3.3041964285714286E-2</c:v>
                </c:pt>
                <c:pt idx="9">
                  <c:v>3.6778124999999995E-2</c:v>
                </c:pt>
                <c:pt idx="10">
                  <c:v>4.0526339285714287E-2</c:v>
                </c:pt>
                <c:pt idx="11">
                  <c:v>4.5007142857142857E-2</c:v>
                </c:pt>
                <c:pt idx="12">
                  <c:v>4.8735714285714292E-2</c:v>
                </c:pt>
                <c:pt idx="13">
                  <c:v>5.2126785714285716E-2</c:v>
                </c:pt>
                <c:pt idx="14">
                  <c:v>5.5451339285714295E-2</c:v>
                </c:pt>
                <c:pt idx="15">
                  <c:v>5.9237053571428576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66A2-447F-9FB7-F494E5CDD648}"/>
            </c:ext>
          </c:extLst>
        </c:ser>
        <c:ser>
          <c:idx val="2"/>
          <c:order val="2"/>
          <c:tx>
            <c:strRef>
              <c:f>'Fig 6 a-b'!$H$45:$H$46</c:f>
              <c:strCache>
                <c:ptCount val="2"/>
                <c:pt idx="0">
                  <c:v>S-T-2.4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6 a-b'!$G$47:$G$81</c:f>
              <c:numCache>
                <c:formatCode>0.000</c:formatCode>
                <c:ptCount val="35"/>
                <c:pt idx="0">
                  <c:v>3.4017105999999999</c:v>
                </c:pt>
                <c:pt idx="1">
                  <c:v>6.6508324999999999</c:v>
                </c:pt>
                <c:pt idx="2">
                  <c:v>11.311908450000001</c:v>
                </c:pt>
                <c:pt idx="3">
                  <c:v>16.803066879999999</c:v>
                </c:pt>
                <c:pt idx="4">
                  <c:v>21.958530190000001</c:v>
                </c:pt>
                <c:pt idx="5">
                  <c:v>27.842350190000001</c:v>
                </c:pt>
                <c:pt idx="6">
                  <c:v>32.641773219999997</c:v>
                </c:pt>
                <c:pt idx="7">
                  <c:v>37.327263360000003</c:v>
                </c:pt>
                <c:pt idx="8">
                  <c:v>41.953752530000003</c:v>
                </c:pt>
                <c:pt idx="9">
                  <c:v>48.274993449999997</c:v>
                </c:pt>
                <c:pt idx="10">
                  <c:v>54.449749230000002</c:v>
                </c:pt>
                <c:pt idx="11">
                  <c:v>60.16470442</c:v>
                </c:pt>
                <c:pt idx="12">
                  <c:v>66.677189839999997</c:v>
                </c:pt>
                <c:pt idx="13">
                  <c:v>70.418664590000006</c:v>
                </c:pt>
                <c:pt idx="14">
                  <c:v>76.746009060000006</c:v>
                </c:pt>
                <c:pt idx="15">
                  <c:v>82.603380360000003</c:v>
                </c:pt>
                <c:pt idx="16">
                  <c:v>88.987691280000007</c:v>
                </c:pt>
                <c:pt idx="17">
                  <c:v>94.891856439999998</c:v>
                </c:pt>
                <c:pt idx="18">
                  <c:v>99.9</c:v>
                </c:pt>
              </c:numCache>
            </c:numRef>
          </c:xVal>
          <c:yVal>
            <c:numRef>
              <c:f>'Fig 6 a-b'!$H$47:$H$81</c:f>
              <c:numCache>
                <c:formatCode>0.000</c:formatCode>
                <c:ptCount val="35"/>
                <c:pt idx="0">
                  <c:v>3.2566964285714287E-3</c:v>
                </c:pt>
                <c:pt idx="1">
                  <c:v>5.1441964285714285E-3</c:v>
                </c:pt>
                <c:pt idx="2">
                  <c:v>8.3187499999999998E-3</c:v>
                </c:pt>
                <c:pt idx="3">
                  <c:v>1.1063392857142858E-2</c:v>
                </c:pt>
                <c:pt idx="4">
                  <c:v>1.4298660714285715E-2</c:v>
                </c:pt>
                <c:pt idx="5">
                  <c:v>1.8035714285714287E-2</c:v>
                </c:pt>
                <c:pt idx="6">
                  <c:v>2.0808928571428572E-2</c:v>
                </c:pt>
                <c:pt idx="7">
                  <c:v>2.3226785714285714E-2</c:v>
                </c:pt>
                <c:pt idx="8">
                  <c:v>2.6164285714285716E-2</c:v>
                </c:pt>
                <c:pt idx="9">
                  <c:v>2.9599553571428572E-2</c:v>
                </c:pt>
                <c:pt idx="10">
                  <c:v>3.2556696428571424E-2</c:v>
                </c:pt>
                <c:pt idx="11">
                  <c:v>3.540669642857143E-2</c:v>
                </c:pt>
                <c:pt idx="12">
                  <c:v>3.9202232142857139E-2</c:v>
                </c:pt>
                <c:pt idx="13">
                  <c:v>4.1812053571428573E-2</c:v>
                </c:pt>
                <c:pt idx="14">
                  <c:v>4.5461160714285714E-2</c:v>
                </c:pt>
                <c:pt idx="15">
                  <c:v>4.868928571428572E-2</c:v>
                </c:pt>
                <c:pt idx="16">
                  <c:v>5.1981696428571436E-2</c:v>
                </c:pt>
                <c:pt idx="17">
                  <c:v>5.5098214285714285E-2</c:v>
                </c:pt>
                <c:pt idx="18">
                  <c:v>5.8783035714285711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66A2-447F-9FB7-F494E5CDD648}"/>
            </c:ext>
          </c:extLst>
        </c:ser>
        <c:ser>
          <c:idx val="3"/>
          <c:order val="3"/>
          <c:tx>
            <c:strRef>
              <c:f>'Fig 6 a-b'!$J$45:$J$46</c:f>
              <c:strCache>
                <c:ptCount val="2"/>
                <c:pt idx="0">
                  <c:v>S-T-3.5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6 a-b'!$I$47:$I$81</c:f>
              <c:numCache>
                <c:formatCode>0.000</c:formatCode>
                <c:ptCount val="35"/>
                <c:pt idx="0">
                  <c:v>5.0903587999999997</c:v>
                </c:pt>
                <c:pt idx="1">
                  <c:v>10.740209480000001</c:v>
                </c:pt>
                <c:pt idx="2">
                  <c:v>16.774583660000001</c:v>
                </c:pt>
                <c:pt idx="3">
                  <c:v>22.31457047</c:v>
                </c:pt>
                <c:pt idx="4">
                  <c:v>27.539207319999999</c:v>
                </c:pt>
                <c:pt idx="5">
                  <c:v>33.162609289999999</c:v>
                </c:pt>
                <c:pt idx="6">
                  <c:v>38.421832909999999</c:v>
                </c:pt>
                <c:pt idx="7">
                  <c:v>43.99030295</c:v>
                </c:pt>
                <c:pt idx="8">
                  <c:v>49.96364166</c:v>
                </c:pt>
                <c:pt idx="9">
                  <c:v>55.774219090000003</c:v>
                </c:pt>
                <c:pt idx="10">
                  <c:v>61.084305610000001</c:v>
                </c:pt>
                <c:pt idx="11">
                  <c:v>67.136990429999997</c:v>
                </c:pt>
                <c:pt idx="12">
                  <c:v>72.786841109999997</c:v>
                </c:pt>
                <c:pt idx="13">
                  <c:v>80.542415750000004</c:v>
                </c:pt>
                <c:pt idx="14">
                  <c:v>88.574684550000001</c:v>
                </c:pt>
                <c:pt idx="15">
                  <c:v>96.254982100000007</c:v>
                </c:pt>
                <c:pt idx="16">
                  <c:v>99.9</c:v>
                </c:pt>
              </c:numCache>
            </c:numRef>
          </c:xVal>
          <c:yVal>
            <c:numRef>
              <c:f>'Fig 6 a-b'!$J$47:$J$81</c:f>
              <c:numCache>
                <c:formatCode>0.000</c:formatCode>
                <c:ptCount val="35"/>
                <c:pt idx="0">
                  <c:v>1.8977678571428572E-3</c:v>
                </c:pt>
                <c:pt idx="1">
                  <c:v>4.5526785714285721E-3</c:v>
                </c:pt>
                <c:pt idx="2">
                  <c:v>6.9857142857142869E-3</c:v>
                </c:pt>
                <c:pt idx="3">
                  <c:v>9.1250000000000012E-3</c:v>
                </c:pt>
                <c:pt idx="4">
                  <c:v>1.1696428571428573E-2</c:v>
                </c:pt>
                <c:pt idx="5">
                  <c:v>1.4101339285714286E-2</c:v>
                </c:pt>
                <c:pt idx="6">
                  <c:v>1.5865178571428572E-2</c:v>
                </c:pt>
                <c:pt idx="7">
                  <c:v>1.8952678571428572E-2</c:v>
                </c:pt>
                <c:pt idx="8">
                  <c:v>2.1380357142857145E-2</c:v>
                </c:pt>
                <c:pt idx="9">
                  <c:v>2.4202678571428569E-2</c:v>
                </c:pt>
                <c:pt idx="10">
                  <c:v>2.6689285714285717E-2</c:v>
                </c:pt>
                <c:pt idx="11">
                  <c:v>2.9280803571428572E-2</c:v>
                </c:pt>
                <c:pt idx="12">
                  <c:v>3.1785714285714285E-2</c:v>
                </c:pt>
                <c:pt idx="13">
                  <c:v>3.5224107142857147E-2</c:v>
                </c:pt>
                <c:pt idx="14">
                  <c:v>3.8764732142857146E-2</c:v>
                </c:pt>
                <c:pt idx="15">
                  <c:v>4.2240625000000004E-2</c:v>
                </c:pt>
                <c:pt idx="16">
                  <c:v>4.5216964285714291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66A2-447F-9FB7-F494E5CDD64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layout>
            <c:manualLayout>
              <c:xMode val="edge"/>
              <c:yMode val="edge"/>
              <c:x val="0"/>
              <c:y val="0.2829767209632324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6 c-d'!$D$6:$D$7</c:f>
              <c:strCache>
                <c:ptCount val="2"/>
                <c:pt idx="0">
                  <c:v>S-0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6 c-d'!$C$8:$C$38</c:f>
              <c:numCache>
                <c:formatCode>0.000</c:formatCode>
                <c:ptCount val="31"/>
                <c:pt idx="0">
                  <c:v>1.5584391900000001</c:v>
                </c:pt>
                <c:pt idx="1">
                  <c:v>3.4668151100000002</c:v>
                </c:pt>
                <c:pt idx="2">
                  <c:v>6.0608228899999999</c:v>
                </c:pt>
                <c:pt idx="3">
                  <c:v>8.2235133000000005</c:v>
                </c:pt>
                <c:pt idx="4">
                  <c:v>11.26308006</c:v>
                </c:pt>
                <c:pt idx="5">
                  <c:v>20.12136233</c:v>
                </c:pt>
                <c:pt idx="6">
                  <c:v>23.722455480000001</c:v>
                </c:pt>
                <c:pt idx="7">
                  <c:v>28.151596609999999</c:v>
                </c:pt>
                <c:pt idx="8">
                  <c:v>33.646824080000002</c:v>
                </c:pt>
                <c:pt idx="9">
                  <c:v>38.659871269999996</c:v>
                </c:pt>
                <c:pt idx="10">
                  <c:v>43.247704650000003</c:v>
                </c:pt>
                <c:pt idx="11">
                  <c:v>48.106128630000001</c:v>
                </c:pt>
                <c:pt idx="12">
                  <c:v>51.434596659999997</c:v>
                </c:pt>
                <c:pt idx="13">
                  <c:v>54.683718560000003</c:v>
                </c:pt>
                <c:pt idx="14">
                  <c:v>59.497383200000002</c:v>
                </c:pt>
                <c:pt idx="15">
                  <c:v>62.850265419999999</c:v>
                </c:pt>
                <c:pt idx="16">
                  <c:v>66.306907940000002</c:v>
                </c:pt>
                <c:pt idx="17">
                  <c:v>68.36583804</c:v>
                </c:pt>
                <c:pt idx="18">
                  <c:v>73.140846879999998</c:v>
                </c:pt>
                <c:pt idx="19">
                  <c:v>78.253585349999994</c:v>
                </c:pt>
                <c:pt idx="20">
                  <c:v>83.645052509999999</c:v>
                </c:pt>
                <c:pt idx="21">
                  <c:v>88.816791940000002</c:v>
                </c:pt>
                <c:pt idx="22">
                  <c:v>93.886805580000001</c:v>
                </c:pt>
                <c:pt idx="23">
                  <c:v>96.403501759999997</c:v>
                </c:pt>
                <c:pt idx="24">
                  <c:v>99.9</c:v>
                </c:pt>
              </c:numCache>
            </c:numRef>
          </c:xVal>
          <c:yVal>
            <c:numRef>
              <c:f>'Fig 6 c-d'!$D$8:$D$38</c:f>
              <c:numCache>
                <c:formatCode>0.000</c:formatCode>
                <c:ptCount val="31"/>
                <c:pt idx="0">
                  <c:v>7.1312500000000004E-3</c:v>
                </c:pt>
                <c:pt idx="1">
                  <c:v>1.3897321428571431E-2</c:v>
                </c:pt>
                <c:pt idx="2">
                  <c:v>2.3015178571428572E-2</c:v>
                </c:pt>
                <c:pt idx="3">
                  <c:v>3.042544642857143E-2</c:v>
                </c:pt>
                <c:pt idx="4">
                  <c:v>4.056383928571429E-2</c:v>
                </c:pt>
                <c:pt idx="5">
                  <c:v>6.1441071428571428E-2</c:v>
                </c:pt>
                <c:pt idx="6">
                  <c:v>6.9531696428571432E-2</c:v>
                </c:pt>
                <c:pt idx="7">
                  <c:v>8.3895089285714292E-2</c:v>
                </c:pt>
                <c:pt idx="8">
                  <c:v>0.10130044642857144</c:v>
                </c:pt>
                <c:pt idx="9">
                  <c:v>0.11844642857142858</c:v>
                </c:pt>
                <c:pt idx="10">
                  <c:v>0.13707276785714287</c:v>
                </c:pt>
                <c:pt idx="11">
                  <c:v>0.15719642857142857</c:v>
                </c:pt>
                <c:pt idx="12">
                  <c:v>0.17038705357142858</c:v>
                </c:pt>
                <c:pt idx="13">
                  <c:v>0.18271562500000002</c:v>
                </c:pt>
                <c:pt idx="14">
                  <c:v>0.19852276785714287</c:v>
                </c:pt>
                <c:pt idx="15">
                  <c:v>0.2104830357142857</c:v>
                </c:pt>
                <c:pt idx="16">
                  <c:v>0.22283526785714286</c:v>
                </c:pt>
                <c:pt idx="17">
                  <c:v>0.23174955357142857</c:v>
                </c:pt>
                <c:pt idx="18">
                  <c:v>0.24691428571428573</c:v>
                </c:pt>
                <c:pt idx="19">
                  <c:v>0.26351428571428576</c:v>
                </c:pt>
                <c:pt idx="20">
                  <c:v>0.27913125</c:v>
                </c:pt>
                <c:pt idx="21">
                  <c:v>0.29401964285714288</c:v>
                </c:pt>
                <c:pt idx="22">
                  <c:v>0.31058973214285718</c:v>
                </c:pt>
                <c:pt idx="23">
                  <c:v>0.31887946428571429</c:v>
                </c:pt>
                <c:pt idx="24">
                  <c:v>0.3306857142857143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4BBA-4CD7-94DA-1052DF8C5BE7}"/>
            </c:ext>
          </c:extLst>
        </c:ser>
        <c:ser>
          <c:idx val="1"/>
          <c:order val="1"/>
          <c:tx>
            <c:strRef>
              <c:f>'Fig 6 c-d'!$F$6:$F$7</c:f>
              <c:strCache>
                <c:ptCount val="2"/>
                <c:pt idx="0">
                  <c:v>S-T-1.7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6 c-d'!$E$8:$E$38</c:f>
              <c:numCache>
                <c:formatCode>0.000</c:formatCode>
                <c:ptCount val="31"/>
                <c:pt idx="0">
                  <c:v>1.59099144</c:v>
                </c:pt>
                <c:pt idx="1">
                  <c:v>3.9957892400000001</c:v>
                </c:pt>
                <c:pt idx="2">
                  <c:v>6.8664911899999996</c:v>
                </c:pt>
                <c:pt idx="3">
                  <c:v>11.745260330000001</c:v>
                </c:pt>
                <c:pt idx="4">
                  <c:v>16.459233690000001</c:v>
                </c:pt>
                <c:pt idx="5">
                  <c:v>20.89651289</c:v>
                </c:pt>
                <c:pt idx="6">
                  <c:v>25.537243669999999</c:v>
                </c:pt>
                <c:pt idx="7">
                  <c:v>30.198319619999999</c:v>
                </c:pt>
                <c:pt idx="8">
                  <c:v>34.99163909</c:v>
                </c:pt>
                <c:pt idx="9">
                  <c:v>39.939581779999997</c:v>
                </c:pt>
                <c:pt idx="10">
                  <c:v>44.916007690000001</c:v>
                </c:pt>
                <c:pt idx="11">
                  <c:v>49.809018450000003</c:v>
                </c:pt>
                <c:pt idx="12">
                  <c:v>54.826134680000003</c:v>
                </c:pt>
                <c:pt idx="13">
                  <c:v>59.542142550000001</c:v>
                </c:pt>
                <c:pt idx="14">
                  <c:v>64.359876220000004</c:v>
                </c:pt>
                <c:pt idx="15">
                  <c:v>69.360716319999995</c:v>
                </c:pt>
                <c:pt idx="16">
                  <c:v>74.259830620000002</c:v>
                </c:pt>
                <c:pt idx="17">
                  <c:v>79.108082030000006</c:v>
                </c:pt>
                <c:pt idx="18">
                  <c:v>84.161819550000004</c:v>
                </c:pt>
                <c:pt idx="19">
                  <c:v>89.242005770000006</c:v>
                </c:pt>
                <c:pt idx="20">
                  <c:v>94.198086520000004</c:v>
                </c:pt>
                <c:pt idx="21">
                  <c:v>99.178581460000004</c:v>
                </c:pt>
              </c:numCache>
            </c:numRef>
          </c:xVal>
          <c:yVal>
            <c:numRef>
              <c:f>'Fig 6 c-d'!$F$8:$F$38</c:f>
              <c:numCache>
                <c:formatCode>0.000</c:formatCode>
                <c:ptCount val="31"/>
                <c:pt idx="0">
                  <c:v>7.8089285714285722E-2</c:v>
                </c:pt>
                <c:pt idx="1">
                  <c:v>0.11102232142857144</c:v>
                </c:pt>
                <c:pt idx="2">
                  <c:v>0.13794107142857143</c:v>
                </c:pt>
                <c:pt idx="3">
                  <c:v>0.17262678571428572</c:v>
                </c:pt>
                <c:pt idx="4">
                  <c:v>0.201790625</c:v>
                </c:pt>
                <c:pt idx="5">
                  <c:v>0.22738839285714285</c:v>
                </c:pt>
                <c:pt idx="6">
                  <c:v>0.25108616071428569</c:v>
                </c:pt>
                <c:pt idx="7">
                  <c:v>0.27242723214285713</c:v>
                </c:pt>
                <c:pt idx="8">
                  <c:v>0.29314508928571431</c:v>
                </c:pt>
                <c:pt idx="9">
                  <c:v>0.31269866071428576</c:v>
                </c:pt>
                <c:pt idx="10">
                  <c:v>0.33007008928571435</c:v>
                </c:pt>
                <c:pt idx="11">
                  <c:v>0.34749732142857148</c:v>
                </c:pt>
                <c:pt idx="12">
                  <c:v>0.36628616071428577</c:v>
                </c:pt>
                <c:pt idx="13">
                  <c:v>0.38604062499999997</c:v>
                </c:pt>
                <c:pt idx="14">
                  <c:v>0.40131562500000006</c:v>
                </c:pt>
                <c:pt idx="15">
                  <c:v>0.41750000000000004</c:v>
                </c:pt>
                <c:pt idx="16">
                  <c:v>0.43296919642857146</c:v>
                </c:pt>
                <c:pt idx="17">
                  <c:v>0.44735758928571434</c:v>
                </c:pt>
                <c:pt idx="18">
                  <c:v>0.4608522321428572</c:v>
                </c:pt>
                <c:pt idx="19">
                  <c:v>0.47539598214285722</c:v>
                </c:pt>
                <c:pt idx="20">
                  <c:v>0.48878660714285715</c:v>
                </c:pt>
                <c:pt idx="21">
                  <c:v>0.5024080357142857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4BBA-4CD7-94DA-1052DF8C5BE7}"/>
            </c:ext>
          </c:extLst>
        </c:ser>
        <c:ser>
          <c:idx val="2"/>
          <c:order val="2"/>
          <c:tx>
            <c:strRef>
              <c:f>'Fig 6 c-d'!$H$6:$H$7</c:f>
              <c:strCache>
                <c:ptCount val="2"/>
                <c:pt idx="0">
                  <c:v>S-T-2.4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6 c-d'!$G$8:$G$38</c:f>
              <c:numCache>
                <c:formatCode>0.000</c:formatCode>
                <c:ptCount val="31"/>
                <c:pt idx="0">
                  <c:v>0.88087245999999997</c:v>
                </c:pt>
                <c:pt idx="1">
                  <c:v>2.9887038700000002</c:v>
                </c:pt>
                <c:pt idx="2">
                  <c:v>5.4016397300000003</c:v>
                </c:pt>
                <c:pt idx="3">
                  <c:v>7.8613694699999996</c:v>
                </c:pt>
                <c:pt idx="4">
                  <c:v>11.497049390000001</c:v>
                </c:pt>
                <c:pt idx="5">
                  <c:v>15.88550021</c:v>
                </c:pt>
                <c:pt idx="6">
                  <c:v>20.61371518</c:v>
                </c:pt>
                <c:pt idx="7">
                  <c:v>25.089650169999999</c:v>
                </c:pt>
                <c:pt idx="8">
                  <c:v>29.649000319999999</c:v>
                </c:pt>
                <c:pt idx="9">
                  <c:v>34.635598809999998</c:v>
                </c:pt>
                <c:pt idx="10">
                  <c:v>39.664922130000001</c:v>
                </c:pt>
                <c:pt idx="11">
                  <c:v>44.364653879999999</c:v>
                </c:pt>
                <c:pt idx="12">
                  <c:v>49.341079790000002</c:v>
                </c:pt>
                <c:pt idx="13">
                  <c:v>53.902464449999997</c:v>
                </c:pt>
                <c:pt idx="14">
                  <c:v>59.936838639999998</c:v>
                </c:pt>
                <c:pt idx="15">
                  <c:v>65.971212820000005</c:v>
                </c:pt>
                <c:pt idx="16">
                  <c:v>71.952689590000006</c:v>
                </c:pt>
                <c:pt idx="17">
                  <c:v>78.058271820000002</c:v>
                </c:pt>
                <c:pt idx="18">
                  <c:v>84.265579860000003</c:v>
                </c:pt>
                <c:pt idx="19">
                  <c:v>90.470853379999994</c:v>
                </c:pt>
                <c:pt idx="20">
                  <c:v>96.515400139999997</c:v>
                </c:pt>
                <c:pt idx="21">
                  <c:v>99.9</c:v>
                </c:pt>
              </c:numCache>
            </c:numRef>
          </c:xVal>
          <c:yVal>
            <c:numRef>
              <c:f>'Fig 6 c-d'!$H$8:$H$38</c:f>
              <c:numCache>
                <c:formatCode>0.000</c:formatCode>
                <c:ptCount val="31"/>
                <c:pt idx="0">
                  <c:v>0.10499375</c:v>
                </c:pt>
                <c:pt idx="1">
                  <c:v>0.16200401785714288</c:v>
                </c:pt>
                <c:pt idx="2">
                  <c:v>0.19524910714285715</c:v>
                </c:pt>
                <c:pt idx="3">
                  <c:v>0.22270133928571428</c:v>
                </c:pt>
                <c:pt idx="4">
                  <c:v>0.25194285714285714</c:v>
                </c:pt>
                <c:pt idx="5">
                  <c:v>0.28373616071428576</c:v>
                </c:pt>
                <c:pt idx="6">
                  <c:v>0.31268080357142858</c:v>
                </c:pt>
                <c:pt idx="7">
                  <c:v>0.33356562500000003</c:v>
                </c:pt>
                <c:pt idx="8">
                  <c:v>0.3569633928571429</c:v>
                </c:pt>
                <c:pt idx="9">
                  <c:v>0.37857053571428573</c:v>
                </c:pt>
                <c:pt idx="10">
                  <c:v>0.39749598214285714</c:v>
                </c:pt>
                <c:pt idx="11">
                  <c:v>0.41649508928571433</c:v>
                </c:pt>
                <c:pt idx="12">
                  <c:v>0.43753660714285714</c:v>
                </c:pt>
                <c:pt idx="13">
                  <c:v>0.45807455357142862</c:v>
                </c:pt>
                <c:pt idx="14">
                  <c:v>0.48052187500000004</c:v>
                </c:pt>
                <c:pt idx="15">
                  <c:v>0.49856383928571435</c:v>
                </c:pt>
                <c:pt idx="16">
                  <c:v>0.51897991071428573</c:v>
                </c:pt>
                <c:pt idx="17">
                  <c:v>0.53595937500000002</c:v>
                </c:pt>
                <c:pt idx="18">
                  <c:v>0.55028616071428571</c:v>
                </c:pt>
                <c:pt idx="19">
                  <c:v>0.56513749999999996</c:v>
                </c:pt>
                <c:pt idx="20">
                  <c:v>0.58108169642857144</c:v>
                </c:pt>
                <c:pt idx="21">
                  <c:v>0.5981625000000000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4BBA-4CD7-94DA-1052DF8C5BE7}"/>
            </c:ext>
          </c:extLst>
        </c:ser>
        <c:ser>
          <c:idx val="3"/>
          <c:order val="3"/>
          <c:tx>
            <c:strRef>
              <c:f>'Fig 6 c-d'!$J$6:$J$7</c:f>
              <c:strCache>
                <c:ptCount val="2"/>
                <c:pt idx="0">
                  <c:v>S-T-3.5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6 c-d'!$I$8:$I$46</c:f>
              <c:numCache>
                <c:formatCode>0.000</c:formatCode>
                <c:ptCount val="39"/>
                <c:pt idx="0">
                  <c:v>8.7734E-4</c:v>
                </c:pt>
                <c:pt idx="1">
                  <c:v>2.2824299999999999E-2</c:v>
                </c:pt>
                <c:pt idx="2">
                  <c:v>6.4277260000000003E-2</c:v>
                </c:pt>
                <c:pt idx="3">
                  <c:v>0.15015461999999999</c:v>
                </c:pt>
                <c:pt idx="4">
                  <c:v>0.23981461000000001</c:v>
                </c:pt>
                <c:pt idx="5">
                  <c:v>0.41081821000000002</c:v>
                </c:pt>
                <c:pt idx="6">
                  <c:v>0.66722534</c:v>
                </c:pt>
                <c:pt idx="7">
                  <c:v>1.0050508600000001</c:v>
                </c:pt>
                <c:pt idx="8">
                  <c:v>1.3468495300000001</c:v>
                </c:pt>
                <c:pt idx="9">
                  <c:v>1.7781669</c:v>
                </c:pt>
                <c:pt idx="10">
                  <c:v>2.2623816899999998</c:v>
                </c:pt>
                <c:pt idx="11">
                  <c:v>3.20639707</c:v>
                </c:pt>
                <c:pt idx="12">
                  <c:v>4.3172427600000001</c:v>
                </c:pt>
                <c:pt idx="13">
                  <c:v>5.4138468299999998</c:v>
                </c:pt>
                <c:pt idx="14">
                  <c:v>6.6060731500000003</c:v>
                </c:pt>
                <c:pt idx="15">
                  <c:v>8.4595171400000009</c:v>
                </c:pt>
                <c:pt idx="16">
                  <c:v>12.390201879999999</c:v>
                </c:pt>
                <c:pt idx="17">
                  <c:v>16.170332429999998</c:v>
                </c:pt>
                <c:pt idx="18">
                  <c:v>20.752062259999999</c:v>
                </c:pt>
                <c:pt idx="19">
                  <c:v>25.614555280000001</c:v>
                </c:pt>
                <c:pt idx="20">
                  <c:v>27.801659879999999</c:v>
                </c:pt>
                <c:pt idx="21">
                  <c:v>31.701826870000001</c:v>
                </c:pt>
                <c:pt idx="22">
                  <c:v>36.05975995</c:v>
                </c:pt>
                <c:pt idx="23">
                  <c:v>40.627248160000001</c:v>
                </c:pt>
                <c:pt idx="24">
                  <c:v>44.212065189999997</c:v>
                </c:pt>
                <c:pt idx="25">
                  <c:v>46.362548500000003</c:v>
                </c:pt>
                <c:pt idx="26">
                  <c:v>49.603532340000001</c:v>
                </c:pt>
                <c:pt idx="27">
                  <c:v>54.445680199999998</c:v>
                </c:pt>
                <c:pt idx="28">
                  <c:v>56.53919707</c:v>
                </c:pt>
                <c:pt idx="29">
                  <c:v>61.942871320000002</c:v>
                </c:pt>
                <c:pt idx="30">
                  <c:v>65.861348960000001</c:v>
                </c:pt>
                <c:pt idx="31">
                  <c:v>70.662806500000002</c:v>
                </c:pt>
                <c:pt idx="32">
                  <c:v>74.495834470000005</c:v>
                </c:pt>
                <c:pt idx="33">
                  <c:v>77.18342998</c:v>
                </c:pt>
                <c:pt idx="34">
                  <c:v>81.057148269999999</c:v>
                </c:pt>
                <c:pt idx="35">
                  <c:v>86.523892520000004</c:v>
                </c:pt>
                <c:pt idx="36">
                  <c:v>91.838048069999999</c:v>
                </c:pt>
                <c:pt idx="37">
                  <c:v>94.421883269999995</c:v>
                </c:pt>
                <c:pt idx="38">
                  <c:v>99.514276589999994</c:v>
                </c:pt>
              </c:numCache>
            </c:numRef>
          </c:xVal>
          <c:yVal>
            <c:numRef>
              <c:f>'Fig 6 c-d'!$J$8:$J$46</c:f>
              <c:numCache>
                <c:formatCode>0.000</c:formatCode>
                <c:ptCount val="39"/>
                <c:pt idx="0">
                  <c:v>9.4090178571428568E-2</c:v>
                </c:pt>
                <c:pt idx="1">
                  <c:v>0.1517513392857143</c:v>
                </c:pt>
                <c:pt idx="2">
                  <c:v>0.20964955357142859</c:v>
                </c:pt>
                <c:pt idx="3">
                  <c:v>0.26472857142857142</c:v>
                </c:pt>
                <c:pt idx="4">
                  <c:v>0.31867366071428571</c:v>
                </c:pt>
                <c:pt idx="5">
                  <c:v>0.36852723214285721</c:v>
                </c:pt>
                <c:pt idx="6">
                  <c:v>0.41314642857142858</c:v>
                </c:pt>
                <c:pt idx="7">
                  <c:v>0.45203303571428577</c:v>
                </c:pt>
                <c:pt idx="8">
                  <c:v>0.48908214285714285</c:v>
                </c:pt>
                <c:pt idx="9">
                  <c:v>0.52013526785714292</c:v>
                </c:pt>
                <c:pt idx="10">
                  <c:v>0.54578437499999999</c:v>
                </c:pt>
                <c:pt idx="11">
                  <c:v>0.58958660714285716</c:v>
                </c:pt>
                <c:pt idx="12">
                  <c:v>0.62411607142857151</c:v>
                </c:pt>
                <c:pt idx="13">
                  <c:v>0.65968660714285721</c:v>
                </c:pt>
                <c:pt idx="14">
                  <c:v>0.68715133928571426</c:v>
                </c:pt>
                <c:pt idx="15">
                  <c:v>0.71953348214285728</c:v>
                </c:pt>
                <c:pt idx="16">
                  <c:v>0.76755580357142861</c:v>
                </c:pt>
                <c:pt idx="17">
                  <c:v>0.81575312500000008</c:v>
                </c:pt>
                <c:pt idx="18">
                  <c:v>0.8576933035714287</c:v>
                </c:pt>
                <c:pt idx="19">
                  <c:v>0.89036026785714295</c:v>
                </c:pt>
                <c:pt idx="20">
                  <c:v>0.9101977678571429</c:v>
                </c:pt>
                <c:pt idx="21">
                  <c:v>0.93144196428571435</c:v>
                </c:pt>
                <c:pt idx="22">
                  <c:v>0.95432589285714287</c:v>
                </c:pt>
                <c:pt idx="23">
                  <c:v>0.9841267857142858</c:v>
                </c:pt>
                <c:pt idx="24">
                  <c:v>1.0048723214285715</c:v>
                </c:pt>
                <c:pt idx="25">
                  <c:v>1.0205160714285715</c:v>
                </c:pt>
                <c:pt idx="26">
                  <c:v>1.0421236607142859</c:v>
                </c:pt>
                <c:pt idx="27">
                  <c:v>1.0609281250000002</c:v>
                </c:pt>
                <c:pt idx="28">
                  <c:v>1.0745245535714287</c:v>
                </c:pt>
                <c:pt idx="29">
                  <c:v>1.0948834821428572</c:v>
                </c:pt>
                <c:pt idx="30">
                  <c:v>1.1091901785714287</c:v>
                </c:pt>
                <c:pt idx="31">
                  <c:v>1.1315330357142859</c:v>
                </c:pt>
                <c:pt idx="32">
                  <c:v>1.1480991071428572</c:v>
                </c:pt>
                <c:pt idx="33">
                  <c:v>1.1608339285714286</c:v>
                </c:pt>
                <c:pt idx="34">
                  <c:v>1.1706799107142858</c:v>
                </c:pt>
                <c:pt idx="35">
                  <c:v>1.1840276785714288</c:v>
                </c:pt>
                <c:pt idx="36">
                  <c:v>1.1979290178571429</c:v>
                </c:pt>
                <c:pt idx="37">
                  <c:v>1.2088459821428572</c:v>
                </c:pt>
                <c:pt idx="38">
                  <c:v>1.221285714285714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4BBA-4CD7-94DA-1052DF8C5BE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6 c-d'!$D$48:$D$49</c:f>
              <c:strCache>
                <c:ptCount val="2"/>
                <c:pt idx="0">
                  <c:v>S-0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6 c-d'!$C$50:$C$81</c:f>
              <c:numCache>
                <c:formatCode>0.000</c:formatCode>
                <c:ptCount val="32"/>
                <c:pt idx="0">
                  <c:v>6.9763550499999996</c:v>
                </c:pt>
                <c:pt idx="1">
                  <c:v>13.52546175</c:v>
                </c:pt>
                <c:pt idx="2">
                  <c:v>20.074568459999998</c:v>
                </c:pt>
                <c:pt idx="3">
                  <c:v>26.84747192</c:v>
                </c:pt>
                <c:pt idx="4">
                  <c:v>33.492200869999998</c:v>
                </c:pt>
                <c:pt idx="5">
                  <c:v>39.878546299999996</c:v>
                </c:pt>
                <c:pt idx="6">
                  <c:v>46.399169790000002</c:v>
                </c:pt>
                <c:pt idx="7">
                  <c:v>53.064243900000001</c:v>
                </c:pt>
                <c:pt idx="8">
                  <c:v>59.951080249999997</c:v>
                </c:pt>
                <c:pt idx="9">
                  <c:v>66.195009569999996</c:v>
                </c:pt>
                <c:pt idx="10">
                  <c:v>72.630183380000005</c:v>
                </c:pt>
                <c:pt idx="11">
                  <c:v>81.706158849999994</c:v>
                </c:pt>
                <c:pt idx="12">
                  <c:v>91.323315539999996</c:v>
                </c:pt>
                <c:pt idx="13">
                  <c:v>99.9</c:v>
                </c:pt>
              </c:numCache>
            </c:numRef>
          </c:xVal>
          <c:yVal>
            <c:numRef>
              <c:f>'Fig 6 c-d'!$D$50:$D$81</c:f>
              <c:numCache>
                <c:formatCode>0.000</c:formatCode>
                <c:ptCount val="32"/>
                <c:pt idx="0">
                  <c:v>3.3080357142857139E-3</c:v>
                </c:pt>
                <c:pt idx="1">
                  <c:v>7.0558035714285705E-3</c:v>
                </c:pt>
                <c:pt idx="2">
                  <c:v>1.1599553571428571E-2</c:v>
                </c:pt>
                <c:pt idx="3">
                  <c:v>1.6769642857142858E-2</c:v>
                </c:pt>
                <c:pt idx="4">
                  <c:v>2.1271428571428573E-2</c:v>
                </c:pt>
                <c:pt idx="5">
                  <c:v>2.5776785714285714E-2</c:v>
                </c:pt>
                <c:pt idx="6">
                  <c:v>3.0244642857142859E-2</c:v>
                </c:pt>
                <c:pt idx="7">
                  <c:v>3.5544196428571428E-2</c:v>
                </c:pt>
                <c:pt idx="8">
                  <c:v>4.1508928571428572E-2</c:v>
                </c:pt>
                <c:pt idx="9">
                  <c:v>4.5795089285714297E-2</c:v>
                </c:pt>
                <c:pt idx="10">
                  <c:v>5.1288839285714288E-2</c:v>
                </c:pt>
                <c:pt idx="11">
                  <c:v>5.7325446428571424E-2</c:v>
                </c:pt>
                <c:pt idx="12">
                  <c:v>6.3580357142857133E-2</c:v>
                </c:pt>
                <c:pt idx="13">
                  <c:v>7.0330803571428568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B8A6-4C18-BB56-A5E770121516}"/>
            </c:ext>
          </c:extLst>
        </c:ser>
        <c:ser>
          <c:idx val="1"/>
          <c:order val="1"/>
          <c:tx>
            <c:strRef>
              <c:f>'Fig 6 c-d'!$F$48:$F$49</c:f>
              <c:strCache>
                <c:ptCount val="2"/>
                <c:pt idx="0">
                  <c:v>S-T-1.7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6 c-d'!$E$50:$E$81</c:f>
              <c:numCache>
                <c:formatCode>0.000</c:formatCode>
                <c:ptCount val="32"/>
                <c:pt idx="0">
                  <c:v>12.815415700000001</c:v>
                </c:pt>
                <c:pt idx="1">
                  <c:v>25.455863040000001</c:v>
                </c:pt>
                <c:pt idx="2">
                  <c:v>37.992550059999999</c:v>
                </c:pt>
                <c:pt idx="3">
                  <c:v>50.447856440000002</c:v>
                </c:pt>
                <c:pt idx="4">
                  <c:v>69.558064360000003</c:v>
                </c:pt>
                <c:pt idx="5">
                  <c:v>90.330471779999996</c:v>
                </c:pt>
                <c:pt idx="6">
                  <c:v>94.653818079999994</c:v>
                </c:pt>
                <c:pt idx="7">
                  <c:v>99.451206589999998</c:v>
                </c:pt>
                <c:pt idx="8">
                  <c:v>102.43380691</c:v>
                </c:pt>
              </c:numCache>
            </c:numRef>
          </c:xVal>
          <c:yVal>
            <c:numRef>
              <c:f>'Fig 6 c-d'!$F$50:$F$81</c:f>
              <c:numCache>
                <c:formatCode>0.000</c:formatCode>
                <c:ptCount val="32"/>
                <c:pt idx="0">
                  <c:v>5.6187500000000005E-3</c:v>
                </c:pt>
                <c:pt idx="1">
                  <c:v>1.0339285714285716E-2</c:v>
                </c:pt>
                <c:pt idx="2">
                  <c:v>1.4763392857142859E-2</c:v>
                </c:pt>
                <c:pt idx="3">
                  <c:v>1.8888839285714287E-2</c:v>
                </c:pt>
                <c:pt idx="4">
                  <c:v>2.4357142857142858E-2</c:v>
                </c:pt>
                <c:pt idx="5">
                  <c:v>3.0840625000000003E-2</c:v>
                </c:pt>
                <c:pt idx="6">
                  <c:v>3.2902678571428576E-2</c:v>
                </c:pt>
                <c:pt idx="7">
                  <c:v>3.5366071428571434E-2</c:v>
                </c:pt>
                <c:pt idx="8">
                  <c:v>3.9573214285714288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B8A6-4C18-BB56-A5E770121516}"/>
            </c:ext>
          </c:extLst>
        </c:ser>
        <c:ser>
          <c:idx val="2"/>
          <c:order val="2"/>
          <c:tx>
            <c:strRef>
              <c:f>'Fig 6 c-d'!$H$48:$H$49</c:f>
              <c:strCache>
                <c:ptCount val="2"/>
                <c:pt idx="0">
                  <c:v>S-T-2.4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6 c-d'!$G$50:$G$81</c:f>
              <c:numCache>
                <c:formatCode>0.000</c:formatCode>
                <c:ptCount val="32"/>
                <c:pt idx="0">
                  <c:v>5.0720481599999996</c:v>
                </c:pt>
                <c:pt idx="1">
                  <c:v>10.79107237</c:v>
                </c:pt>
                <c:pt idx="2">
                  <c:v>21.352244450000001</c:v>
                </c:pt>
                <c:pt idx="3">
                  <c:v>31.909347489999998</c:v>
                </c:pt>
                <c:pt idx="4">
                  <c:v>42.952699840000001</c:v>
                </c:pt>
                <c:pt idx="5">
                  <c:v>53.61966674</c:v>
                </c:pt>
                <c:pt idx="6">
                  <c:v>64.414808149999999</c:v>
                </c:pt>
                <c:pt idx="7">
                  <c:v>75.28726116</c:v>
                </c:pt>
                <c:pt idx="8">
                  <c:v>85.769087110000001</c:v>
                </c:pt>
                <c:pt idx="9">
                  <c:v>96.497089489999993</c:v>
                </c:pt>
                <c:pt idx="10">
                  <c:v>99.9</c:v>
                </c:pt>
              </c:numCache>
            </c:numRef>
          </c:xVal>
          <c:yVal>
            <c:numRef>
              <c:f>'Fig 6 c-d'!$H$50:$H$81</c:f>
              <c:numCache>
                <c:formatCode>0.000</c:formatCode>
                <c:ptCount val="32"/>
                <c:pt idx="0">
                  <c:v>2.5441964285714287E-3</c:v>
                </c:pt>
                <c:pt idx="1">
                  <c:v>3.9093749999999997E-3</c:v>
                </c:pt>
                <c:pt idx="2">
                  <c:v>8.0598214285714301E-3</c:v>
                </c:pt>
                <c:pt idx="3">
                  <c:v>1.1626785714285715E-2</c:v>
                </c:pt>
                <c:pt idx="4">
                  <c:v>1.5323660714285715E-2</c:v>
                </c:pt>
                <c:pt idx="5">
                  <c:v>1.874955357142857E-2</c:v>
                </c:pt>
                <c:pt idx="6">
                  <c:v>2.257901785714286E-2</c:v>
                </c:pt>
                <c:pt idx="7">
                  <c:v>2.6423214285714286E-2</c:v>
                </c:pt>
                <c:pt idx="8">
                  <c:v>2.9694642857142857E-2</c:v>
                </c:pt>
                <c:pt idx="9">
                  <c:v>3.3472767857142857E-2</c:v>
                </c:pt>
                <c:pt idx="10">
                  <c:v>3.6421874999999999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B8A6-4C18-BB56-A5E770121516}"/>
            </c:ext>
          </c:extLst>
        </c:ser>
        <c:ser>
          <c:idx val="3"/>
          <c:order val="3"/>
          <c:tx>
            <c:strRef>
              <c:f>'Fig 6 c-d'!$J$48:$J$49</c:f>
              <c:strCache>
                <c:ptCount val="2"/>
                <c:pt idx="0">
                  <c:v>S-T-3.5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6 c-d'!$I$50:$I$81</c:f>
              <c:numCache>
                <c:formatCode>0.000</c:formatCode>
                <c:ptCount val="32"/>
                <c:pt idx="0">
                  <c:v>5.5705045499999999</c:v>
                </c:pt>
                <c:pt idx="1">
                  <c:v>12.34544253</c:v>
                </c:pt>
                <c:pt idx="2">
                  <c:v>18.776547310000002</c:v>
                </c:pt>
                <c:pt idx="3">
                  <c:v>25.484346259999999</c:v>
                </c:pt>
                <c:pt idx="4">
                  <c:v>31.913416529999999</c:v>
                </c:pt>
                <c:pt idx="5">
                  <c:v>38.27127874</c:v>
                </c:pt>
                <c:pt idx="6">
                  <c:v>44.830558019999998</c:v>
                </c:pt>
                <c:pt idx="7">
                  <c:v>51.73977404</c:v>
                </c:pt>
                <c:pt idx="8">
                  <c:v>58.797509730000002</c:v>
                </c:pt>
                <c:pt idx="9">
                  <c:v>65.419859009999996</c:v>
                </c:pt>
                <c:pt idx="10">
                  <c:v>72.35348922</c:v>
                </c:pt>
                <c:pt idx="11">
                  <c:v>81.120218269999995</c:v>
                </c:pt>
                <c:pt idx="12">
                  <c:v>90.212469859999999</c:v>
                </c:pt>
                <c:pt idx="13">
                  <c:v>99.184685009999995</c:v>
                </c:pt>
              </c:numCache>
            </c:numRef>
          </c:xVal>
          <c:yVal>
            <c:numRef>
              <c:f>'Fig 6 c-d'!$J$50:$J$81</c:f>
              <c:numCache>
                <c:formatCode>0.000</c:formatCode>
                <c:ptCount val="32"/>
                <c:pt idx="0">
                  <c:v>2.3325892857142859E-3</c:v>
                </c:pt>
                <c:pt idx="1">
                  <c:v>4.7285714285714283E-3</c:v>
                </c:pt>
                <c:pt idx="2">
                  <c:v>7.4357142857142859E-3</c:v>
                </c:pt>
                <c:pt idx="3">
                  <c:v>9.7544642857142864E-3</c:v>
                </c:pt>
                <c:pt idx="4">
                  <c:v>1.3153571428571428E-2</c:v>
                </c:pt>
                <c:pt idx="5">
                  <c:v>1.4296428571428571E-2</c:v>
                </c:pt>
                <c:pt idx="6">
                  <c:v>1.6608035714285718E-2</c:v>
                </c:pt>
                <c:pt idx="7">
                  <c:v>1.9046428571428572E-2</c:v>
                </c:pt>
                <c:pt idx="8">
                  <c:v>2.1075E-2</c:v>
                </c:pt>
                <c:pt idx="9">
                  <c:v>2.3023214285714282E-2</c:v>
                </c:pt>
                <c:pt idx="10">
                  <c:v>2.4974107142857145E-2</c:v>
                </c:pt>
                <c:pt idx="11">
                  <c:v>2.7300446428571427E-2</c:v>
                </c:pt>
                <c:pt idx="12">
                  <c:v>3.0114285714285718E-2</c:v>
                </c:pt>
                <c:pt idx="13">
                  <c:v>3.2149999999999998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B8A6-4C18-BB56-A5E77012151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layout>
            <c:manualLayout>
              <c:xMode val="edge"/>
              <c:yMode val="edge"/>
              <c:x val="0"/>
              <c:y val="0.2829767209632324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183403997577226"/>
          <c:y val="0.10087532808398948"/>
          <c:w val="0.72748345890693067"/>
          <c:h val="0.72564410595887385"/>
        </c:manualLayout>
      </c:layout>
      <c:scatterChart>
        <c:scatterStyle val="smoothMarker"/>
        <c:varyColors val="0"/>
        <c:ser>
          <c:idx val="6"/>
          <c:order val="0"/>
          <c:tx>
            <c:strRef>
              <c:f>'Fig 1a'!$K$7</c:f>
              <c:strCache>
                <c:ptCount val="1"/>
                <c:pt idx="0">
                  <c:v>S-0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1a'!$K$9:$K$43</c:f>
              <c:numCache>
                <c:formatCode>0.00</c:formatCode>
                <c:ptCount val="35"/>
                <c:pt idx="0">
                  <c:v>8.7600000000000008E-6</c:v>
                </c:pt>
                <c:pt idx="1">
                  <c:v>1.0750340000000001E-2</c:v>
                </c:pt>
                <c:pt idx="2">
                  <c:v>4.9694660000000002E-2</c:v>
                </c:pt>
                <c:pt idx="3">
                  <c:v>0.11006498000000001</c:v>
                </c:pt>
                <c:pt idx="4">
                  <c:v>0.25054134</c:v>
                </c:pt>
                <c:pt idx="5">
                  <c:v>0.39675224999999997</c:v>
                </c:pt>
                <c:pt idx="6">
                  <c:v>0.58781611</c:v>
                </c:pt>
                <c:pt idx="7">
                  <c:v>0.72444114999999998</c:v>
                </c:pt>
                <c:pt idx="8">
                  <c:v>0.77140105000000003</c:v>
                </c:pt>
                <c:pt idx="9">
                  <c:v>0.78720657000000005</c:v>
                </c:pt>
                <c:pt idx="10">
                  <c:v>0.79330491999999997</c:v>
                </c:pt>
                <c:pt idx="11">
                  <c:v>0.79767094999999999</c:v>
                </c:pt>
                <c:pt idx="12">
                  <c:v>0.80550321000000003</c:v>
                </c:pt>
                <c:pt idx="13">
                  <c:v>0.81588835999999998</c:v>
                </c:pt>
                <c:pt idx="14">
                  <c:v>0.88960406000000003</c:v>
                </c:pt>
                <c:pt idx="15">
                  <c:v>0.96839934000000005</c:v>
                </c:pt>
                <c:pt idx="16">
                  <c:v>0.99273073000000001</c:v>
                </c:pt>
                <c:pt idx="17">
                  <c:v>0.99273073000000001</c:v>
                </c:pt>
                <c:pt idx="18">
                  <c:v>0.99273073000000001</c:v>
                </c:pt>
                <c:pt idx="19">
                  <c:v>0.94799049999999996</c:v>
                </c:pt>
                <c:pt idx="20">
                  <c:v>0.79698614000000001</c:v>
                </c:pt>
                <c:pt idx="21">
                  <c:v>0.75369271999999998</c:v>
                </c:pt>
                <c:pt idx="22">
                  <c:v>0.74408169999999996</c:v>
                </c:pt>
                <c:pt idx="23">
                  <c:v>0.73950475000000004</c:v>
                </c:pt>
                <c:pt idx="24">
                  <c:v>0.73442081000000003</c:v>
                </c:pt>
                <c:pt idx="25">
                  <c:v>0.72541931000000004</c:v>
                </c:pt>
                <c:pt idx="26">
                  <c:v>0.67595432</c:v>
                </c:pt>
                <c:pt idx="27">
                  <c:v>0.56821348999999999</c:v>
                </c:pt>
                <c:pt idx="28">
                  <c:v>0.44162404999999999</c:v>
                </c:pt>
                <c:pt idx="29">
                  <c:v>0.32223790000000002</c:v>
                </c:pt>
                <c:pt idx="30">
                  <c:v>0.23411851</c:v>
                </c:pt>
                <c:pt idx="31">
                  <c:v>0.17146713999999999</c:v>
                </c:pt>
                <c:pt idx="32">
                  <c:v>0.12821883000000001</c:v>
                </c:pt>
                <c:pt idx="33">
                  <c:v>9.8212610000000006E-2</c:v>
                </c:pt>
              </c:numCache>
            </c:numRef>
          </c:xVal>
          <c:yVal>
            <c:numRef>
              <c:f>'Fig 1a'!$L$9:$L$43</c:f>
              <c:numCache>
                <c:formatCode>0.00</c:formatCode>
                <c:ptCount val="35"/>
                <c:pt idx="0">
                  <c:v>35.154620000000001</c:v>
                </c:pt>
                <c:pt idx="1">
                  <c:v>69.614469999999997</c:v>
                </c:pt>
                <c:pt idx="2">
                  <c:v>96.004109999999997</c:v>
                </c:pt>
                <c:pt idx="3">
                  <c:v>114.66924</c:v>
                </c:pt>
                <c:pt idx="4">
                  <c:v>143.49137999999999</c:v>
                </c:pt>
                <c:pt idx="5">
                  <c:v>170.93628000000001</c:v>
                </c:pt>
                <c:pt idx="6">
                  <c:v>216.47926000000001</c:v>
                </c:pt>
                <c:pt idx="7">
                  <c:v>275.23164000000003</c:v>
                </c:pt>
                <c:pt idx="8">
                  <c:v>344.65215000000001</c:v>
                </c:pt>
                <c:pt idx="9">
                  <c:v>412.91631000000001</c:v>
                </c:pt>
                <c:pt idx="10">
                  <c:v>485.12223</c:v>
                </c:pt>
                <c:pt idx="11">
                  <c:v>556.43901000000005</c:v>
                </c:pt>
                <c:pt idx="12">
                  <c:v>626.90580999999997</c:v>
                </c:pt>
                <c:pt idx="13">
                  <c:v>697.79825000000005</c:v>
                </c:pt>
                <c:pt idx="14">
                  <c:v>744.62233000000003</c:v>
                </c:pt>
                <c:pt idx="15">
                  <c:v>780.17846999999995</c:v>
                </c:pt>
                <c:pt idx="16">
                  <c:v>870.37004000000002</c:v>
                </c:pt>
                <c:pt idx="17">
                  <c:v>870.37004000000002</c:v>
                </c:pt>
                <c:pt idx="18">
                  <c:v>870.37004000000002</c:v>
                </c:pt>
                <c:pt idx="19">
                  <c:v>775.43701999999996</c:v>
                </c:pt>
                <c:pt idx="20">
                  <c:v>715.19970000000001</c:v>
                </c:pt>
                <c:pt idx="21">
                  <c:v>623.33291999999994</c:v>
                </c:pt>
                <c:pt idx="22">
                  <c:v>521.00414000000001</c:v>
                </c:pt>
                <c:pt idx="23">
                  <c:v>446.87331</c:v>
                </c:pt>
                <c:pt idx="24">
                  <c:v>374.35003</c:v>
                </c:pt>
                <c:pt idx="25">
                  <c:v>302.95202</c:v>
                </c:pt>
                <c:pt idx="26">
                  <c:v>254.38102000000001</c:v>
                </c:pt>
                <c:pt idx="27">
                  <c:v>211.80667</c:v>
                </c:pt>
                <c:pt idx="28">
                  <c:v>181.63215</c:v>
                </c:pt>
                <c:pt idx="29">
                  <c:v>156.94936999999999</c:v>
                </c:pt>
                <c:pt idx="30">
                  <c:v>140.12183999999999</c:v>
                </c:pt>
                <c:pt idx="31">
                  <c:v>127.26738</c:v>
                </c:pt>
                <c:pt idx="32">
                  <c:v>118.39394</c:v>
                </c:pt>
                <c:pt idx="33">
                  <c:v>111.0047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6938-4D76-A68D-B47ACC6905C7}"/>
            </c:ext>
          </c:extLst>
        </c:ser>
        <c:ser>
          <c:idx val="0"/>
          <c:order val="1"/>
          <c:tx>
            <c:strRef>
              <c:f>'Fig 1b'!$B$7</c:f>
              <c:strCache>
                <c:ptCount val="1"/>
                <c:pt idx="0">
                  <c:v>S-D-1.6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1b'!$B$9:$B$54</c:f>
              <c:numCache>
                <c:formatCode>0.00</c:formatCode>
                <c:ptCount val="46"/>
                <c:pt idx="0">
                  <c:v>4.7392600000000003E-3</c:v>
                </c:pt>
                <c:pt idx="1">
                  <c:v>4.75685E-2</c:v>
                </c:pt>
                <c:pt idx="2">
                  <c:v>0.13214898999999999</c:v>
                </c:pt>
                <c:pt idx="3">
                  <c:v>0.31270443999999997</c:v>
                </c:pt>
                <c:pt idx="4">
                  <c:v>0.4911103</c:v>
                </c:pt>
                <c:pt idx="5">
                  <c:v>0.63768661999999998</c:v>
                </c:pt>
                <c:pt idx="6">
                  <c:v>0.72203289000000004</c:v>
                </c:pt>
                <c:pt idx="7">
                  <c:v>0.75652677000000002</c:v>
                </c:pt>
                <c:pt idx="8">
                  <c:v>0.77027051999999996</c:v>
                </c:pt>
                <c:pt idx="9">
                  <c:v>0.77923819000000005</c:v>
                </c:pt>
                <c:pt idx="10">
                  <c:v>0.78317004000000001</c:v>
                </c:pt>
                <c:pt idx="11">
                  <c:v>0.78735215000000003</c:v>
                </c:pt>
                <c:pt idx="12">
                  <c:v>0.79148817000000005</c:v>
                </c:pt>
                <c:pt idx="13">
                  <c:v>0.79403765000000004</c:v>
                </c:pt>
                <c:pt idx="14">
                  <c:v>0.80438902999999995</c:v>
                </c:pt>
                <c:pt idx="15">
                  <c:v>0.8114652</c:v>
                </c:pt>
                <c:pt idx="16">
                  <c:v>0.83849492999999997</c:v>
                </c:pt>
                <c:pt idx="17">
                  <c:v>0.91040277000000003</c:v>
                </c:pt>
                <c:pt idx="18">
                  <c:v>0.96594826</c:v>
                </c:pt>
                <c:pt idx="19">
                  <c:v>0.99144432999999998</c:v>
                </c:pt>
                <c:pt idx="20">
                  <c:v>0.99144432999999998</c:v>
                </c:pt>
                <c:pt idx="21">
                  <c:v>0.95994212000000001</c:v>
                </c:pt>
                <c:pt idx="22">
                  <c:v>0.90402291000000001</c:v>
                </c:pt>
                <c:pt idx="23">
                  <c:v>0.84351134000000005</c:v>
                </c:pt>
                <c:pt idx="24">
                  <c:v>0.79197390999999995</c:v>
                </c:pt>
                <c:pt idx="25">
                  <c:v>0.76868720999999995</c:v>
                </c:pt>
                <c:pt idx="26">
                  <c:v>0.75755563999999997</c:v>
                </c:pt>
                <c:pt idx="27">
                  <c:v>0.75272636000000004</c:v>
                </c:pt>
                <c:pt idx="28">
                  <c:v>0.74817104000000001</c:v>
                </c:pt>
                <c:pt idx="29">
                  <c:v>0.74403909000000001</c:v>
                </c:pt>
                <c:pt idx="30">
                  <c:v>0.73899581000000003</c:v>
                </c:pt>
                <c:pt idx="31">
                  <c:v>0.73399048</c:v>
                </c:pt>
                <c:pt idx="32">
                  <c:v>0.72348522000000004</c:v>
                </c:pt>
                <c:pt idx="33">
                  <c:v>0.71190118000000002</c:v>
                </c:pt>
                <c:pt idx="34">
                  <c:v>0.67504291999999999</c:v>
                </c:pt>
                <c:pt idx="35">
                  <c:v>0.58365878000000004</c:v>
                </c:pt>
                <c:pt idx="36">
                  <c:v>0.48171327000000003</c:v>
                </c:pt>
                <c:pt idx="37">
                  <c:v>0.38873644000000002</c:v>
                </c:pt>
                <c:pt idx="38">
                  <c:v>0.31177899999999997</c:v>
                </c:pt>
                <c:pt idx="39">
                  <c:v>0.25151166000000003</c:v>
                </c:pt>
                <c:pt idx="40">
                  <c:v>0.20592436</c:v>
                </c:pt>
                <c:pt idx="41">
                  <c:v>0.17151737</c:v>
                </c:pt>
                <c:pt idx="42">
                  <c:v>0.14587344999999999</c:v>
                </c:pt>
                <c:pt idx="43">
                  <c:v>0.12629578</c:v>
                </c:pt>
                <c:pt idx="44">
                  <c:v>0.11149254</c:v>
                </c:pt>
                <c:pt idx="45">
                  <c:v>0.10013097999999999</c:v>
                </c:pt>
              </c:numCache>
            </c:numRef>
          </c:xVal>
          <c:yVal>
            <c:numRef>
              <c:f>'Fig 1b'!$C$9:$C$54</c:f>
              <c:numCache>
                <c:formatCode>0.00</c:formatCode>
                <c:ptCount val="46"/>
                <c:pt idx="0">
                  <c:v>33.951549999999997</c:v>
                </c:pt>
                <c:pt idx="1">
                  <c:v>61.915190000000003</c:v>
                </c:pt>
                <c:pt idx="2">
                  <c:v>82.858130000000003</c:v>
                </c:pt>
                <c:pt idx="3">
                  <c:v>111.27654</c:v>
                </c:pt>
                <c:pt idx="4">
                  <c:v>139.87521000000001</c:v>
                </c:pt>
                <c:pt idx="5">
                  <c:v>173.37235999999999</c:v>
                </c:pt>
                <c:pt idx="6">
                  <c:v>207.15120999999999</c:v>
                </c:pt>
                <c:pt idx="7">
                  <c:v>242.84992</c:v>
                </c:pt>
                <c:pt idx="8">
                  <c:v>279.15951000000001</c:v>
                </c:pt>
                <c:pt idx="9">
                  <c:v>315.29818</c:v>
                </c:pt>
                <c:pt idx="10">
                  <c:v>351.88735000000003</c:v>
                </c:pt>
                <c:pt idx="11">
                  <c:v>388.25819999999999</c:v>
                </c:pt>
                <c:pt idx="12">
                  <c:v>424.27643</c:v>
                </c:pt>
                <c:pt idx="13">
                  <c:v>459.74916000000002</c:v>
                </c:pt>
                <c:pt idx="14">
                  <c:v>493.6456</c:v>
                </c:pt>
                <c:pt idx="15">
                  <c:v>527.83421999999996</c:v>
                </c:pt>
                <c:pt idx="16">
                  <c:v>558.26653999999996</c:v>
                </c:pt>
                <c:pt idx="17">
                  <c:v>579.92879000000005</c:v>
                </c:pt>
                <c:pt idx="18">
                  <c:v>596.48914000000002</c:v>
                </c:pt>
                <c:pt idx="19">
                  <c:v>616.87298999999996</c:v>
                </c:pt>
                <c:pt idx="20">
                  <c:v>616.87298999999996</c:v>
                </c:pt>
                <c:pt idx="21">
                  <c:v>597.41936999999996</c:v>
                </c:pt>
                <c:pt idx="22">
                  <c:v>581.86136999999997</c:v>
                </c:pt>
                <c:pt idx="23">
                  <c:v>567.09621000000004</c:v>
                </c:pt>
                <c:pt idx="24">
                  <c:v>550.92543999999998</c:v>
                </c:pt>
                <c:pt idx="25">
                  <c:v>530.29498000000001</c:v>
                </c:pt>
                <c:pt idx="26">
                  <c:v>507.73131999999998</c:v>
                </c:pt>
                <c:pt idx="27">
                  <c:v>484.20373999999998</c:v>
                </c:pt>
                <c:pt idx="28">
                  <c:v>460.60921999999999</c:v>
                </c:pt>
                <c:pt idx="29">
                  <c:v>412.58445999999998</c:v>
                </c:pt>
                <c:pt idx="30">
                  <c:v>365.02003000000002</c:v>
                </c:pt>
                <c:pt idx="31">
                  <c:v>317.78728000000001</c:v>
                </c:pt>
                <c:pt idx="32">
                  <c:v>272.02404000000001</c:v>
                </c:pt>
                <c:pt idx="33">
                  <c:v>226.94431</c:v>
                </c:pt>
                <c:pt idx="34">
                  <c:v>188.33275</c:v>
                </c:pt>
                <c:pt idx="35">
                  <c:v>161.02536000000001</c:v>
                </c:pt>
                <c:pt idx="36">
                  <c:v>138.36886000000001</c:v>
                </c:pt>
                <c:pt idx="37">
                  <c:v>123.46456000000001</c:v>
                </c:pt>
                <c:pt idx="38">
                  <c:v>111.13088</c:v>
                </c:pt>
                <c:pt idx="39">
                  <c:v>101.64514</c:v>
                </c:pt>
                <c:pt idx="40">
                  <c:v>94.469949999999997</c:v>
                </c:pt>
                <c:pt idx="41">
                  <c:v>89.054490000000001</c:v>
                </c:pt>
                <c:pt idx="42">
                  <c:v>85.018280000000004</c:v>
                </c:pt>
                <c:pt idx="43">
                  <c:v>81.408810000000003</c:v>
                </c:pt>
                <c:pt idx="44">
                  <c:v>77.743390000000005</c:v>
                </c:pt>
                <c:pt idx="45">
                  <c:v>74.930160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6938-4D76-A68D-B47ACC6905C7}"/>
            </c:ext>
          </c:extLst>
        </c:ser>
        <c:ser>
          <c:idx val="1"/>
          <c:order val="2"/>
          <c:tx>
            <c:strRef>
              <c:f>'Fig 1b'!$E$7</c:f>
              <c:strCache>
                <c:ptCount val="1"/>
                <c:pt idx="0">
                  <c:v>S-D-2.5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Fig 1b'!$E$9:$E$35</c:f>
              <c:numCache>
                <c:formatCode>0.00</c:formatCode>
                <c:ptCount val="27"/>
                <c:pt idx="0">
                  <c:v>2.8398869595261601E-2</c:v>
                </c:pt>
                <c:pt idx="1">
                  <c:v>0.13598921233958539</c:v>
                </c:pt>
                <c:pt idx="2">
                  <c:v>0.3546243571569595</c:v>
                </c:pt>
                <c:pt idx="3">
                  <c:v>0.59221886051332673</c:v>
                </c:pt>
                <c:pt idx="4">
                  <c:v>0.71876856169792691</c:v>
                </c:pt>
                <c:pt idx="5">
                  <c:v>0.76359619743336626</c:v>
                </c:pt>
                <c:pt idx="6">
                  <c:v>0.7787797515301087</c:v>
                </c:pt>
                <c:pt idx="7">
                  <c:v>0.79008708084896351</c:v>
                </c:pt>
                <c:pt idx="8">
                  <c:v>0.79400347374136226</c:v>
                </c:pt>
                <c:pt idx="9">
                  <c:v>0.80049062714708785</c:v>
                </c:pt>
                <c:pt idx="10">
                  <c:v>0.81314358884501492</c:v>
                </c:pt>
                <c:pt idx="11">
                  <c:v>0.8810679007897334</c:v>
                </c:pt>
                <c:pt idx="12">
                  <c:v>0.96895577453109571</c:v>
                </c:pt>
                <c:pt idx="13">
                  <c:v>0.96895577453109571</c:v>
                </c:pt>
                <c:pt idx="14">
                  <c:v>0.78028605646594273</c:v>
                </c:pt>
                <c:pt idx="15">
                  <c:v>0.74465692300098718</c:v>
                </c:pt>
                <c:pt idx="16">
                  <c:v>0.73503665528134265</c:v>
                </c:pt>
                <c:pt idx="17">
                  <c:v>0.72782647551826263</c:v>
                </c:pt>
                <c:pt idx="18">
                  <c:v>0.71053409457058236</c:v>
                </c:pt>
                <c:pt idx="19">
                  <c:v>0.62722538785784798</c:v>
                </c:pt>
                <c:pt idx="20">
                  <c:v>0.48565280513326753</c:v>
                </c:pt>
                <c:pt idx="21">
                  <c:v>0.35904285172754197</c:v>
                </c:pt>
                <c:pt idx="22">
                  <c:v>0.26177571905231989</c:v>
                </c:pt>
                <c:pt idx="23">
                  <c:v>0.19250577462981244</c:v>
                </c:pt>
                <c:pt idx="24">
                  <c:v>0.14432409980256664</c:v>
                </c:pt>
                <c:pt idx="25">
                  <c:v>0.11098454995064165</c:v>
                </c:pt>
                <c:pt idx="26">
                  <c:v>8.7747285291214214E-2</c:v>
                </c:pt>
              </c:numCache>
            </c:numRef>
          </c:xVal>
          <c:yVal>
            <c:numRef>
              <c:f>'Fig 1b'!$F$9:$F$35</c:f>
              <c:numCache>
                <c:formatCode>0.00</c:formatCode>
                <c:ptCount val="27"/>
                <c:pt idx="0">
                  <c:v>46.973840000000003</c:v>
                </c:pt>
                <c:pt idx="1">
                  <c:v>76.405349999999999</c:v>
                </c:pt>
                <c:pt idx="2">
                  <c:v>108.92448</c:v>
                </c:pt>
                <c:pt idx="3">
                  <c:v>150.12620999999999</c:v>
                </c:pt>
                <c:pt idx="4">
                  <c:v>191.57955999999999</c:v>
                </c:pt>
                <c:pt idx="5">
                  <c:v>237.86381</c:v>
                </c:pt>
                <c:pt idx="6">
                  <c:v>285.47447</c:v>
                </c:pt>
                <c:pt idx="7">
                  <c:v>333.64123999999998</c:v>
                </c:pt>
                <c:pt idx="8">
                  <c:v>381.72089</c:v>
                </c:pt>
                <c:pt idx="9">
                  <c:v>428.69412</c:v>
                </c:pt>
                <c:pt idx="10">
                  <c:v>474.14353</c:v>
                </c:pt>
                <c:pt idx="11">
                  <c:v>506.40573000000001</c:v>
                </c:pt>
                <c:pt idx="12">
                  <c:v>528.68377999999996</c:v>
                </c:pt>
                <c:pt idx="13">
                  <c:v>528.68377999999996</c:v>
                </c:pt>
                <c:pt idx="14">
                  <c:v>476.1266</c:v>
                </c:pt>
                <c:pt idx="15">
                  <c:v>410.16968000000003</c:v>
                </c:pt>
                <c:pt idx="16">
                  <c:v>342.25794000000002</c:v>
                </c:pt>
                <c:pt idx="17">
                  <c:v>274.71249</c:v>
                </c:pt>
                <c:pt idx="18">
                  <c:v>209.8836</c:v>
                </c:pt>
                <c:pt idx="19">
                  <c:v>162.11442</c:v>
                </c:pt>
                <c:pt idx="20">
                  <c:v>131.98652000000001</c:v>
                </c:pt>
                <c:pt idx="21">
                  <c:v>110.98761</c:v>
                </c:pt>
                <c:pt idx="22">
                  <c:v>97.630290000000002</c:v>
                </c:pt>
                <c:pt idx="23">
                  <c:v>87.797470000000004</c:v>
                </c:pt>
                <c:pt idx="24">
                  <c:v>80.234579999999994</c:v>
                </c:pt>
                <c:pt idx="25">
                  <c:v>74.224739999999997</c:v>
                </c:pt>
                <c:pt idx="26">
                  <c:v>69.314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6938-4D76-A68D-B47ACC6905C7}"/>
            </c:ext>
          </c:extLst>
        </c:ser>
        <c:ser>
          <c:idx val="2"/>
          <c:order val="3"/>
          <c:tx>
            <c:strRef>
              <c:f>'Fig 1b'!$H$7</c:f>
              <c:strCache>
                <c:ptCount val="1"/>
                <c:pt idx="0">
                  <c:v>S-D-2.8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1b'!$H$9:$H$38</c:f>
              <c:numCache>
                <c:formatCode>0.00</c:formatCode>
                <c:ptCount val="30"/>
                <c:pt idx="0">
                  <c:v>9.0368700000000007E-3</c:v>
                </c:pt>
                <c:pt idx="1">
                  <c:v>5.0044859999999997E-2</c:v>
                </c:pt>
                <c:pt idx="2">
                  <c:v>0.11947377000000001</c:v>
                </c:pt>
                <c:pt idx="3">
                  <c:v>0.27746272999999999</c:v>
                </c:pt>
                <c:pt idx="4">
                  <c:v>0.43997648</c:v>
                </c:pt>
                <c:pt idx="5">
                  <c:v>0.64458963999999996</c:v>
                </c:pt>
                <c:pt idx="6">
                  <c:v>0.72787963</c:v>
                </c:pt>
                <c:pt idx="7">
                  <c:v>0.74975773999999995</c:v>
                </c:pt>
                <c:pt idx="8">
                  <c:v>0.75994413999999999</c:v>
                </c:pt>
                <c:pt idx="9">
                  <c:v>0.76750876999999995</c:v>
                </c:pt>
                <c:pt idx="10">
                  <c:v>0.77857105000000004</c:v>
                </c:pt>
                <c:pt idx="11">
                  <c:v>0.83184753</c:v>
                </c:pt>
                <c:pt idx="12">
                  <c:v>0.93468319</c:v>
                </c:pt>
                <c:pt idx="13">
                  <c:v>0.98070906000000002</c:v>
                </c:pt>
                <c:pt idx="14">
                  <c:v>0.99003982000000001</c:v>
                </c:pt>
                <c:pt idx="15">
                  <c:v>0.99003982000000001</c:v>
                </c:pt>
                <c:pt idx="16">
                  <c:v>0.88549314999999995</c:v>
                </c:pt>
                <c:pt idx="17">
                  <c:v>0.74200094999999999</c:v>
                </c:pt>
                <c:pt idx="18">
                  <c:v>0.72184524000000005</c:v>
                </c:pt>
                <c:pt idx="19">
                  <c:v>0.71303260999999996</c:v>
                </c:pt>
                <c:pt idx="20">
                  <c:v>0.70566108000000005</c:v>
                </c:pt>
                <c:pt idx="21">
                  <c:v>0.69467846</c:v>
                </c:pt>
                <c:pt idx="22">
                  <c:v>0.64526782999999999</c:v>
                </c:pt>
                <c:pt idx="23">
                  <c:v>0.51581573000000003</c:v>
                </c:pt>
                <c:pt idx="24">
                  <c:v>0.38053134</c:v>
                </c:pt>
                <c:pt idx="25">
                  <c:v>0.27589868000000001</c:v>
                </c:pt>
                <c:pt idx="26">
                  <c:v>0.20082285</c:v>
                </c:pt>
                <c:pt idx="27">
                  <c:v>0.14879867999999999</c:v>
                </c:pt>
                <c:pt idx="28">
                  <c:v>0.11297499</c:v>
                </c:pt>
                <c:pt idx="29">
                  <c:v>8.8284269999999998E-2</c:v>
                </c:pt>
              </c:numCache>
            </c:numRef>
          </c:xVal>
          <c:yVal>
            <c:numRef>
              <c:f>'Fig 1b'!$I$9:$I$38</c:f>
              <c:numCache>
                <c:formatCode>0.00</c:formatCode>
                <c:ptCount val="30"/>
                <c:pt idx="0">
                  <c:v>28.817589999999999</c:v>
                </c:pt>
                <c:pt idx="1">
                  <c:v>49.515000000000001</c:v>
                </c:pt>
                <c:pt idx="2">
                  <c:v>64.870410000000007</c:v>
                </c:pt>
                <c:pt idx="3">
                  <c:v>86.627420000000001</c:v>
                </c:pt>
                <c:pt idx="4">
                  <c:v>107.57459</c:v>
                </c:pt>
                <c:pt idx="5">
                  <c:v>145.87817000000001</c:v>
                </c:pt>
                <c:pt idx="6">
                  <c:v>192.14147</c:v>
                </c:pt>
                <c:pt idx="7">
                  <c:v>243.67197999999999</c:v>
                </c:pt>
                <c:pt idx="8">
                  <c:v>296.53181000000001</c:v>
                </c:pt>
                <c:pt idx="9">
                  <c:v>349.01934999999997</c:v>
                </c:pt>
                <c:pt idx="10">
                  <c:v>400.01729</c:v>
                </c:pt>
                <c:pt idx="11">
                  <c:v>439.57170000000002</c:v>
                </c:pt>
                <c:pt idx="12">
                  <c:v>462.92919000000001</c:v>
                </c:pt>
                <c:pt idx="13">
                  <c:v>490.00234999999998</c:v>
                </c:pt>
                <c:pt idx="14">
                  <c:v>519.81826999999998</c:v>
                </c:pt>
                <c:pt idx="15">
                  <c:v>519.81826999999998</c:v>
                </c:pt>
                <c:pt idx="16">
                  <c:v>458.52431000000001</c:v>
                </c:pt>
                <c:pt idx="17">
                  <c:v>407.09354999999999</c:v>
                </c:pt>
                <c:pt idx="18">
                  <c:v>354.56761999999998</c:v>
                </c:pt>
                <c:pt idx="19">
                  <c:v>299.41557</c:v>
                </c:pt>
                <c:pt idx="20">
                  <c:v>244.33149</c:v>
                </c:pt>
                <c:pt idx="21">
                  <c:v>189.93051</c:v>
                </c:pt>
                <c:pt idx="22">
                  <c:v>146.25487000000001</c:v>
                </c:pt>
                <c:pt idx="23">
                  <c:v>121.7717</c:v>
                </c:pt>
                <c:pt idx="24">
                  <c:v>99.912419999999997</c:v>
                </c:pt>
                <c:pt idx="25">
                  <c:v>86.412030000000001</c:v>
                </c:pt>
                <c:pt idx="26">
                  <c:v>76.073170000000005</c:v>
                </c:pt>
                <c:pt idx="27">
                  <c:v>68.908810000000003</c:v>
                </c:pt>
                <c:pt idx="28">
                  <c:v>63.43309</c:v>
                </c:pt>
                <c:pt idx="29">
                  <c:v>57.9723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6938-4D76-A68D-B47ACC6905C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0.99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/P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0.2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V (cm</a:t>
                </a:r>
                <a:r>
                  <a:rPr lang="en-US" baseline="30000"/>
                  <a:t>3</a:t>
                </a:r>
                <a:r>
                  <a:rPr lang="en-US"/>
                  <a:t>/g)</a:t>
                </a:r>
              </a:p>
            </c:rich>
          </c:tx>
          <c:layout>
            <c:manualLayout>
              <c:xMode val="edge"/>
              <c:yMode val="edge"/>
              <c:x val="3.7560444568216916E-2"/>
              <c:y val="0.252441687686067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20472117545784588"/>
          <c:y val="0.1764409359200553"/>
          <c:w val="0.27798641695622006"/>
          <c:h val="0.3272884736722623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183403997577226"/>
          <c:y val="0.10087532808398948"/>
          <c:w val="0.72748345890693067"/>
          <c:h val="0.72564410595887385"/>
        </c:manualLayout>
      </c:layout>
      <c:scatterChart>
        <c:scatterStyle val="smoothMarker"/>
        <c:varyColors val="0"/>
        <c:ser>
          <c:idx val="6"/>
          <c:order val="0"/>
          <c:tx>
            <c:strRef>
              <c:f>'Fig 1a'!$K$7</c:f>
              <c:strCache>
                <c:ptCount val="1"/>
                <c:pt idx="0">
                  <c:v>S-0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1a'!$K$9:$K$43</c:f>
              <c:numCache>
                <c:formatCode>0.00</c:formatCode>
                <c:ptCount val="35"/>
                <c:pt idx="0">
                  <c:v>8.7600000000000008E-6</c:v>
                </c:pt>
                <c:pt idx="1">
                  <c:v>1.0750340000000001E-2</c:v>
                </c:pt>
                <c:pt idx="2">
                  <c:v>4.9694660000000002E-2</c:v>
                </c:pt>
                <c:pt idx="3">
                  <c:v>0.11006498000000001</c:v>
                </c:pt>
                <c:pt idx="4">
                  <c:v>0.25054134</c:v>
                </c:pt>
                <c:pt idx="5">
                  <c:v>0.39675224999999997</c:v>
                </c:pt>
                <c:pt idx="6">
                  <c:v>0.58781611</c:v>
                </c:pt>
                <c:pt idx="7">
                  <c:v>0.72444114999999998</c:v>
                </c:pt>
                <c:pt idx="8">
                  <c:v>0.77140105000000003</c:v>
                </c:pt>
                <c:pt idx="9">
                  <c:v>0.78720657000000005</c:v>
                </c:pt>
                <c:pt idx="10">
                  <c:v>0.79330491999999997</c:v>
                </c:pt>
                <c:pt idx="11">
                  <c:v>0.79767094999999999</c:v>
                </c:pt>
                <c:pt idx="12">
                  <c:v>0.80550321000000003</c:v>
                </c:pt>
                <c:pt idx="13">
                  <c:v>0.81588835999999998</c:v>
                </c:pt>
                <c:pt idx="14">
                  <c:v>0.88960406000000003</c:v>
                </c:pt>
                <c:pt idx="15">
                  <c:v>0.96839934000000005</c:v>
                </c:pt>
                <c:pt idx="16">
                  <c:v>0.99273073000000001</c:v>
                </c:pt>
                <c:pt idx="17">
                  <c:v>0.99273073000000001</c:v>
                </c:pt>
                <c:pt idx="18">
                  <c:v>0.99273073000000001</c:v>
                </c:pt>
                <c:pt idx="19">
                  <c:v>0.94799049999999996</c:v>
                </c:pt>
                <c:pt idx="20">
                  <c:v>0.79698614000000001</c:v>
                </c:pt>
                <c:pt idx="21">
                  <c:v>0.75369271999999998</c:v>
                </c:pt>
                <c:pt idx="22">
                  <c:v>0.74408169999999996</c:v>
                </c:pt>
                <c:pt idx="23">
                  <c:v>0.73950475000000004</c:v>
                </c:pt>
                <c:pt idx="24">
                  <c:v>0.73442081000000003</c:v>
                </c:pt>
                <c:pt idx="25">
                  <c:v>0.72541931000000004</c:v>
                </c:pt>
                <c:pt idx="26">
                  <c:v>0.67595432</c:v>
                </c:pt>
                <c:pt idx="27">
                  <c:v>0.56821348999999999</c:v>
                </c:pt>
                <c:pt idx="28">
                  <c:v>0.44162404999999999</c:v>
                </c:pt>
                <c:pt idx="29">
                  <c:v>0.32223790000000002</c:v>
                </c:pt>
                <c:pt idx="30">
                  <c:v>0.23411851</c:v>
                </c:pt>
                <c:pt idx="31">
                  <c:v>0.17146713999999999</c:v>
                </c:pt>
                <c:pt idx="32">
                  <c:v>0.12821883000000001</c:v>
                </c:pt>
                <c:pt idx="33">
                  <c:v>9.8212610000000006E-2</c:v>
                </c:pt>
              </c:numCache>
            </c:numRef>
          </c:xVal>
          <c:yVal>
            <c:numRef>
              <c:f>'Fig 1a'!$L$9:$L$43</c:f>
              <c:numCache>
                <c:formatCode>0.00</c:formatCode>
                <c:ptCount val="35"/>
                <c:pt idx="0">
                  <c:v>35.154620000000001</c:v>
                </c:pt>
                <c:pt idx="1">
                  <c:v>69.614469999999997</c:v>
                </c:pt>
                <c:pt idx="2">
                  <c:v>96.004109999999997</c:v>
                </c:pt>
                <c:pt idx="3">
                  <c:v>114.66924</c:v>
                </c:pt>
                <c:pt idx="4">
                  <c:v>143.49137999999999</c:v>
                </c:pt>
                <c:pt idx="5">
                  <c:v>170.93628000000001</c:v>
                </c:pt>
                <c:pt idx="6">
                  <c:v>216.47926000000001</c:v>
                </c:pt>
                <c:pt idx="7">
                  <c:v>275.23164000000003</c:v>
                </c:pt>
                <c:pt idx="8">
                  <c:v>344.65215000000001</c:v>
                </c:pt>
                <c:pt idx="9">
                  <c:v>412.91631000000001</c:v>
                </c:pt>
                <c:pt idx="10">
                  <c:v>485.12223</c:v>
                </c:pt>
                <c:pt idx="11">
                  <c:v>556.43901000000005</c:v>
                </c:pt>
                <c:pt idx="12">
                  <c:v>626.90580999999997</c:v>
                </c:pt>
                <c:pt idx="13">
                  <c:v>697.79825000000005</c:v>
                </c:pt>
                <c:pt idx="14">
                  <c:v>744.62233000000003</c:v>
                </c:pt>
                <c:pt idx="15">
                  <c:v>780.17846999999995</c:v>
                </c:pt>
                <c:pt idx="16">
                  <c:v>870.37004000000002</c:v>
                </c:pt>
                <c:pt idx="17">
                  <c:v>870.37004000000002</c:v>
                </c:pt>
                <c:pt idx="18">
                  <c:v>870.37004000000002</c:v>
                </c:pt>
                <c:pt idx="19">
                  <c:v>775.43701999999996</c:v>
                </c:pt>
                <c:pt idx="20">
                  <c:v>715.19970000000001</c:v>
                </c:pt>
                <c:pt idx="21">
                  <c:v>623.33291999999994</c:v>
                </c:pt>
                <c:pt idx="22">
                  <c:v>521.00414000000001</c:v>
                </c:pt>
                <c:pt idx="23">
                  <c:v>446.87331</c:v>
                </c:pt>
                <c:pt idx="24">
                  <c:v>374.35003</c:v>
                </c:pt>
                <c:pt idx="25">
                  <c:v>302.95202</c:v>
                </c:pt>
                <c:pt idx="26">
                  <c:v>254.38102000000001</c:v>
                </c:pt>
                <c:pt idx="27">
                  <c:v>211.80667</c:v>
                </c:pt>
                <c:pt idx="28">
                  <c:v>181.63215</c:v>
                </c:pt>
                <c:pt idx="29">
                  <c:v>156.94936999999999</c:v>
                </c:pt>
                <c:pt idx="30">
                  <c:v>140.12183999999999</c:v>
                </c:pt>
                <c:pt idx="31">
                  <c:v>127.26738</c:v>
                </c:pt>
                <c:pt idx="32">
                  <c:v>118.39394</c:v>
                </c:pt>
                <c:pt idx="33">
                  <c:v>111.0047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96A-4A9F-86FE-2D64C99E557D}"/>
            </c:ext>
          </c:extLst>
        </c:ser>
        <c:ser>
          <c:idx val="0"/>
          <c:order val="1"/>
          <c:tx>
            <c:strRef>
              <c:f>'Fig 1c'!$B$7</c:f>
              <c:strCache>
                <c:ptCount val="1"/>
                <c:pt idx="0">
                  <c:v>S-T-1.7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1c'!$B$9:$B$47</c:f>
              <c:numCache>
                <c:formatCode>0.00</c:formatCode>
                <c:ptCount val="39"/>
                <c:pt idx="0">
                  <c:v>6.5890799999999998E-3</c:v>
                </c:pt>
                <c:pt idx="1">
                  <c:v>3.4928870000000001E-2</c:v>
                </c:pt>
                <c:pt idx="2">
                  <c:v>9.926372E-2</c:v>
                </c:pt>
                <c:pt idx="3">
                  <c:v>0.27558924000000001</c:v>
                </c:pt>
                <c:pt idx="4">
                  <c:v>0.46513879000000002</c:v>
                </c:pt>
                <c:pt idx="5">
                  <c:v>0.62578321999999997</c:v>
                </c:pt>
                <c:pt idx="6">
                  <c:v>0.71861867000000001</c:v>
                </c:pt>
                <c:pt idx="7">
                  <c:v>0.75936853000000004</c:v>
                </c:pt>
                <c:pt idx="8">
                  <c:v>0.78126706999999995</c:v>
                </c:pt>
                <c:pt idx="9">
                  <c:v>0.78675223000000005</c:v>
                </c:pt>
                <c:pt idx="10">
                  <c:v>0.79303148999999995</c:v>
                </c:pt>
                <c:pt idx="11">
                  <c:v>0.79742104000000003</c:v>
                </c:pt>
                <c:pt idx="12">
                  <c:v>0.79892655999999995</c:v>
                </c:pt>
                <c:pt idx="13">
                  <c:v>0.80412715000000001</c:v>
                </c:pt>
                <c:pt idx="14">
                  <c:v>0.80629835000000005</c:v>
                </c:pt>
                <c:pt idx="15">
                  <c:v>0.81409529000000003</c:v>
                </c:pt>
                <c:pt idx="16">
                  <c:v>0.82949824000000005</c:v>
                </c:pt>
                <c:pt idx="17">
                  <c:v>0.88600261999999996</c:v>
                </c:pt>
                <c:pt idx="18">
                  <c:v>0.94659309999999997</c:v>
                </c:pt>
                <c:pt idx="19">
                  <c:v>0.98206908999999998</c:v>
                </c:pt>
                <c:pt idx="20">
                  <c:v>0.98206908999999998</c:v>
                </c:pt>
                <c:pt idx="21">
                  <c:v>0.82598996000000002</c:v>
                </c:pt>
                <c:pt idx="22">
                  <c:v>0.75943914000000001</c:v>
                </c:pt>
                <c:pt idx="23">
                  <c:v>0.74398874999999998</c:v>
                </c:pt>
                <c:pt idx="24">
                  <c:v>0.73705750999999997</c:v>
                </c:pt>
                <c:pt idx="25">
                  <c:v>0.73144328000000003</c:v>
                </c:pt>
                <c:pt idx="26">
                  <c:v>0.72494782000000002</c:v>
                </c:pt>
                <c:pt idx="27">
                  <c:v>0.71807619</c:v>
                </c:pt>
                <c:pt idx="28">
                  <c:v>0.67472001000000004</c:v>
                </c:pt>
                <c:pt idx="29">
                  <c:v>0.55944000999999999</c:v>
                </c:pt>
                <c:pt idx="30">
                  <c:v>0.43817422</c:v>
                </c:pt>
                <c:pt idx="31">
                  <c:v>0.33320370999999999</c:v>
                </c:pt>
                <c:pt idx="32">
                  <c:v>0.25203332000000001</c:v>
                </c:pt>
                <c:pt idx="33">
                  <c:v>0.19257360000000001</c:v>
                </c:pt>
                <c:pt idx="34">
                  <c:v>0.14988931</c:v>
                </c:pt>
                <c:pt idx="35">
                  <c:v>0.11906158</c:v>
                </c:pt>
                <c:pt idx="36">
                  <c:v>9.6610409999999994E-2</c:v>
                </c:pt>
                <c:pt idx="37">
                  <c:v>7.9758200000000001E-2</c:v>
                </c:pt>
              </c:numCache>
            </c:numRef>
          </c:xVal>
          <c:yVal>
            <c:numRef>
              <c:f>'Fig 1c'!$C$9:$C$47</c:f>
              <c:numCache>
                <c:formatCode>0.00</c:formatCode>
                <c:ptCount val="39"/>
                <c:pt idx="0">
                  <c:v>30.428540000000002</c:v>
                </c:pt>
                <c:pt idx="1">
                  <c:v>56.543300000000002</c:v>
                </c:pt>
                <c:pt idx="2">
                  <c:v>76.712860000000006</c:v>
                </c:pt>
                <c:pt idx="3">
                  <c:v>107.59245</c:v>
                </c:pt>
                <c:pt idx="4">
                  <c:v>136.33725999999999</c:v>
                </c:pt>
                <c:pt idx="5">
                  <c:v>170.33496</c:v>
                </c:pt>
                <c:pt idx="6">
                  <c:v>203.57570000000001</c:v>
                </c:pt>
                <c:pt idx="7">
                  <c:v>238.66324</c:v>
                </c:pt>
                <c:pt idx="8">
                  <c:v>274.20521000000002</c:v>
                </c:pt>
                <c:pt idx="9">
                  <c:v>310.96530999999999</c:v>
                </c:pt>
                <c:pt idx="10">
                  <c:v>346.95729999999998</c:v>
                </c:pt>
                <c:pt idx="11">
                  <c:v>382.63997000000001</c:v>
                </c:pt>
                <c:pt idx="12">
                  <c:v>418.35464000000002</c:v>
                </c:pt>
                <c:pt idx="13">
                  <c:v>453.63869</c:v>
                </c:pt>
                <c:pt idx="14">
                  <c:v>489.29167999999999</c:v>
                </c:pt>
                <c:pt idx="15">
                  <c:v>523.57705999999996</c:v>
                </c:pt>
                <c:pt idx="16">
                  <c:v>555.75572</c:v>
                </c:pt>
                <c:pt idx="17">
                  <c:v>579.50333000000001</c:v>
                </c:pt>
                <c:pt idx="18">
                  <c:v>597.96253999999999</c:v>
                </c:pt>
                <c:pt idx="19">
                  <c:v>616.44302000000005</c:v>
                </c:pt>
                <c:pt idx="20">
                  <c:v>616.44302000000005</c:v>
                </c:pt>
                <c:pt idx="21">
                  <c:v>567.06479000000002</c:v>
                </c:pt>
                <c:pt idx="22">
                  <c:v>514.23846000000003</c:v>
                </c:pt>
                <c:pt idx="23">
                  <c:v>457.62810000000002</c:v>
                </c:pt>
                <c:pt idx="24">
                  <c:v>400.78286000000003</c:v>
                </c:pt>
                <c:pt idx="25">
                  <c:v>344.23172</c:v>
                </c:pt>
                <c:pt idx="26">
                  <c:v>288.33350000000002</c:v>
                </c:pt>
                <c:pt idx="27">
                  <c:v>232.93101999999999</c:v>
                </c:pt>
                <c:pt idx="28">
                  <c:v>187.85731000000001</c:v>
                </c:pt>
                <c:pt idx="29">
                  <c:v>156.29454000000001</c:v>
                </c:pt>
                <c:pt idx="30">
                  <c:v>132.24814000000001</c:v>
                </c:pt>
                <c:pt idx="31">
                  <c:v>116.32957</c:v>
                </c:pt>
                <c:pt idx="32">
                  <c:v>103.46714</c:v>
                </c:pt>
                <c:pt idx="33">
                  <c:v>93.075159999999997</c:v>
                </c:pt>
                <c:pt idx="34">
                  <c:v>85.816329999999994</c:v>
                </c:pt>
                <c:pt idx="35">
                  <c:v>80.180030000000002</c:v>
                </c:pt>
                <c:pt idx="36">
                  <c:v>75.881020000000007</c:v>
                </c:pt>
                <c:pt idx="37">
                  <c:v>70.59770000000000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596A-4A9F-86FE-2D64C99E557D}"/>
            </c:ext>
          </c:extLst>
        </c:ser>
        <c:ser>
          <c:idx val="1"/>
          <c:order val="2"/>
          <c:tx>
            <c:strRef>
              <c:f>'Fig 1c'!$D$7</c:f>
              <c:strCache>
                <c:ptCount val="1"/>
                <c:pt idx="0">
                  <c:v>S-T-2.4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Fig 1c'!$D$9:$D$41</c:f>
              <c:numCache>
                <c:formatCode>0.00</c:formatCode>
                <c:ptCount val="33"/>
                <c:pt idx="0">
                  <c:v>8.8054199999999996E-3</c:v>
                </c:pt>
                <c:pt idx="1">
                  <c:v>6.146923E-2</c:v>
                </c:pt>
                <c:pt idx="2">
                  <c:v>0.14873012999999999</c:v>
                </c:pt>
                <c:pt idx="3">
                  <c:v>0.35600755000000001</c:v>
                </c:pt>
                <c:pt idx="4">
                  <c:v>0.57500167000000002</c:v>
                </c:pt>
                <c:pt idx="5">
                  <c:v>0.69727543999999997</c:v>
                </c:pt>
                <c:pt idx="6">
                  <c:v>0.74401622000000001</c:v>
                </c:pt>
                <c:pt idx="7">
                  <c:v>0.76209477999999997</c:v>
                </c:pt>
                <c:pt idx="8">
                  <c:v>0.76869655000000003</c:v>
                </c:pt>
                <c:pt idx="9">
                  <c:v>0.77267116999999996</c:v>
                </c:pt>
                <c:pt idx="10">
                  <c:v>0.78020427000000003</c:v>
                </c:pt>
                <c:pt idx="11">
                  <c:v>0.78935664999999999</c:v>
                </c:pt>
                <c:pt idx="12">
                  <c:v>0.81522064000000005</c:v>
                </c:pt>
                <c:pt idx="13">
                  <c:v>0.90194726000000003</c:v>
                </c:pt>
                <c:pt idx="14">
                  <c:v>0.94266711072799947</c:v>
                </c:pt>
                <c:pt idx="15">
                  <c:v>0.96252177999999999</c:v>
                </c:pt>
                <c:pt idx="16">
                  <c:v>0.98320856000000001</c:v>
                </c:pt>
                <c:pt idx="17">
                  <c:v>0.98320856000000001</c:v>
                </c:pt>
                <c:pt idx="18">
                  <c:v>0.83707887999999997</c:v>
                </c:pt>
                <c:pt idx="19">
                  <c:v>0.74280935000000003</c:v>
                </c:pt>
                <c:pt idx="20">
                  <c:v>0.72649859000000006</c:v>
                </c:pt>
                <c:pt idx="21">
                  <c:v>0.71939688999999996</c:v>
                </c:pt>
                <c:pt idx="22">
                  <c:v>0.71167831999999998</c:v>
                </c:pt>
                <c:pt idx="23">
                  <c:v>0.69940215999999999</c:v>
                </c:pt>
                <c:pt idx="24">
                  <c:v>0.60684448000000002</c:v>
                </c:pt>
                <c:pt idx="25">
                  <c:v>0.47537222000000001</c:v>
                </c:pt>
                <c:pt idx="26">
                  <c:v>0.35621723</c:v>
                </c:pt>
                <c:pt idx="27">
                  <c:v>0.26297700000000002</c:v>
                </c:pt>
                <c:pt idx="28">
                  <c:v>0.19540339000000001</c:v>
                </c:pt>
                <c:pt idx="29">
                  <c:v>0.1478295</c:v>
                </c:pt>
                <c:pt idx="30">
                  <c:v>0.1146375</c:v>
                </c:pt>
                <c:pt idx="31">
                  <c:v>9.1090870000000004E-2</c:v>
                </c:pt>
              </c:numCache>
            </c:numRef>
          </c:xVal>
          <c:yVal>
            <c:numRef>
              <c:f>'Fig 1c'!$E$9:$E$41</c:f>
              <c:numCache>
                <c:formatCode>0.00</c:formatCode>
                <c:ptCount val="33"/>
                <c:pt idx="0">
                  <c:v>35.77664</c:v>
                </c:pt>
                <c:pt idx="1">
                  <c:v>62.94312</c:v>
                </c:pt>
                <c:pt idx="2">
                  <c:v>83.106049999999996</c:v>
                </c:pt>
                <c:pt idx="3">
                  <c:v>115.44692000000001</c:v>
                </c:pt>
                <c:pt idx="4">
                  <c:v>156.83086</c:v>
                </c:pt>
                <c:pt idx="5">
                  <c:v>197.97162</c:v>
                </c:pt>
                <c:pt idx="6">
                  <c:v>243.43437</c:v>
                </c:pt>
                <c:pt idx="7">
                  <c:v>290.71134999999998</c:v>
                </c:pt>
                <c:pt idx="8">
                  <c:v>338.45463999999998</c:v>
                </c:pt>
                <c:pt idx="9">
                  <c:v>386.02546999999998</c:v>
                </c:pt>
                <c:pt idx="10">
                  <c:v>432.4486</c:v>
                </c:pt>
                <c:pt idx="11">
                  <c:v>477.92782</c:v>
                </c:pt>
                <c:pt idx="12">
                  <c:v>519.43061</c:v>
                </c:pt>
                <c:pt idx="13">
                  <c:v>545.56596999999999</c:v>
                </c:pt>
                <c:pt idx="14">
                  <c:v>561.02678290345409</c:v>
                </c:pt>
                <c:pt idx="15">
                  <c:v>568.56534999999997</c:v>
                </c:pt>
                <c:pt idx="16">
                  <c:v>594.64907000000005</c:v>
                </c:pt>
                <c:pt idx="17">
                  <c:v>594.64907000000005</c:v>
                </c:pt>
                <c:pt idx="18">
                  <c:v>532.89769000000001</c:v>
                </c:pt>
                <c:pt idx="19">
                  <c:v>473.89213000000001</c:v>
                </c:pt>
                <c:pt idx="20">
                  <c:v>407.48622999999998</c:v>
                </c:pt>
                <c:pt idx="21">
                  <c:v>340.51609999999999</c:v>
                </c:pt>
                <c:pt idx="22">
                  <c:v>274.33490999999998</c:v>
                </c:pt>
                <c:pt idx="23">
                  <c:v>209.61906999999999</c:v>
                </c:pt>
                <c:pt idx="24">
                  <c:v>167.54482999999999</c:v>
                </c:pt>
                <c:pt idx="25">
                  <c:v>138.00359</c:v>
                </c:pt>
                <c:pt idx="26">
                  <c:v>115.48654000000001</c:v>
                </c:pt>
                <c:pt idx="27">
                  <c:v>100.93164</c:v>
                </c:pt>
                <c:pt idx="28">
                  <c:v>90.388339999999999</c:v>
                </c:pt>
                <c:pt idx="29">
                  <c:v>82.897949999999994</c:v>
                </c:pt>
                <c:pt idx="30">
                  <c:v>75.228440000000006</c:v>
                </c:pt>
                <c:pt idx="31">
                  <c:v>69.7876399999999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596A-4A9F-86FE-2D64C99E557D}"/>
            </c:ext>
          </c:extLst>
        </c:ser>
        <c:ser>
          <c:idx val="2"/>
          <c:order val="3"/>
          <c:tx>
            <c:strRef>
              <c:f>'Fig 1c'!$F$7</c:f>
              <c:strCache>
                <c:ptCount val="1"/>
                <c:pt idx="0">
                  <c:v>S-T-3.5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1c'!$F$9:$F$41</c:f>
              <c:numCache>
                <c:formatCode>0.00</c:formatCode>
                <c:ptCount val="33"/>
                <c:pt idx="0">
                  <c:v>1.4999999999999999E-4</c:v>
                </c:pt>
                <c:pt idx="1">
                  <c:v>3.0970999999999999E-4</c:v>
                </c:pt>
                <c:pt idx="2">
                  <c:v>1.73289E-3</c:v>
                </c:pt>
                <c:pt idx="3">
                  <c:v>4.2091799999999999E-3</c:v>
                </c:pt>
                <c:pt idx="4">
                  <c:v>8.5489199999999998E-3</c:v>
                </c:pt>
                <c:pt idx="5">
                  <c:v>1.285119E-2</c:v>
                </c:pt>
                <c:pt idx="6">
                  <c:v>1.8062620000000001E-2</c:v>
                </c:pt>
                <c:pt idx="7">
                  <c:v>6.7394709999999997E-2</c:v>
                </c:pt>
                <c:pt idx="8">
                  <c:v>0.13689971000000001</c:v>
                </c:pt>
                <c:pt idx="9">
                  <c:v>0.28628092999999999</c:v>
                </c:pt>
                <c:pt idx="10">
                  <c:v>0.43793061999999999</c:v>
                </c:pt>
                <c:pt idx="11">
                  <c:v>0.63058784000000001</c:v>
                </c:pt>
                <c:pt idx="12">
                  <c:v>0.72278416999999995</c:v>
                </c:pt>
                <c:pt idx="13">
                  <c:v>0.74987073999999998</c:v>
                </c:pt>
                <c:pt idx="14">
                  <c:v>0.76266047999999997</c:v>
                </c:pt>
                <c:pt idx="15">
                  <c:v>0.77336956999999995</c:v>
                </c:pt>
                <c:pt idx="16">
                  <c:v>0.83710404000000005</c:v>
                </c:pt>
                <c:pt idx="17">
                  <c:v>0.94663549000000002</c:v>
                </c:pt>
                <c:pt idx="18">
                  <c:v>0.98505931999999996</c:v>
                </c:pt>
                <c:pt idx="19">
                  <c:v>0.99269876000000001</c:v>
                </c:pt>
                <c:pt idx="20">
                  <c:v>0.99269876000000001</c:v>
                </c:pt>
                <c:pt idx="21">
                  <c:v>0.91629607999999996</c:v>
                </c:pt>
                <c:pt idx="22">
                  <c:v>0.74883277000000004</c:v>
                </c:pt>
                <c:pt idx="23">
                  <c:v>0.71599128000000001</c:v>
                </c:pt>
                <c:pt idx="24">
                  <c:v>0.70501292999999998</c:v>
                </c:pt>
                <c:pt idx="25">
                  <c:v>0.69410052</c:v>
                </c:pt>
                <c:pt idx="26">
                  <c:v>0.62072050999999995</c:v>
                </c:pt>
                <c:pt idx="27">
                  <c:v>0.46896837000000002</c:v>
                </c:pt>
                <c:pt idx="28">
                  <c:v>0.33945640999999999</c:v>
                </c:pt>
                <c:pt idx="29">
                  <c:v>0.24060572999999999</c:v>
                </c:pt>
                <c:pt idx="30">
                  <c:v>0.1724926</c:v>
                </c:pt>
                <c:pt idx="31">
                  <c:v>0.12674946000000001</c:v>
                </c:pt>
                <c:pt idx="32">
                  <c:v>9.5945199999999994E-2</c:v>
                </c:pt>
              </c:numCache>
            </c:numRef>
          </c:xVal>
          <c:yVal>
            <c:numRef>
              <c:f>'Fig 1c'!$G$9:$G$41</c:f>
              <c:numCache>
                <c:formatCode>0.00</c:formatCode>
                <c:ptCount val="33"/>
                <c:pt idx="0">
                  <c:v>4.9339199999999996</c:v>
                </c:pt>
                <c:pt idx="1">
                  <c:v>10.60932</c:v>
                </c:pt>
                <c:pt idx="2">
                  <c:v>15.14739</c:v>
                </c:pt>
                <c:pt idx="3">
                  <c:v>20.29468</c:v>
                </c:pt>
                <c:pt idx="4">
                  <c:v>25.44361</c:v>
                </c:pt>
                <c:pt idx="5">
                  <c:v>29.122489999999999</c:v>
                </c:pt>
                <c:pt idx="6">
                  <c:v>32.592689999999997</c:v>
                </c:pt>
                <c:pt idx="7">
                  <c:v>49.951369999999997</c:v>
                </c:pt>
                <c:pt idx="8">
                  <c:v>63.00873</c:v>
                </c:pt>
                <c:pt idx="9">
                  <c:v>82.683490000000006</c:v>
                </c:pt>
                <c:pt idx="10">
                  <c:v>102.31124</c:v>
                </c:pt>
                <c:pt idx="11">
                  <c:v>137.37696</c:v>
                </c:pt>
                <c:pt idx="12">
                  <c:v>187.88613000000001</c:v>
                </c:pt>
                <c:pt idx="13">
                  <c:v>243.62993</c:v>
                </c:pt>
                <c:pt idx="14">
                  <c:v>294.52494999999999</c:v>
                </c:pt>
                <c:pt idx="15">
                  <c:v>348.75238999999999</c:v>
                </c:pt>
                <c:pt idx="16">
                  <c:v>389.83748000000003</c:v>
                </c:pt>
                <c:pt idx="17">
                  <c:v>413.73122000000001</c:v>
                </c:pt>
                <c:pt idx="18">
                  <c:v>444.16307999999998</c:v>
                </c:pt>
                <c:pt idx="19">
                  <c:v>476.72014000000001</c:v>
                </c:pt>
                <c:pt idx="20">
                  <c:v>476.72014000000001</c:v>
                </c:pt>
                <c:pt idx="21">
                  <c:v>413.18840999999998</c:v>
                </c:pt>
                <c:pt idx="22">
                  <c:v>371.75788</c:v>
                </c:pt>
                <c:pt idx="23">
                  <c:v>302.41572000000002</c:v>
                </c:pt>
                <c:pt idx="24">
                  <c:v>241.78935000000001</c:v>
                </c:pt>
                <c:pt idx="25">
                  <c:v>181.31952000000001</c:v>
                </c:pt>
                <c:pt idx="26">
                  <c:v>135.58099999999999</c:v>
                </c:pt>
                <c:pt idx="27">
                  <c:v>107.96044999999999</c:v>
                </c:pt>
                <c:pt idx="28">
                  <c:v>89.565899999999999</c:v>
                </c:pt>
                <c:pt idx="29">
                  <c:v>76.667680000000004</c:v>
                </c:pt>
                <c:pt idx="30">
                  <c:v>67.696610000000007</c:v>
                </c:pt>
                <c:pt idx="31">
                  <c:v>61.101880000000001</c:v>
                </c:pt>
                <c:pt idx="32">
                  <c:v>55.31492999999999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596A-4A9F-86FE-2D64C99E557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0.99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/P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0.2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V (cm</a:t>
                </a:r>
                <a:r>
                  <a:rPr lang="en-US" baseline="30000"/>
                  <a:t>3</a:t>
                </a:r>
                <a:r>
                  <a:rPr lang="en-US"/>
                  <a:t>/g)</a:t>
                </a:r>
              </a:p>
            </c:rich>
          </c:tx>
          <c:layout>
            <c:manualLayout>
              <c:xMode val="edge"/>
              <c:yMode val="edge"/>
              <c:x val="3.7560444568216916E-2"/>
              <c:y val="0.252441687686067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20472117545784588"/>
          <c:y val="0.1764409359200553"/>
          <c:w val="0.27798641695622006"/>
          <c:h val="0.3272884736722623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'Fig 2 a'!$C$10</c:f>
              <c:strCache>
                <c:ptCount val="1"/>
                <c:pt idx="0">
                  <c:v>S-0</c:v>
                </c:pt>
              </c:strCache>
            </c:strRef>
          </c:tx>
          <c:spPr>
            <a:ln w="28575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Fig 2 a'!$B$11:$B$1567</c:f>
              <c:numCache>
                <c:formatCode>General</c:formatCode>
                <c:ptCount val="1557"/>
                <c:pt idx="0">
                  <c:v>999.12668799999994</c:v>
                </c:pt>
                <c:pt idx="1">
                  <c:v>1001.055504</c:v>
                </c:pt>
                <c:pt idx="2">
                  <c:v>1002.98432</c:v>
                </c:pt>
                <c:pt idx="3">
                  <c:v>1004.913136</c:v>
                </c:pt>
                <c:pt idx="4">
                  <c:v>1006.841952</c:v>
                </c:pt>
                <c:pt idx="5">
                  <c:v>1008.770768</c:v>
                </c:pt>
                <c:pt idx="6">
                  <c:v>1010.699584</c:v>
                </c:pt>
                <c:pt idx="7">
                  <c:v>1012.6284000000001</c:v>
                </c:pt>
                <c:pt idx="8">
                  <c:v>1014.557216</c:v>
                </c:pt>
                <c:pt idx="9">
                  <c:v>1016.486032</c:v>
                </c:pt>
                <c:pt idx="10">
                  <c:v>1018.414848</c:v>
                </c:pt>
                <c:pt idx="11">
                  <c:v>1020.343664</c:v>
                </c:pt>
                <c:pt idx="12">
                  <c:v>1022.27248</c:v>
                </c:pt>
                <c:pt idx="13">
                  <c:v>1024.201296</c:v>
                </c:pt>
                <c:pt idx="14">
                  <c:v>1026.1301120000001</c:v>
                </c:pt>
                <c:pt idx="15">
                  <c:v>1028.0589279999999</c:v>
                </c:pt>
                <c:pt idx="16">
                  <c:v>1029.987744</c:v>
                </c:pt>
                <c:pt idx="17">
                  <c:v>1031.9165599999999</c:v>
                </c:pt>
                <c:pt idx="18">
                  <c:v>1033.845376</c:v>
                </c:pt>
                <c:pt idx="19">
                  <c:v>1035.7741920000001</c:v>
                </c:pt>
                <c:pt idx="20">
                  <c:v>1037.703008</c:v>
                </c:pt>
                <c:pt idx="21">
                  <c:v>1039.6318240000001</c:v>
                </c:pt>
                <c:pt idx="22">
                  <c:v>1041.5606399999999</c:v>
                </c:pt>
                <c:pt idx="23">
                  <c:v>1043.489456</c:v>
                </c:pt>
                <c:pt idx="24">
                  <c:v>1045.4182719999999</c:v>
                </c:pt>
                <c:pt idx="25">
                  <c:v>1047.347088</c:v>
                </c:pt>
                <c:pt idx="26">
                  <c:v>1049.2759040000001</c:v>
                </c:pt>
                <c:pt idx="27">
                  <c:v>1051.20472</c:v>
                </c:pt>
                <c:pt idx="28">
                  <c:v>1053.133536</c:v>
                </c:pt>
                <c:pt idx="29">
                  <c:v>1055.0623519999999</c:v>
                </c:pt>
                <c:pt idx="30">
                  <c:v>1056.991168</c:v>
                </c:pt>
                <c:pt idx="31">
                  <c:v>1058.9199840000001</c:v>
                </c:pt>
                <c:pt idx="32">
                  <c:v>1060.8488</c:v>
                </c:pt>
                <c:pt idx="33">
                  <c:v>1062.7776160000001</c:v>
                </c:pt>
                <c:pt idx="34">
                  <c:v>1064.7064319999999</c:v>
                </c:pt>
                <c:pt idx="35">
                  <c:v>1066.635248</c:v>
                </c:pt>
                <c:pt idx="36">
                  <c:v>1068.5640639999999</c:v>
                </c:pt>
                <c:pt idx="37">
                  <c:v>1070.49288</c:v>
                </c:pt>
                <c:pt idx="38">
                  <c:v>1072.4216960000001</c:v>
                </c:pt>
                <c:pt idx="39">
                  <c:v>1074.350512</c:v>
                </c:pt>
                <c:pt idx="40">
                  <c:v>1076.2793280000001</c:v>
                </c:pt>
                <c:pt idx="41">
                  <c:v>1078.2081439999999</c:v>
                </c:pt>
                <c:pt idx="42">
                  <c:v>1080.13696</c:v>
                </c:pt>
                <c:pt idx="43">
                  <c:v>1082.0657759999999</c:v>
                </c:pt>
                <c:pt idx="44">
                  <c:v>1083.994592</c:v>
                </c:pt>
                <c:pt idx="45">
                  <c:v>1085.9234080000001</c:v>
                </c:pt>
                <c:pt idx="46">
                  <c:v>1087.852224</c:v>
                </c:pt>
                <c:pt idx="47">
                  <c:v>1089.7810400000001</c:v>
                </c:pt>
                <c:pt idx="48">
                  <c:v>1091.7098559999999</c:v>
                </c:pt>
                <c:pt idx="49">
                  <c:v>1093.638672</c:v>
                </c:pt>
                <c:pt idx="50">
                  <c:v>1095.5674879999999</c:v>
                </c:pt>
                <c:pt idx="51">
                  <c:v>1097.496304</c:v>
                </c:pt>
                <c:pt idx="52">
                  <c:v>1099.4251200000001</c:v>
                </c:pt>
                <c:pt idx="53">
                  <c:v>1101.353936</c:v>
                </c:pt>
                <c:pt idx="54">
                  <c:v>1103.2827520000001</c:v>
                </c:pt>
                <c:pt idx="55">
                  <c:v>1105.2115679999999</c:v>
                </c:pt>
                <c:pt idx="56">
                  <c:v>1107.140384</c:v>
                </c:pt>
                <c:pt idx="57">
                  <c:v>1109.0691999999999</c:v>
                </c:pt>
                <c:pt idx="58">
                  <c:v>1110.998016</c:v>
                </c:pt>
                <c:pt idx="59">
                  <c:v>1112.9268320000001</c:v>
                </c:pt>
                <c:pt idx="60">
                  <c:v>1114.855648</c:v>
                </c:pt>
                <c:pt idx="61">
                  <c:v>1116.7844640000001</c:v>
                </c:pt>
                <c:pt idx="62">
                  <c:v>1118.7132799999999</c:v>
                </c:pt>
                <c:pt idx="63">
                  <c:v>1120.642096</c:v>
                </c:pt>
                <c:pt idx="64">
                  <c:v>1122.5709119999999</c:v>
                </c:pt>
                <c:pt idx="65">
                  <c:v>1124.499728</c:v>
                </c:pt>
                <c:pt idx="66">
                  <c:v>1126.4285440000001</c:v>
                </c:pt>
                <c:pt idx="67">
                  <c:v>1128.35736</c:v>
                </c:pt>
                <c:pt idx="68">
                  <c:v>1130.2861760000001</c:v>
                </c:pt>
                <c:pt idx="69">
                  <c:v>1132.2149919999999</c:v>
                </c:pt>
                <c:pt idx="70">
                  <c:v>1134.143808</c:v>
                </c:pt>
                <c:pt idx="71">
                  <c:v>1136.0726239999999</c:v>
                </c:pt>
                <c:pt idx="72">
                  <c:v>1138.00144</c:v>
                </c:pt>
                <c:pt idx="73">
                  <c:v>1139.9302560000001</c:v>
                </c:pt>
                <c:pt idx="74">
                  <c:v>1141.859072</c:v>
                </c:pt>
                <c:pt idx="75">
                  <c:v>1143.7878880000001</c:v>
                </c:pt>
                <c:pt idx="76">
                  <c:v>1145.7167039999999</c:v>
                </c:pt>
                <c:pt idx="77">
                  <c:v>1147.64552</c:v>
                </c:pt>
                <c:pt idx="78">
                  <c:v>1149.5743359999999</c:v>
                </c:pt>
                <c:pt idx="79">
                  <c:v>1151.503152</c:v>
                </c:pt>
                <c:pt idx="80">
                  <c:v>1153.4319680000001</c:v>
                </c:pt>
                <c:pt idx="81">
                  <c:v>1155.360784</c:v>
                </c:pt>
                <c:pt idx="82">
                  <c:v>1157.2896000000001</c:v>
                </c:pt>
                <c:pt idx="83">
                  <c:v>1159.2184159999999</c:v>
                </c:pt>
                <c:pt idx="84">
                  <c:v>1161.147232</c:v>
                </c:pt>
                <c:pt idx="85">
                  <c:v>1163.0760479999999</c:v>
                </c:pt>
                <c:pt idx="86">
                  <c:v>1165.004864</c:v>
                </c:pt>
                <c:pt idx="87">
                  <c:v>1166.9336800000001</c:v>
                </c:pt>
                <c:pt idx="88">
                  <c:v>1168.862496</c:v>
                </c:pt>
                <c:pt idx="89">
                  <c:v>1170.7913120000001</c:v>
                </c:pt>
                <c:pt idx="90">
                  <c:v>1172.7201279999999</c:v>
                </c:pt>
                <c:pt idx="91">
                  <c:v>1174.648944</c:v>
                </c:pt>
                <c:pt idx="92">
                  <c:v>1176.5777599999999</c:v>
                </c:pt>
                <c:pt idx="93">
                  <c:v>1178.506576</c:v>
                </c:pt>
                <c:pt idx="94">
                  <c:v>1180.4353920000001</c:v>
                </c:pt>
                <c:pt idx="95">
                  <c:v>1182.364208</c:v>
                </c:pt>
                <c:pt idx="96">
                  <c:v>1184.2930240000001</c:v>
                </c:pt>
                <c:pt idx="97">
                  <c:v>1186.2218399999999</c:v>
                </c:pt>
                <c:pt idx="98">
                  <c:v>1188.150656</c:v>
                </c:pt>
                <c:pt idx="99">
                  <c:v>1190.0794719999999</c:v>
                </c:pt>
                <c:pt idx="100">
                  <c:v>1192.008288</c:v>
                </c:pt>
                <c:pt idx="101">
                  <c:v>1193.9371040000001</c:v>
                </c:pt>
                <c:pt idx="102">
                  <c:v>1195.86592</c:v>
                </c:pt>
                <c:pt idx="103">
                  <c:v>1197.7947360000001</c:v>
                </c:pt>
                <c:pt idx="104">
                  <c:v>1199.7235519999999</c:v>
                </c:pt>
                <c:pt idx="105">
                  <c:v>1201.652368</c:v>
                </c:pt>
                <c:pt idx="106">
                  <c:v>1203.5811839999999</c:v>
                </c:pt>
                <c:pt idx="107">
                  <c:v>1205.51</c:v>
                </c:pt>
                <c:pt idx="108">
                  <c:v>1207.4388160000001</c:v>
                </c:pt>
                <c:pt idx="109">
                  <c:v>1209.367632</c:v>
                </c:pt>
                <c:pt idx="110">
                  <c:v>1211.2964480000001</c:v>
                </c:pt>
                <c:pt idx="111">
                  <c:v>1213.2252639999999</c:v>
                </c:pt>
                <c:pt idx="112">
                  <c:v>1215.15408</c:v>
                </c:pt>
                <c:pt idx="113">
                  <c:v>1217.0828959999999</c:v>
                </c:pt>
                <c:pt idx="114">
                  <c:v>1219.011712</c:v>
                </c:pt>
                <c:pt idx="115">
                  <c:v>1220.9405280000001</c:v>
                </c:pt>
                <c:pt idx="116">
                  <c:v>1222.869344</c:v>
                </c:pt>
                <c:pt idx="117">
                  <c:v>1224.7981600000001</c:v>
                </c:pt>
                <c:pt idx="118">
                  <c:v>1226.7269759999999</c:v>
                </c:pt>
                <c:pt idx="119">
                  <c:v>1228.655792</c:v>
                </c:pt>
                <c:pt idx="120">
                  <c:v>1230.5846079999999</c:v>
                </c:pt>
                <c:pt idx="121">
                  <c:v>1232.513424</c:v>
                </c:pt>
                <c:pt idx="122">
                  <c:v>1234.4422400000001</c:v>
                </c:pt>
                <c:pt idx="123">
                  <c:v>1236.371056</c:v>
                </c:pt>
                <c:pt idx="124">
                  <c:v>1238.2998720000001</c:v>
                </c:pt>
                <c:pt idx="125">
                  <c:v>1240.2286879999999</c:v>
                </c:pt>
                <c:pt idx="126">
                  <c:v>1242.157504</c:v>
                </c:pt>
                <c:pt idx="127">
                  <c:v>1244.0863199999999</c:v>
                </c:pt>
                <c:pt idx="128">
                  <c:v>1246.015136</c:v>
                </c:pt>
                <c:pt idx="129">
                  <c:v>1247.9439520000001</c:v>
                </c:pt>
                <c:pt idx="130">
                  <c:v>1249.872768</c:v>
                </c:pt>
                <c:pt idx="131">
                  <c:v>1251.801584</c:v>
                </c:pt>
                <c:pt idx="132">
                  <c:v>1253.7303999999999</c:v>
                </c:pt>
                <c:pt idx="133">
                  <c:v>1255.659216</c:v>
                </c:pt>
                <c:pt idx="134">
                  <c:v>1257.5880320000001</c:v>
                </c:pt>
                <c:pt idx="135">
                  <c:v>1259.516848</c:v>
                </c:pt>
                <c:pt idx="136">
                  <c:v>1261.4456640000001</c:v>
                </c:pt>
                <c:pt idx="137">
                  <c:v>1263.3744799999999</c:v>
                </c:pt>
                <c:pt idx="138">
                  <c:v>1265.303296</c:v>
                </c:pt>
                <c:pt idx="139">
                  <c:v>1267.2321119999999</c:v>
                </c:pt>
                <c:pt idx="140">
                  <c:v>1269.160928</c:v>
                </c:pt>
                <c:pt idx="141">
                  <c:v>1271.0897440000001</c:v>
                </c:pt>
                <c:pt idx="142">
                  <c:v>1273.01856</c:v>
                </c:pt>
                <c:pt idx="143">
                  <c:v>1274.9473760000001</c:v>
                </c:pt>
                <c:pt idx="144">
                  <c:v>1276.8761919999999</c:v>
                </c:pt>
                <c:pt idx="145">
                  <c:v>1278.805008</c:v>
                </c:pt>
                <c:pt idx="146">
                  <c:v>1280.7338239999999</c:v>
                </c:pt>
                <c:pt idx="147">
                  <c:v>1282.66264</c:v>
                </c:pt>
                <c:pt idx="148">
                  <c:v>1284.5914560000001</c:v>
                </c:pt>
                <c:pt idx="149">
                  <c:v>1286.520272</c:v>
                </c:pt>
                <c:pt idx="150">
                  <c:v>1288.4490880000001</c:v>
                </c:pt>
                <c:pt idx="151">
                  <c:v>1290.3779039999999</c:v>
                </c:pt>
                <c:pt idx="152">
                  <c:v>1292.30672</c:v>
                </c:pt>
                <c:pt idx="153">
                  <c:v>1294.2355359999999</c:v>
                </c:pt>
                <c:pt idx="154">
                  <c:v>1296.164352</c:v>
                </c:pt>
                <c:pt idx="155">
                  <c:v>1298.0931680000001</c:v>
                </c:pt>
                <c:pt idx="156">
                  <c:v>1300.021984</c:v>
                </c:pt>
                <c:pt idx="157">
                  <c:v>1301.9508000000001</c:v>
                </c:pt>
                <c:pt idx="158">
                  <c:v>1303.8796159999999</c:v>
                </c:pt>
                <c:pt idx="159">
                  <c:v>1305.808432</c:v>
                </c:pt>
                <c:pt idx="160">
                  <c:v>1307.7372479999999</c:v>
                </c:pt>
                <c:pt idx="161">
                  <c:v>1309.666064</c:v>
                </c:pt>
                <c:pt idx="162">
                  <c:v>1311.5948800000001</c:v>
                </c:pt>
                <c:pt idx="163">
                  <c:v>1313.523696</c:v>
                </c:pt>
                <c:pt idx="164">
                  <c:v>1315.4525120000001</c:v>
                </c:pt>
                <c:pt idx="165">
                  <c:v>1317.3813279999999</c:v>
                </c:pt>
                <c:pt idx="166">
                  <c:v>1319.310144</c:v>
                </c:pt>
                <c:pt idx="167">
                  <c:v>1321.2389599999999</c:v>
                </c:pt>
                <c:pt idx="168">
                  <c:v>1323.167776</c:v>
                </c:pt>
                <c:pt idx="169">
                  <c:v>1325.0965920000001</c:v>
                </c:pt>
                <c:pt idx="170">
                  <c:v>1327.025408</c:v>
                </c:pt>
                <c:pt idx="171">
                  <c:v>1328.9542240000001</c:v>
                </c:pt>
                <c:pt idx="172">
                  <c:v>1330.8830399999999</c:v>
                </c:pt>
                <c:pt idx="173">
                  <c:v>1332.811856</c:v>
                </c:pt>
                <c:pt idx="174">
                  <c:v>1334.7406719999999</c:v>
                </c:pt>
                <c:pt idx="175">
                  <c:v>1336.669488</c:v>
                </c:pt>
                <c:pt idx="176">
                  <c:v>1338.5983040000001</c:v>
                </c:pt>
                <c:pt idx="177">
                  <c:v>1340.52712</c:v>
                </c:pt>
                <c:pt idx="178">
                  <c:v>1342.4559360000001</c:v>
                </c:pt>
                <c:pt idx="179">
                  <c:v>1344.3847519999999</c:v>
                </c:pt>
                <c:pt idx="180">
                  <c:v>1346.313568</c:v>
                </c:pt>
                <c:pt idx="181">
                  <c:v>1348.2423839999999</c:v>
                </c:pt>
                <c:pt idx="182">
                  <c:v>1350.1712</c:v>
                </c:pt>
                <c:pt idx="183">
                  <c:v>1352.1000160000001</c:v>
                </c:pt>
                <c:pt idx="184">
                  <c:v>1354.028832</c:v>
                </c:pt>
                <c:pt idx="185">
                  <c:v>1355.9576480000001</c:v>
                </c:pt>
                <c:pt idx="186">
                  <c:v>1357.8864639999999</c:v>
                </c:pt>
                <c:pt idx="187">
                  <c:v>1359.81528</c:v>
                </c:pt>
                <c:pt idx="188">
                  <c:v>1361.7440959999999</c:v>
                </c:pt>
                <c:pt idx="189">
                  <c:v>1363.672912</c:v>
                </c:pt>
                <c:pt idx="190">
                  <c:v>1365.6017280000001</c:v>
                </c:pt>
                <c:pt idx="191">
                  <c:v>1367.530544</c:v>
                </c:pt>
                <c:pt idx="192">
                  <c:v>1369.4593600000001</c:v>
                </c:pt>
                <c:pt idx="193">
                  <c:v>1371.3881759999999</c:v>
                </c:pt>
                <c:pt idx="194">
                  <c:v>1373.316992</c:v>
                </c:pt>
                <c:pt idx="195">
                  <c:v>1375.2458079999999</c:v>
                </c:pt>
                <c:pt idx="196">
                  <c:v>1377.174624</c:v>
                </c:pt>
                <c:pt idx="197">
                  <c:v>1379.1034400000001</c:v>
                </c:pt>
                <c:pt idx="198">
                  <c:v>1381.032256</c:v>
                </c:pt>
                <c:pt idx="199">
                  <c:v>1382.9610720000001</c:v>
                </c:pt>
                <c:pt idx="200">
                  <c:v>1384.8898879999999</c:v>
                </c:pt>
                <c:pt idx="201">
                  <c:v>1386.818704</c:v>
                </c:pt>
                <c:pt idx="202">
                  <c:v>1388.7475199999999</c:v>
                </c:pt>
                <c:pt idx="203">
                  <c:v>1390.676336</c:v>
                </c:pt>
                <c:pt idx="204">
                  <c:v>1392.6051520000001</c:v>
                </c:pt>
                <c:pt idx="205">
                  <c:v>1394.533968</c:v>
                </c:pt>
                <c:pt idx="206">
                  <c:v>1396.4627840000001</c:v>
                </c:pt>
                <c:pt idx="207">
                  <c:v>1398.3915999999999</c:v>
                </c:pt>
                <c:pt idx="208">
                  <c:v>1400.320416</c:v>
                </c:pt>
                <c:pt idx="209">
                  <c:v>1402.2492319999999</c:v>
                </c:pt>
                <c:pt idx="210">
                  <c:v>1404.178048</c:v>
                </c:pt>
                <c:pt idx="211">
                  <c:v>1406.1068640000001</c:v>
                </c:pt>
                <c:pt idx="212">
                  <c:v>1408.03568</c:v>
                </c:pt>
                <c:pt idx="213">
                  <c:v>1409.9644960000001</c:v>
                </c:pt>
                <c:pt idx="214">
                  <c:v>1411.8933119999999</c:v>
                </c:pt>
                <c:pt idx="215">
                  <c:v>1413.822128</c:v>
                </c:pt>
                <c:pt idx="216">
                  <c:v>1415.7509439999999</c:v>
                </c:pt>
                <c:pt idx="217">
                  <c:v>1417.67976</c:v>
                </c:pt>
                <c:pt idx="218">
                  <c:v>1419.6085760000001</c:v>
                </c:pt>
                <c:pt idx="219">
                  <c:v>1421.537392</c:v>
                </c:pt>
                <c:pt idx="220">
                  <c:v>1423.4662080000001</c:v>
                </c:pt>
                <c:pt idx="221">
                  <c:v>1425.3950239999999</c:v>
                </c:pt>
                <c:pt idx="222">
                  <c:v>1427.32384</c:v>
                </c:pt>
                <c:pt idx="223">
                  <c:v>1429.2526559999999</c:v>
                </c:pt>
                <c:pt idx="224">
                  <c:v>1431.181472</c:v>
                </c:pt>
                <c:pt idx="225">
                  <c:v>1433.1102880000001</c:v>
                </c:pt>
                <c:pt idx="226">
                  <c:v>1435.039104</c:v>
                </c:pt>
                <c:pt idx="227">
                  <c:v>1436.96792</c:v>
                </c:pt>
                <c:pt idx="228">
                  <c:v>1438.8967359999999</c:v>
                </c:pt>
                <c:pt idx="229">
                  <c:v>1440.825552</c:v>
                </c:pt>
                <c:pt idx="230">
                  <c:v>1442.7543680000001</c:v>
                </c:pt>
                <c:pt idx="231">
                  <c:v>1444.683184</c:v>
                </c:pt>
                <c:pt idx="232">
                  <c:v>1446.6120000000001</c:v>
                </c:pt>
                <c:pt idx="233">
                  <c:v>1448.5408159999999</c:v>
                </c:pt>
                <c:pt idx="234">
                  <c:v>1450.469632</c:v>
                </c:pt>
                <c:pt idx="235">
                  <c:v>1452.3984479999999</c:v>
                </c:pt>
                <c:pt idx="236">
                  <c:v>1454.327264</c:v>
                </c:pt>
                <c:pt idx="237">
                  <c:v>1456.2560800000001</c:v>
                </c:pt>
                <c:pt idx="238">
                  <c:v>1458.184896</c:v>
                </c:pt>
                <c:pt idx="239">
                  <c:v>1460.1137120000001</c:v>
                </c:pt>
                <c:pt idx="240">
                  <c:v>1462.0425279999999</c:v>
                </c:pt>
                <c:pt idx="241">
                  <c:v>1463.971344</c:v>
                </c:pt>
                <c:pt idx="242">
                  <c:v>1465.9001599999999</c:v>
                </c:pt>
                <c:pt idx="243">
                  <c:v>1467.828976</c:v>
                </c:pt>
                <c:pt idx="244">
                  <c:v>1469.7577920000001</c:v>
                </c:pt>
                <c:pt idx="245">
                  <c:v>1471.686608</c:v>
                </c:pt>
                <c:pt idx="246">
                  <c:v>1473.6154240000001</c:v>
                </c:pt>
                <c:pt idx="247">
                  <c:v>1475.5442399999999</c:v>
                </c:pt>
                <c:pt idx="248">
                  <c:v>1477.473056</c:v>
                </c:pt>
                <c:pt idx="249">
                  <c:v>1479.4018719999999</c:v>
                </c:pt>
                <c:pt idx="250">
                  <c:v>1481.330688</c:v>
                </c:pt>
                <c:pt idx="251">
                  <c:v>1483.2595040000001</c:v>
                </c:pt>
                <c:pt idx="252">
                  <c:v>1485.18832</c:v>
                </c:pt>
                <c:pt idx="253">
                  <c:v>1487.1171360000001</c:v>
                </c:pt>
                <c:pt idx="254">
                  <c:v>1489.0459519999999</c:v>
                </c:pt>
                <c:pt idx="255">
                  <c:v>1490.974768</c:v>
                </c:pt>
                <c:pt idx="256">
                  <c:v>1492.9035839999999</c:v>
                </c:pt>
                <c:pt idx="257">
                  <c:v>1494.8324</c:v>
                </c:pt>
                <c:pt idx="258">
                  <c:v>1496.7612160000001</c:v>
                </c:pt>
                <c:pt idx="259">
                  <c:v>1498.690032</c:v>
                </c:pt>
                <c:pt idx="260">
                  <c:v>1500.6188480000001</c:v>
                </c:pt>
                <c:pt idx="261">
                  <c:v>1502.5476639999999</c:v>
                </c:pt>
                <c:pt idx="262">
                  <c:v>1504.47648</c:v>
                </c:pt>
                <c:pt idx="263">
                  <c:v>1506.4052959999999</c:v>
                </c:pt>
                <c:pt idx="264">
                  <c:v>1508.334112</c:v>
                </c:pt>
                <c:pt idx="265">
                  <c:v>1510.2629280000001</c:v>
                </c:pt>
                <c:pt idx="266">
                  <c:v>1512.191744</c:v>
                </c:pt>
                <c:pt idx="267">
                  <c:v>1514.1205600000001</c:v>
                </c:pt>
                <c:pt idx="268">
                  <c:v>1516.0493759999999</c:v>
                </c:pt>
                <c:pt idx="269">
                  <c:v>1517.978192</c:v>
                </c:pt>
                <c:pt idx="270">
                  <c:v>1519.9070079999999</c:v>
                </c:pt>
                <c:pt idx="271">
                  <c:v>1521.835824</c:v>
                </c:pt>
                <c:pt idx="272">
                  <c:v>1523.7646400000001</c:v>
                </c:pt>
                <c:pt idx="273">
                  <c:v>1525.693456</c:v>
                </c:pt>
                <c:pt idx="274">
                  <c:v>1527.6222720000001</c:v>
                </c:pt>
                <c:pt idx="275">
                  <c:v>1529.5510879999999</c:v>
                </c:pt>
                <c:pt idx="276">
                  <c:v>1531.479904</c:v>
                </c:pt>
                <c:pt idx="277">
                  <c:v>1533.4087199999999</c:v>
                </c:pt>
                <c:pt idx="278">
                  <c:v>1535.337536</c:v>
                </c:pt>
                <c:pt idx="279">
                  <c:v>1537.2663520000001</c:v>
                </c:pt>
                <c:pt idx="280">
                  <c:v>1539.195168</c:v>
                </c:pt>
                <c:pt idx="281">
                  <c:v>1541.1239840000001</c:v>
                </c:pt>
                <c:pt idx="282">
                  <c:v>1543.0527999999999</c:v>
                </c:pt>
                <c:pt idx="283">
                  <c:v>1544.981616</c:v>
                </c:pt>
                <c:pt idx="284">
                  <c:v>1546.9104319999999</c:v>
                </c:pt>
                <c:pt idx="285">
                  <c:v>1548.839248</c:v>
                </c:pt>
                <c:pt idx="286">
                  <c:v>1550.7680640000001</c:v>
                </c:pt>
                <c:pt idx="287">
                  <c:v>1552.69688</c:v>
                </c:pt>
                <c:pt idx="288">
                  <c:v>1554.6256960000001</c:v>
                </c:pt>
                <c:pt idx="289">
                  <c:v>1556.5545119999999</c:v>
                </c:pt>
                <c:pt idx="290">
                  <c:v>1558.483328</c:v>
                </c:pt>
                <c:pt idx="291">
                  <c:v>1560.4121439999999</c:v>
                </c:pt>
                <c:pt idx="292">
                  <c:v>1562.34096</c:v>
                </c:pt>
                <c:pt idx="293">
                  <c:v>1564.2697760000001</c:v>
                </c:pt>
                <c:pt idx="294">
                  <c:v>1566.198592</c:v>
                </c:pt>
                <c:pt idx="295">
                  <c:v>1568.1274080000001</c:v>
                </c:pt>
                <c:pt idx="296">
                  <c:v>1570.0562239999999</c:v>
                </c:pt>
                <c:pt idx="297">
                  <c:v>1571.98504</c:v>
                </c:pt>
                <c:pt idx="298">
                  <c:v>1573.9138559999999</c:v>
                </c:pt>
                <c:pt idx="299">
                  <c:v>1575.842672</c:v>
                </c:pt>
                <c:pt idx="300">
                  <c:v>1577.7714880000001</c:v>
                </c:pt>
                <c:pt idx="301">
                  <c:v>1579.700304</c:v>
                </c:pt>
                <c:pt idx="302">
                  <c:v>1581.6291200000001</c:v>
                </c:pt>
                <c:pt idx="303">
                  <c:v>1583.5579359999999</c:v>
                </c:pt>
                <c:pt idx="304">
                  <c:v>1585.486752</c:v>
                </c:pt>
                <c:pt idx="305">
                  <c:v>1587.4155679999999</c:v>
                </c:pt>
                <c:pt idx="306">
                  <c:v>1589.344384</c:v>
                </c:pt>
                <c:pt idx="307">
                  <c:v>1591.2732000000001</c:v>
                </c:pt>
                <c:pt idx="308">
                  <c:v>1593.202016</c:v>
                </c:pt>
                <c:pt idx="309">
                  <c:v>1595.1308320000001</c:v>
                </c:pt>
                <c:pt idx="310">
                  <c:v>1597.0596479999999</c:v>
                </c:pt>
                <c:pt idx="311">
                  <c:v>1598.988464</c:v>
                </c:pt>
                <c:pt idx="312">
                  <c:v>1600.9172799999999</c:v>
                </c:pt>
                <c:pt idx="313">
                  <c:v>1602.846096</c:v>
                </c:pt>
                <c:pt idx="314">
                  <c:v>1604.7749120000001</c:v>
                </c:pt>
                <c:pt idx="315">
                  <c:v>1606.703728</c:v>
                </c:pt>
                <c:pt idx="316">
                  <c:v>1608.6325440000001</c:v>
                </c:pt>
                <c:pt idx="317">
                  <c:v>1610.5613599999999</c:v>
                </c:pt>
                <c:pt idx="318">
                  <c:v>1612.490176</c:v>
                </c:pt>
                <c:pt idx="319">
                  <c:v>1614.4189919999999</c:v>
                </c:pt>
                <c:pt idx="320">
                  <c:v>1616.347808</c:v>
                </c:pt>
                <c:pt idx="321">
                  <c:v>1618.2766240000001</c:v>
                </c:pt>
                <c:pt idx="322">
                  <c:v>1620.20544</c:v>
                </c:pt>
                <c:pt idx="323">
                  <c:v>1622.1342560000001</c:v>
                </c:pt>
                <c:pt idx="324">
                  <c:v>1624.0630719999999</c:v>
                </c:pt>
                <c:pt idx="325">
                  <c:v>1625.991888</c:v>
                </c:pt>
                <c:pt idx="326">
                  <c:v>1627.9207039999999</c:v>
                </c:pt>
                <c:pt idx="327">
                  <c:v>1629.84952</c:v>
                </c:pt>
                <c:pt idx="328">
                  <c:v>1631.7783360000001</c:v>
                </c:pt>
                <c:pt idx="329">
                  <c:v>1633.707152</c:v>
                </c:pt>
                <c:pt idx="330">
                  <c:v>1635.635968</c:v>
                </c:pt>
                <c:pt idx="331">
                  <c:v>1637.5647839999999</c:v>
                </c:pt>
                <c:pt idx="332">
                  <c:v>1639.4936</c:v>
                </c:pt>
                <c:pt idx="333">
                  <c:v>1641.4224160000001</c:v>
                </c:pt>
                <c:pt idx="334">
                  <c:v>1643.351232</c:v>
                </c:pt>
                <c:pt idx="335">
                  <c:v>1645.2800480000001</c:v>
                </c:pt>
                <c:pt idx="336">
                  <c:v>1647.2088639999999</c:v>
                </c:pt>
                <c:pt idx="337">
                  <c:v>1649.13768</c:v>
                </c:pt>
                <c:pt idx="338">
                  <c:v>1651.0664959999999</c:v>
                </c:pt>
                <c:pt idx="339">
                  <c:v>1652.995312</c:v>
                </c:pt>
                <c:pt idx="340">
                  <c:v>1654.9241280000001</c:v>
                </c:pt>
                <c:pt idx="341">
                  <c:v>1656.852944</c:v>
                </c:pt>
                <c:pt idx="342">
                  <c:v>1658.7817600000001</c:v>
                </c:pt>
                <c:pt idx="343">
                  <c:v>1660.7105759999999</c:v>
                </c:pt>
                <c:pt idx="344">
                  <c:v>1662.639392</c:v>
                </c:pt>
                <c:pt idx="345">
                  <c:v>1664.5682079999999</c:v>
                </c:pt>
                <c:pt idx="346">
                  <c:v>1666.497024</c:v>
                </c:pt>
                <c:pt idx="347">
                  <c:v>1668.4258400000001</c:v>
                </c:pt>
                <c:pt idx="348">
                  <c:v>1670.354656</c:v>
                </c:pt>
                <c:pt idx="349">
                  <c:v>1672.2834720000001</c:v>
                </c:pt>
                <c:pt idx="350">
                  <c:v>1674.2122879999999</c:v>
                </c:pt>
                <c:pt idx="351">
                  <c:v>1676.141104</c:v>
                </c:pt>
                <c:pt idx="352">
                  <c:v>1678.0699199999999</c:v>
                </c:pt>
                <c:pt idx="353">
                  <c:v>1679.998736</c:v>
                </c:pt>
                <c:pt idx="354">
                  <c:v>1681.9275520000001</c:v>
                </c:pt>
                <c:pt idx="355">
                  <c:v>1683.856368</c:v>
                </c:pt>
                <c:pt idx="356">
                  <c:v>1685.7851840000001</c:v>
                </c:pt>
                <c:pt idx="357">
                  <c:v>1687.7139999999999</c:v>
                </c:pt>
                <c:pt idx="358">
                  <c:v>1689.642816</c:v>
                </c:pt>
                <c:pt idx="359">
                  <c:v>1691.5716319999999</c:v>
                </c:pt>
                <c:pt idx="360">
                  <c:v>1693.500448</c:v>
                </c:pt>
                <c:pt idx="361">
                  <c:v>1695.4292640000001</c:v>
                </c:pt>
                <c:pt idx="362">
                  <c:v>1697.35808</c:v>
                </c:pt>
                <c:pt idx="363">
                  <c:v>1699.2868960000001</c:v>
                </c:pt>
                <c:pt idx="364">
                  <c:v>1701.2157119999999</c:v>
                </c:pt>
                <c:pt idx="365">
                  <c:v>1703.144528</c:v>
                </c:pt>
                <c:pt idx="366">
                  <c:v>1705.0733439999999</c:v>
                </c:pt>
                <c:pt idx="367">
                  <c:v>1707.00216</c:v>
                </c:pt>
                <c:pt idx="368">
                  <c:v>1708.9309760000001</c:v>
                </c:pt>
                <c:pt idx="369">
                  <c:v>1710.859792</c:v>
                </c:pt>
                <c:pt idx="370">
                  <c:v>1712.7886080000001</c:v>
                </c:pt>
                <c:pt idx="371">
                  <c:v>1714.7174239999999</c:v>
                </c:pt>
                <c:pt idx="372">
                  <c:v>1716.64624</c:v>
                </c:pt>
                <c:pt idx="373">
                  <c:v>1718.5750559999999</c:v>
                </c:pt>
                <c:pt idx="374">
                  <c:v>1720.503872</c:v>
                </c:pt>
                <c:pt idx="375">
                  <c:v>1722.4326880000001</c:v>
                </c:pt>
                <c:pt idx="376">
                  <c:v>1724.361504</c:v>
                </c:pt>
                <c:pt idx="377">
                  <c:v>1726.2903200000001</c:v>
                </c:pt>
                <c:pt idx="378">
                  <c:v>1728.2191359999999</c:v>
                </c:pt>
                <c:pt idx="379">
                  <c:v>1730.147952</c:v>
                </c:pt>
                <c:pt idx="380">
                  <c:v>1732.0767679999999</c:v>
                </c:pt>
                <c:pt idx="381">
                  <c:v>1734.005584</c:v>
                </c:pt>
                <c:pt idx="382">
                  <c:v>1735.9344000000001</c:v>
                </c:pt>
                <c:pt idx="383">
                  <c:v>1737.863216</c:v>
                </c:pt>
                <c:pt idx="384">
                  <c:v>1739.7920320000001</c:v>
                </c:pt>
                <c:pt idx="385">
                  <c:v>1741.7208479999999</c:v>
                </c:pt>
                <c:pt idx="386">
                  <c:v>1743.649664</c:v>
                </c:pt>
                <c:pt idx="387">
                  <c:v>1745.5784799999999</c:v>
                </c:pt>
                <c:pt idx="388">
                  <c:v>1747.507296</c:v>
                </c:pt>
                <c:pt idx="389">
                  <c:v>1749.4361120000001</c:v>
                </c:pt>
                <c:pt idx="390">
                  <c:v>1751.364928</c:v>
                </c:pt>
                <c:pt idx="391">
                  <c:v>1753.2937440000001</c:v>
                </c:pt>
                <c:pt idx="392">
                  <c:v>1755.2225599999999</c:v>
                </c:pt>
                <c:pt idx="393">
                  <c:v>1757.151376</c:v>
                </c:pt>
                <c:pt idx="394">
                  <c:v>1759.0801919999999</c:v>
                </c:pt>
                <c:pt idx="395">
                  <c:v>1761.009008</c:v>
                </c:pt>
                <c:pt idx="396">
                  <c:v>1762.9378240000001</c:v>
                </c:pt>
                <c:pt idx="397">
                  <c:v>1764.86664</c:v>
                </c:pt>
                <c:pt idx="398">
                  <c:v>1766.7954560000001</c:v>
                </c:pt>
                <c:pt idx="399">
                  <c:v>1768.7242719999999</c:v>
                </c:pt>
                <c:pt idx="400">
                  <c:v>1770.653088</c:v>
                </c:pt>
                <c:pt idx="401">
                  <c:v>1772.5819039999999</c:v>
                </c:pt>
                <c:pt idx="402">
                  <c:v>1774.51072</c:v>
                </c:pt>
                <c:pt idx="403">
                  <c:v>1776.4395360000001</c:v>
                </c:pt>
                <c:pt idx="404">
                  <c:v>1778.368352</c:v>
                </c:pt>
                <c:pt idx="405">
                  <c:v>1780.2971680000001</c:v>
                </c:pt>
                <c:pt idx="406">
                  <c:v>1782.2259839999999</c:v>
                </c:pt>
                <c:pt idx="407">
                  <c:v>1784.1548</c:v>
                </c:pt>
                <c:pt idx="408">
                  <c:v>1786.0836159999999</c:v>
                </c:pt>
                <c:pt idx="409">
                  <c:v>1788.012432</c:v>
                </c:pt>
                <c:pt idx="410">
                  <c:v>1789.9412480000001</c:v>
                </c:pt>
                <c:pt idx="411">
                  <c:v>1791.870064</c:v>
                </c:pt>
                <c:pt idx="412">
                  <c:v>1793.7988800000001</c:v>
                </c:pt>
                <c:pt idx="413">
                  <c:v>1795.7276959999999</c:v>
                </c:pt>
                <c:pt idx="414">
                  <c:v>1797.656512</c:v>
                </c:pt>
                <c:pt idx="415">
                  <c:v>1799.5853279999999</c:v>
                </c:pt>
                <c:pt idx="416">
                  <c:v>1801.514144</c:v>
                </c:pt>
                <c:pt idx="417">
                  <c:v>1803.4429600000001</c:v>
                </c:pt>
                <c:pt idx="418">
                  <c:v>1805.371776</c:v>
                </c:pt>
                <c:pt idx="419">
                  <c:v>1807.3005920000001</c:v>
                </c:pt>
                <c:pt idx="420">
                  <c:v>1809.2294079999999</c:v>
                </c:pt>
                <c:pt idx="421">
                  <c:v>1811.158224</c:v>
                </c:pt>
                <c:pt idx="422">
                  <c:v>1813.0870399999999</c:v>
                </c:pt>
                <c:pt idx="423">
                  <c:v>1815.015856</c:v>
                </c:pt>
                <c:pt idx="424">
                  <c:v>1816.9446720000001</c:v>
                </c:pt>
                <c:pt idx="425">
                  <c:v>1818.873488</c:v>
                </c:pt>
                <c:pt idx="426">
                  <c:v>1820.802304</c:v>
                </c:pt>
                <c:pt idx="427">
                  <c:v>1822.7311199999999</c:v>
                </c:pt>
                <c:pt idx="428">
                  <c:v>1824.659936</c:v>
                </c:pt>
                <c:pt idx="429">
                  <c:v>1826.5887520000001</c:v>
                </c:pt>
                <c:pt idx="430">
                  <c:v>1828.517568</c:v>
                </c:pt>
                <c:pt idx="431">
                  <c:v>1830.4463840000001</c:v>
                </c:pt>
                <c:pt idx="432">
                  <c:v>1832.3751999999999</c:v>
                </c:pt>
                <c:pt idx="433">
                  <c:v>1834.304016</c:v>
                </c:pt>
                <c:pt idx="434">
                  <c:v>1836.2328319999999</c:v>
                </c:pt>
                <c:pt idx="435">
                  <c:v>1838.161648</c:v>
                </c:pt>
                <c:pt idx="436">
                  <c:v>1840.0904640000001</c:v>
                </c:pt>
                <c:pt idx="437">
                  <c:v>1842.01928</c:v>
                </c:pt>
                <c:pt idx="438">
                  <c:v>1843.9480960000001</c:v>
                </c:pt>
                <c:pt idx="439">
                  <c:v>1845.8769119999999</c:v>
                </c:pt>
                <c:pt idx="440">
                  <c:v>1847.805728</c:v>
                </c:pt>
                <c:pt idx="441">
                  <c:v>1849.7345439999999</c:v>
                </c:pt>
                <c:pt idx="442">
                  <c:v>1851.66336</c:v>
                </c:pt>
                <c:pt idx="443">
                  <c:v>1853.5921760000001</c:v>
                </c:pt>
                <c:pt idx="444">
                  <c:v>1855.520992</c:v>
                </c:pt>
                <c:pt idx="445">
                  <c:v>1857.4498080000001</c:v>
                </c:pt>
                <c:pt idx="446">
                  <c:v>1859.3786239999999</c:v>
                </c:pt>
                <c:pt idx="447">
                  <c:v>1861.30744</c:v>
                </c:pt>
                <c:pt idx="448">
                  <c:v>1863.2362559999999</c:v>
                </c:pt>
                <c:pt idx="449">
                  <c:v>1865.165072</c:v>
                </c:pt>
                <c:pt idx="450">
                  <c:v>1867.0938880000001</c:v>
                </c:pt>
                <c:pt idx="451">
                  <c:v>1869.022704</c:v>
                </c:pt>
                <c:pt idx="452">
                  <c:v>1870.9515200000001</c:v>
                </c:pt>
                <c:pt idx="453">
                  <c:v>1872.8803359999999</c:v>
                </c:pt>
                <c:pt idx="454">
                  <c:v>1874.809152</c:v>
                </c:pt>
                <c:pt idx="455">
                  <c:v>1876.7379679999999</c:v>
                </c:pt>
                <c:pt idx="456">
                  <c:v>1878.666784</c:v>
                </c:pt>
                <c:pt idx="457">
                  <c:v>1880.5956000000001</c:v>
                </c:pt>
                <c:pt idx="458">
                  <c:v>1882.524416</c:v>
                </c:pt>
                <c:pt idx="459">
                  <c:v>1884.4532320000001</c:v>
                </c:pt>
                <c:pt idx="460">
                  <c:v>1886.3820479999999</c:v>
                </c:pt>
                <c:pt idx="461">
                  <c:v>1888.310864</c:v>
                </c:pt>
                <c:pt idx="462">
                  <c:v>1890.2396799999999</c:v>
                </c:pt>
                <c:pt idx="463">
                  <c:v>1892.168496</c:v>
                </c:pt>
                <c:pt idx="464">
                  <c:v>1894.0973120000001</c:v>
                </c:pt>
                <c:pt idx="465">
                  <c:v>1896.026128</c:v>
                </c:pt>
                <c:pt idx="466">
                  <c:v>1897.9549440000001</c:v>
                </c:pt>
                <c:pt idx="467">
                  <c:v>1899.8837599999999</c:v>
                </c:pt>
                <c:pt idx="468">
                  <c:v>1901.812576</c:v>
                </c:pt>
                <c:pt idx="469">
                  <c:v>1903.7413919999999</c:v>
                </c:pt>
                <c:pt idx="470">
                  <c:v>1905.670208</c:v>
                </c:pt>
                <c:pt idx="471">
                  <c:v>1907.5990240000001</c:v>
                </c:pt>
                <c:pt idx="472">
                  <c:v>1909.52784</c:v>
                </c:pt>
                <c:pt idx="473">
                  <c:v>1911.4566560000001</c:v>
                </c:pt>
                <c:pt idx="474">
                  <c:v>1913.3854719999999</c:v>
                </c:pt>
                <c:pt idx="475">
                  <c:v>1915.314288</c:v>
                </c:pt>
                <c:pt idx="476">
                  <c:v>1917.2431039999999</c:v>
                </c:pt>
                <c:pt idx="477">
                  <c:v>1919.17192</c:v>
                </c:pt>
                <c:pt idx="478">
                  <c:v>1921.1007360000001</c:v>
                </c:pt>
                <c:pt idx="479">
                  <c:v>1923.029552</c:v>
                </c:pt>
                <c:pt idx="480">
                  <c:v>1924.9583680000001</c:v>
                </c:pt>
                <c:pt idx="481">
                  <c:v>1926.8871839999999</c:v>
                </c:pt>
                <c:pt idx="482">
                  <c:v>1928.816</c:v>
                </c:pt>
                <c:pt idx="483">
                  <c:v>1930.7448159999999</c:v>
                </c:pt>
                <c:pt idx="484">
                  <c:v>1932.673632</c:v>
                </c:pt>
                <c:pt idx="485">
                  <c:v>1934.6024480000001</c:v>
                </c:pt>
                <c:pt idx="486">
                  <c:v>1936.531264</c:v>
                </c:pt>
                <c:pt idx="487">
                  <c:v>1938.4600800000001</c:v>
                </c:pt>
                <c:pt idx="488">
                  <c:v>1940.3888959999999</c:v>
                </c:pt>
                <c:pt idx="489">
                  <c:v>1942.317712</c:v>
                </c:pt>
                <c:pt idx="490">
                  <c:v>1944.2465279999999</c:v>
                </c:pt>
                <c:pt idx="491">
                  <c:v>1946.175344</c:v>
                </c:pt>
                <c:pt idx="492">
                  <c:v>1948.1041600000001</c:v>
                </c:pt>
                <c:pt idx="493">
                  <c:v>1950.032976</c:v>
                </c:pt>
                <c:pt idx="494">
                  <c:v>1951.9617920000001</c:v>
                </c:pt>
                <c:pt idx="495">
                  <c:v>1953.8906079999999</c:v>
                </c:pt>
                <c:pt idx="496">
                  <c:v>1955.819424</c:v>
                </c:pt>
                <c:pt idx="497">
                  <c:v>1957.7482399999999</c:v>
                </c:pt>
                <c:pt idx="498">
                  <c:v>1959.677056</c:v>
                </c:pt>
                <c:pt idx="499">
                  <c:v>1961.6058720000001</c:v>
                </c:pt>
                <c:pt idx="500">
                  <c:v>1963.534688</c:v>
                </c:pt>
                <c:pt idx="501">
                  <c:v>1965.4635040000001</c:v>
                </c:pt>
                <c:pt idx="502">
                  <c:v>1967.3923199999999</c:v>
                </c:pt>
                <c:pt idx="503">
                  <c:v>1969.321136</c:v>
                </c:pt>
                <c:pt idx="504">
                  <c:v>1971.2499519999999</c:v>
                </c:pt>
                <c:pt idx="505">
                  <c:v>1973.178768</c:v>
                </c:pt>
                <c:pt idx="506">
                  <c:v>1975.1075840000001</c:v>
                </c:pt>
                <c:pt idx="507">
                  <c:v>1977.0364</c:v>
                </c:pt>
                <c:pt idx="508">
                  <c:v>1978.9652160000001</c:v>
                </c:pt>
                <c:pt idx="509">
                  <c:v>1980.8940319999999</c:v>
                </c:pt>
                <c:pt idx="510">
                  <c:v>1982.822848</c:v>
                </c:pt>
                <c:pt idx="511">
                  <c:v>1984.7516639999999</c:v>
                </c:pt>
                <c:pt idx="512">
                  <c:v>1986.68048</c:v>
                </c:pt>
                <c:pt idx="513">
                  <c:v>1988.6092960000001</c:v>
                </c:pt>
                <c:pt idx="514">
                  <c:v>1990.538112</c:v>
                </c:pt>
                <c:pt idx="515">
                  <c:v>1992.4669280000001</c:v>
                </c:pt>
                <c:pt idx="516">
                  <c:v>1994.3957439999999</c:v>
                </c:pt>
                <c:pt idx="517">
                  <c:v>1996.32456</c:v>
                </c:pt>
                <c:pt idx="518">
                  <c:v>1998.2533759999999</c:v>
                </c:pt>
                <c:pt idx="519">
                  <c:v>2000.182192</c:v>
                </c:pt>
                <c:pt idx="520">
                  <c:v>2002.1110080000001</c:v>
                </c:pt>
                <c:pt idx="521">
                  <c:v>2004.039824</c:v>
                </c:pt>
                <c:pt idx="522">
                  <c:v>2005.9686400000001</c:v>
                </c:pt>
                <c:pt idx="523">
                  <c:v>2007.8974559999999</c:v>
                </c:pt>
                <c:pt idx="524">
                  <c:v>2009.826272</c:v>
                </c:pt>
                <c:pt idx="525">
                  <c:v>2011.7550879999999</c:v>
                </c:pt>
                <c:pt idx="526">
                  <c:v>2013.683904</c:v>
                </c:pt>
                <c:pt idx="527">
                  <c:v>2015.6127200000001</c:v>
                </c:pt>
                <c:pt idx="528">
                  <c:v>2017.541536</c:v>
                </c:pt>
                <c:pt idx="529">
                  <c:v>2019.470352</c:v>
                </c:pt>
                <c:pt idx="530">
                  <c:v>2021.3991679999999</c:v>
                </c:pt>
                <c:pt idx="531">
                  <c:v>2023.327984</c:v>
                </c:pt>
                <c:pt idx="532">
                  <c:v>2025.2568000000001</c:v>
                </c:pt>
                <c:pt idx="533">
                  <c:v>2027.185616</c:v>
                </c:pt>
                <c:pt idx="534">
                  <c:v>2029.1144320000001</c:v>
                </c:pt>
                <c:pt idx="535">
                  <c:v>2031.0432479999999</c:v>
                </c:pt>
                <c:pt idx="536">
                  <c:v>2032.972064</c:v>
                </c:pt>
                <c:pt idx="537">
                  <c:v>2034.9008799999999</c:v>
                </c:pt>
                <c:pt idx="538">
                  <c:v>2036.829696</c:v>
                </c:pt>
                <c:pt idx="539">
                  <c:v>2038.7585120000001</c:v>
                </c:pt>
                <c:pt idx="540">
                  <c:v>2040.687328</c:v>
                </c:pt>
                <c:pt idx="541">
                  <c:v>2042.6161440000001</c:v>
                </c:pt>
                <c:pt idx="542">
                  <c:v>2044.5449599999999</c:v>
                </c:pt>
                <c:pt idx="543">
                  <c:v>2046.473776</c:v>
                </c:pt>
                <c:pt idx="544">
                  <c:v>2048.4025919999999</c:v>
                </c:pt>
                <c:pt idx="545">
                  <c:v>2050.331408</c:v>
                </c:pt>
                <c:pt idx="546">
                  <c:v>2052.2602240000001</c:v>
                </c:pt>
                <c:pt idx="547">
                  <c:v>2054.1890400000002</c:v>
                </c:pt>
                <c:pt idx="548">
                  <c:v>2056.1178559999998</c:v>
                </c:pt>
                <c:pt idx="549">
                  <c:v>2058.0466719999999</c:v>
                </c:pt>
                <c:pt idx="550">
                  <c:v>2059.975488</c:v>
                </c:pt>
                <c:pt idx="551">
                  <c:v>2061.9043040000001</c:v>
                </c:pt>
                <c:pt idx="552">
                  <c:v>2063.8331199999998</c:v>
                </c:pt>
                <c:pt idx="553">
                  <c:v>2065.7619359999999</c:v>
                </c:pt>
                <c:pt idx="554">
                  <c:v>2067.690752</c:v>
                </c:pt>
                <c:pt idx="555">
                  <c:v>2069.6195680000001</c:v>
                </c:pt>
                <c:pt idx="556">
                  <c:v>2071.5483840000002</c:v>
                </c:pt>
                <c:pt idx="557">
                  <c:v>2073.4771999999998</c:v>
                </c:pt>
                <c:pt idx="558">
                  <c:v>2075.4060159999999</c:v>
                </c:pt>
                <c:pt idx="559">
                  <c:v>2077.334832</c:v>
                </c:pt>
                <c:pt idx="560">
                  <c:v>2079.2636480000001</c:v>
                </c:pt>
                <c:pt idx="561">
                  <c:v>2081.1924640000002</c:v>
                </c:pt>
                <c:pt idx="562">
                  <c:v>2083.1212799999998</c:v>
                </c:pt>
                <c:pt idx="563">
                  <c:v>2085.0500959999999</c:v>
                </c:pt>
                <c:pt idx="564">
                  <c:v>2086.978912</c:v>
                </c:pt>
                <c:pt idx="565">
                  <c:v>2088.9077280000001</c:v>
                </c:pt>
                <c:pt idx="566">
                  <c:v>2090.8365439999998</c:v>
                </c:pt>
                <c:pt idx="567">
                  <c:v>2092.7653599999999</c:v>
                </c:pt>
                <c:pt idx="568">
                  <c:v>2094.694176</c:v>
                </c:pt>
                <c:pt idx="569">
                  <c:v>2096.6229920000001</c:v>
                </c:pt>
                <c:pt idx="570">
                  <c:v>2098.5518080000002</c:v>
                </c:pt>
                <c:pt idx="571">
                  <c:v>2100.4806239999998</c:v>
                </c:pt>
                <c:pt idx="572">
                  <c:v>2102.4094399999999</c:v>
                </c:pt>
                <c:pt idx="573">
                  <c:v>2104.338256</c:v>
                </c:pt>
                <c:pt idx="574">
                  <c:v>2106.2670720000001</c:v>
                </c:pt>
                <c:pt idx="575">
                  <c:v>2108.1958880000002</c:v>
                </c:pt>
                <c:pt idx="576">
                  <c:v>2110.1247039999998</c:v>
                </c:pt>
                <c:pt idx="577">
                  <c:v>2112.0535199999999</c:v>
                </c:pt>
                <c:pt idx="578">
                  <c:v>2113.982336</c:v>
                </c:pt>
                <c:pt idx="579">
                  <c:v>2115.9111520000001</c:v>
                </c:pt>
                <c:pt idx="580">
                  <c:v>2117.8399680000002</c:v>
                </c:pt>
                <c:pt idx="581">
                  <c:v>2119.7687839999999</c:v>
                </c:pt>
                <c:pt idx="582">
                  <c:v>2121.6976</c:v>
                </c:pt>
                <c:pt idx="583">
                  <c:v>2123.6264160000001</c:v>
                </c:pt>
                <c:pt idx="584">
                  <c:v>2125.5552320000002</c:v>
                </c:pt>
                <c:pt idx="585">
                  <c:v>2127.4840479999998</c:v>
                </c:pt>
                <c:pt idx="586">
                  <c:v>2129.4128639999999</c:v>
                </c:pt>
                <c:pt idx="587">
                  <c:v>2131.34168</c:v>
                </c:pt>
                <c:pt idx="588">
                  <c:v>2133.2704960000001</c:v>
                </c:pt>
                <c:pt idx="589">
                  <c:v>2135.1993120000002</c:v>
                </c:pt>
                <c:pt idx="590">
                  <c:v>2137.1281279999998</c:v>
                </c:pt>
                <c:pt idx="591">
                  <c:v>2139.0569439999999</c:v>
                </c:pt>
                <c:pt idx="592">
                  <c:v>2140.98576</c:v>
                </c:pt>
                <c:pt idx="593">
                  <c:v>2142.9145760000001</c:v>
                </c:pt>
                <c:pt idx="594">
                  <c:v>2144.8433920000002</c:v>
                </c:pt>
                <c:pt idx="595">
                  <c:v>2146.7722079999999</c:v>
                </c:pt>
                <c:pt idx="596">
                  <c:v>2148.701024</c:v>
                </c:pt>
                <c:pt idx="597">
                  <c:v>2150.6298400000001</c:v>
                </c:pt>
                <c:pt idx="598">
                  <c:v>2152.5586560000002</c:v>
                </c:pt>
                <c:pt idx="599">
                  <c:v>2154.4874719999998</c:v>
                </c:pt>
                <c:pt idx="600">
                  <c:v>2156.4162879999999</c:v>
                </c:pt>
                <c:pt idx="601">
                  <c:v>2158.345104</c:v>
                </c:pt>
                <c:pt idx="602">
                  <c:v>2160.2739200000001</c:v>
                </c:pt>
                <c:pt idx="603">
                  <c:v>2162.2027360000002</c:v>
                </c:pt>
                <c:pt idx="604">
                  <c:v>2164.1315519999998</c:v>
                </c:pt>
                <c:pt idx="605">
                  <c:v>2166.0603679999999</c:v>
                </c:pt>
                <c:pt idx="606">
                  <c:v>2167.989184</c:v>
                </c:pt>
                <c:pt idx="607">
                  <c:v>2169.9180000000001</c:v>
                </c:pt>
                <c:pt idx="608">
                  <c:v>2171.8468160000002</c:v>
                </c:pt>
                <c:pt idx="609">
                  <c:v>2173.7756319999999</c:v>
                </c:pt>
                <c:pt idx="610">
                  <c:v>2175.704448</c:v>
                </c:pt>
                <c:pt idx="611">
                  <c:v>2177.6332640000001</c:v>
                </c:pt>
                <c:pt idx="612">
                  <c:v>2179.5620800000002</c:v>
                </c:pt>
                <c:pt idx="613">
                  <c:v>2181.4908959999998</c:v>
                </c:pt>
                <c:pt idx="614">
                  <c:v>2183.4197119999999</c:v>
                </c:pt>
                <c:pt idx="615">
                  <c:v>2185.348528</c:v>
                </c:pt>
                <c:pt idx="616">
                  <c:v>2187.2773440000001</c:v>
                </c:pt>
                <c:pt idx="617">
                  <c:v>2189.2061600000002</c:v>
                </c:pt>
                <c:pt idx="618">
                  <c:v>2191.1349759999998</c:v>
                </c:pt>
                <c:pt idx="619">
                  <c:v>2193.0637919999999</c:v>
                </c:pt>
                <c:pt idx="620">
                  <c:v>2194.992608</c:v>
                </c:pt>
                <c:pt idx="621">
                  <c:v>2196.9214240000001</c:v>
                </c:pt>
                <c:pt idx="622">
                  <c:v>2198.8502400000002</c:v>
                </c:pt>
                <c:pt idx="623">
                  <c:v>2200.7790559999999</c:v>
                </c:pt>
                <c:pt idx="624">
                  <c:v>2202.707872</c:v>
                </c:pt>
                <c:pt idx="625">
                  <c:v>2204.636688</c:v>
                </c:pt>
                <c:pt idx="626">
                  <c:v>2206.5655040000001</c:v>
                </c:pt>
                <c:pt idx="627">
                  <c:v>2208.4943199999998</c:v>
                </c:pt>
                <c:pt idx="628">
                  <c:v>2210.4231359999999</c:v>
                </c:pt>
                <c:pt idx="629">
                  <c:v>2212.351952</c:v>
                </c:pt>
                <c:pt idx="630">
                  <c:v>2214.2807680000001</c:v>
                </c:pt>
                <c:pt idx="631">
                  <c:v>2216.2095840000002</c:v>
                </c:pt>
                <c:pt idx="632">
                  <c:v>2218.1383999999998</c:v>
                </c:pt>
                <c:pt idx="633">
                  <c:v>2220.0672159999999</c:v>
                </c:pt>
                <c:pt idx="634">
                  <c:v>2221.996032</c:v>
                </c:pt>
                <c:pt idx="635">
                  <c:v>2223.9248480000001</c:v>
                </c:pt>
                <c:pt idx="636">
                  <c:v>2225.8536640000002</c:v>
                </c:pt>
                <c:pt idx="637">
                  <c:v>2227.7824799999999</c:v>
                </c:pt>
                <c:pt idx="638">
                  <c:v>2229.7112959999999</c:v>
                </c:pt>
                <c:pt idx="639">
                  <c:v>2231.640112</c:v>
                </c:pt>
                <c:pt idx="640">
                  <c:v>2233.5689280000001</c:v>
                </c:pt>
                <c:pt idx="641">
                  <c:v>2235.4977439999998</c:v>
                </c:pt>
                <c:pt idx="642">
                  <c:v>2237.4265599999999</c:v>
                </c:pt>
                <c:pt idx="643">
                  <c:v>2239.355376</c:v>
                </c:pt>
                <c:pt idx="644">
                  <c:v>2241.2841920000001</c:v>
                </c:pt>
                <c:pt idx="645">
                  <c:v>2243.2130080000002</c:v>
                </c:pt>
                <c:pt idx="646">
                  <c:v>2245.1418239999998</c:v>
                </c:pt>
                <c:pt idx="647">
                  <c:v>2247.0706399999999</c:v>
                </c:pt>
                <c:pt idx="648">
                  <c:v>2248.999456</c:v>
                </c:pt>
                <c:pt idx="649">
                  <c:v>2250.9282720000001</c:v>
                </c:pt>
                <c:pt idx="650">
                  <c:v>2252.8570880000002</c:v>
                </c:pt>
                <c:pt idx="651">
                  <c:v>2254.7859039999998</c:v>
                </c:pt>
                <c:pt idx="652">
                  <c:v>2256.7147199999999</c:v>
                </c:pt>
                <c:pt idx="653">
                  <c:v>2258.643536</c:v>
                </c:pt>
                <c:pt idx="654">
                  <c:v>2260.5723520000001</c:v>
                </c:pt>
                <c:pt idx="655">
                  <c:v>2262.5011679999998</c:v>
                </c:pt>
                <c:pt idx="656">
                  <c:v>2264.4299839999999</c:v>
                </c:pt>
                <c:pt idx="657">
                  <c:v>2266.3588</c:v>
                </c:pt>
                <c:pt idx="658">
                  <c:v>2268.2876160000001</c:v>
                </c:pt>
                <c:pt idx="659">
                  <c:v>2270.2164320000002</c:v>
                </c:pt>
                <c:pt idx="660">
                  <c:v>2272.1452479999998</c:v>
                </c:pt>
                <c:pt idx="661">
                  <c:v>2274.0740639999999</c:v>
                </c:pt>
                <c:pt idx="662">
                  <c:v>2276.00288</c:v>
                </c:pt>
                <c:pt idx="663">
                  <c:v>2277.9316960000001</c:v>
                </c:pt>
                <c:pt idx="664">
                  <c:v>2279.8605120000002</c:v>
                </c:pt>
                <c:pt idx="665">
                  <c:v>2281.7893279999998</c:v>
                </c:pt>
                <c:pt idx="666">
                  <c:v>2283.7181439999999</c:v>
                </c:pt>
                <c:pt idx="667">
                  <c:v>2285.64696</c:v>
                </c:pt>
                <c:pt idx="668">
                  <c:v>2287.5757760000001</c:v>
                </c:pt>
                <c:pt idx="669">
                  <c:v>2289.5045919999998</c:v>
                </c:pt>
                <c:pt idx="670">
                  <c:v>2291.4334079999999</c:v>
                </c:pt>
                <c:pt idx="671">
                  <c:v>2293.362224</c:v>
                </c:pt>
                <c:pt idx="672">
                  <c:v>2295.2910400000001</c:v>
                </c:pt>
                <c:pt idx="673">
                  <c:v>2297.2198560000002</c:v>
                </c:pt>
                <c:pt idx="674">
                  <c:v>2299.1486719999998</c:v>
                </c:pt>
                <c:pt idx="675">
                  <c:v>2301.0774879999999</c:v>
                </c:pt>
                <c:pt idx="676">
                  <c:v>2303.006304</c:v>
                </c:pt>
                <c:pt idx="677">
                  <c:v>2304.9351200000001</c:v>
                </c:pt>
                <c:pt idx="678">
                  <c:v>2306.8639360000002</c:v>
                </c:pt>
                <c:pt idx="679">
                  <c:v>2308.7927519999998</c:v>
                </c:pt>
                <c:pt idx="680">
                  <c:v>2310.7215679999999</c:v>
                </c:pt>
                <c:pt idx="681">
                  <c:v>2312.650384</c:v>
                </c:pt>
                <c:pt idx="682">
                  <c:v>2314.5792000000001</c:v>
                </c:pt>
                <c:pt idx="683">
                  <c:v>2316.5080160000002</c:v>
                </c:pt>
                <c:pt idx="684">
                  <c:v>2318.4368319999999</c:v>
                </c:pt>
                <c:pt idx="685">
                  <c:v>2320.365648</c:v>
                </c:pt>
                <c:pt idx="686">
                  <c:v>2322.2944640000001</c:v>
                </c:pt>
                <c:pt idx="687">
                  <c:v>2324.2232800000002</c:v>
                </c:pt>
                <c:pt idx="688">
                  <c:v>2326.1520959999998</c:v>
                </c:pt>
                <c:pt idx="689">
                  <c:v>2328.0809119999999</c:v>
                </c:pt>
                <c:pt idx="690">
                  <c:v>2330.009728</c:v>
                </c:pt>
                <c:pt idx="691">
                  <c:v>2331.9385440000001</c:v>
                </c:pt>
                <c:pt idx="692">
                  <c:v>2333.8673600000002</c:v>
                </c:pt>
                <c:pt idx="693">
                  <c:v>2335.7961759999998</c:v>
                </c:pt>
                <c:pt idx="694">
                  <c:v>2337.7249919999999</c:v>
                </c:pt>
                <c:pt idx="695">
                  <c:v>2339.653808</c:v>
                </c:pt>
                <c:pt idx="696">
                  <c:v>2341.5826240000001</c:v>
                </c:pt>
                <c:pt idx="697">
                  <c:v>2343.5114400000002</c:v>
                </c:pt>
                <c:pt idx="698">
                  <c:v>2345.4402559999999</c:v>
                </c:pt>
                <c:pt idx="699">
                  <c:v>2347.369072</c:v>
                </c:pt>
                <c:pt idx="700">
                  <c:v>2349.2978880000001</c:v>
                </c:pt>
                <c:pt idx="701">
                  <c:v>2351.2267040000002</c:v>
                </c:pt>
                <c:pt idx="702">
                  <c:v>2353.1555199999998</c:v>
                </c:pt>
                <c:pt idx="703">
                  <c:v>2355.0843359999999</c:v>
                </c:pt>
                <c:pt idx="704">
                  <c:v>2357.013152</c:v>
                </c:pt>
                <c:pt idx="705">
                  <c:v>2358.9419680000001</c:v>
                </c:pt>
                <c:pt idx="706">
                  <c:v>2360.8707840000002</c:v>
                </c:pt>
                <c:pt idx="707">
                  <c:v>2362.7995999999998</c:v>
                </c:pt>
                <c:pt idx="708">
                  <c:v>2364.7284159999999</c:v>
                </c:pt>
                <c:pt idx="709">
                  <c:v>2366.657232</c:v>
                </c:pt>
                <c:pt idx="710">
                  <c:v>2368.5860480000001</c:v>
                </c:pt>
                <c:pt idx="711">
                  <c:v>2370.5148640000002</c:v>
                </c:pt>
                <c:pt idx="712">
                  <c:v>2372.4436799999999</c:v>
                </c:pt>
                <c:pt idx="713">
                  <c:v>2374.372496</c:v>
                </c:pt>
                <c:pt idx="714">
                  <c:v>2376.3013120000001</c:v>
                </c:pt>
                <c:pt idx="715">
                  <c:v>2378.2301280000001</c:v>
                </c:pt>
                <c:pt idx="716">
                  <c:v>2380.1589439999998</c:v>
                </c:pt>
                <c:pt idx="717">
                  <c:v>2382.0877599999999</c:v>
                </c:pt>
                <c:pt idx="718">
                  <c:v>2384.016576</c:v>
                </c:pt>
                <c:pt idx="719">
                  <c:v>2385.9453920000001</c:v>
                </c:pt>
                <c:pt idx="720">
                  <c:v>2387.8742080000002</c:v>
                </c:pt>
                <c:pt idx="721">
                  <c:v>2389.8030239999998</c:v>
                </c:pt>
                <c:pt idx="722">
                  <c:v>2391.7318399999999</c:v>
                </c:pt>
                <c:pt idx="723">
                  <c:v>2393.660656</c:v>
                </c:pt>
                <c:pt idx="724">
                  <c:v>2395.5894720000001</c:v>
                </c:pt>
                <c:pt idx="725">
                  <c:v>2397.5182880000002</c:v>
                </c:pt>
                <c:pt idx="726">
                  <c:v>2399.4471039999999</c:v>
                </c:pt>
                <c:pt idx="727">
                  <c:v>2401.37592</c:v>
                </c:pt>
                <c:pt idx="728">
                  <c:v>2403.304736</c:v>
                </c:pt>
                <c:pt idx="729">
                  <c:v>2405.2335520000001</c:v>
                </c:pt>
                <c:pt idx="730">
                  <c:v>2407.1623679999998</c:v>
                </c:pt>
                <c:pt idx="731">
                  <c:v>2409.0911839999999</c:v>
                </c:pt>
                <c:pt idx="732">
                  <c:v>2411.02</c:v>
                </c:pt>
                <c:pt idx="733">
                  <c:v>2412.9488160000001</c:v>
                </c:pt>
                <c:pt idx="734">
                  <c:v>2414.8776320000002</c:v>
                </c:pt>
                <c:pt idx="735">
                  <c:v>2416.8064479999998</c:v>
                </c:pt>
                <c:pt idx="736">
                  <c:v>2418.7352639999999</c:v>
                </c:pt>
                <c:pt idx="737">
                  <c:v>2420.66408</c:v>
                </c:pt>
                <c:pt idx="738">
                  <c:v>2422.5928960000001</c:v>
                </c:pt>
                <c:pt idx="739">
                  <c:v>2424.5217120000002</c:v>
                </c:pt>
                <c:pt idx="740">
                  <c:v>2426.4505279999998</c:v>
                </c:pt>
                <c:pt idx="741">
                  <c:v>2428.3793439999999</c:v>
                </c:pt>
                <c:pt idx="742">
                  <c:v>2430.30816</c:v>
                </c:pt>
                <c:pt idx="743">
                  <c:v>2432.2369760000001</c:v>
                </c:pt>
                <c:pt idx="744">
                  <c:v>2434.1657919999998</c:v>
                </c:pt>
                <c:pt idx="745">
                  <c:v>2436.0946079999999</c:v>
                </c:pt>
                <c:pt idx="746">
                  <c:v>2438.023424</c:v>
                </c:pt>
                <c:pt idx="747">
                  <c:v>2439.9522400000001</c:v>
                </c:pt>
                <c:pt idx="748">
                  <c:v>2441.8810560000002</c:v>
                </c:pt>
                <c:pt idx="749">
                  <c:v>2443.8098719999998</c:v>
                </c:pt>
                <c:pt idx="750">
                  <c:v>2445.7386879999999</c:v>
                </c:pt>
                <c:pt idx="751">
                  <c:v>2447.667504</c:v>
                </c:pt>
                <c:pt idx="752">
                  <c:v>2449.5963200000001</c:v>
                </c:pt>
                <c:pt idx="753">
                  <c:v>2451.5251360000002</c:v>
                </c:pt>
                <c:pt idx="754">
                  <c:v>2453.4539519999998</c:v>
                </c:pt>
                <c:pt idx="755">
                  <c:v>2455.3827679999999</c:v>
                </c:pt>
                <c:pt idx="756">
                  <c:v>2457.311584</c:v>
                </c:pt>
                <c:pt idx="757">
                  <c:v>2459.2404000000001</c:v>
                </c:pt>
                <c:pt idx="758">
                  <c:v>2461.1692159999998</c:v>
                </c:pt>
                <c:pt idx="759">
                  <c:v>2463.0980319999999</c:v>
                </c:pt>
                <c:pt idx="760">
                  <c:v>2465.026848</c:v>
                </c:pt>
                <c:pt idx="761">
                  <c:v>2466.9556640000001</c:v>
                </c:pt>
                <c:pt idx="762">
                  <c:v>2468.8844800000002</c:v>
                </c:pt>
                <c:pt idx="763">
                  <c:v>2470.8132959999998</c:v>
                </c:pt>
                <c:pt idx="764">
                  <c:v>2472.7421119999999</c:v>
                </c:pt>
                <c:pt idx="765">
                  <c:v>2474.670928</c:v>
                </c:pt>
                <c:pt idx="766">
                  <c:v>2476.5997440000001</c:v>
                </c:pt>
                <c:pt idx="767">
                  <c:v>2478.5285600000002</c:v>
                </c:pt>
                <c:pt idx="768">
                  <c:v>2480.4573759999998</c:v>
                </c:pt>
                <c:pt idx="769">
                  <c:v>2482.3861919999999</c:v>
                </c:pt>
                <c:pt idx="770">
                  <c:v>2484.315008</c:v>
                </c:pt>
                <c:pt idx="771">
                  <c:v>2486.2438240000001</c:v>
                </c:pt>
                <c:pt idx="772">
                  <c:v>2488.1726399999998</c:v>
                </c:pt>
                <c:pt idx="773">
                  <c:v>2490.1014559999999</c:v>
                </c:pt>
                <c:pt idx="774">
                  <c:v>2492.030272</c:v>
                </c:pt>
                <c:pt idx="775">
                  <c:v>2493.9590880000001</c:v>
                </c:pt>
                <c:pt idx="776">
                  <c:v>2495.8879040000002</c:v>
                </c:pt>
                <c:pt idx="777">
                  <c:v>2497.8167199999998</c:v>
                </c:pt>
                <c:pt idx="778">
                  <c:v>2499.7455359999999</c:v>
                </c:pt>
                <c:pt idx="779">
                  <c:v>2501.674352</c:v>
                </c:pt>
                <c:pt idx="780">
                  <c:v>2503.6031680000001</c:v>
                </c:pt>
                <c:pt idx="781">
                  <c:v>2505.5319840000002</c:v>
                </c:pt>
                <c:pt idx="782">
                  <c:v>2507.4607999999998</c:v>
                </c:pt>
                <c:pt idx="783">
                  <c:v>2509.3896159999999</c:v>
                </c:pt>
                <c:pt idx="784">
                  <c:v>2511.318432</c:v>
                </c:pt>
                <c:pt idx="785">
                  <c:v>2513.2472480000001</c:v>
                </c:pt>
                <c:pt idx="786">
                  <c:v>2515.1760640000002</c:v>
                </c:pt>
                <c:pt idx="787">
                  <c:v>2517.1048799999999</c:v>
                </c:pt>
                <c:pt idx="788">
                  <c:v>2519.033696</c:v>
                </c:pt>
                <c:pt idx="789">
                  <c:v>2520.9625120000001</c:v>
                </c:pt>
                <c:pt idx="790">
                  <c:v>2522.8913280000002</c:v>
                </c:pt>
                <c:pt idx="791">
                  <c:v>2524.8201439999998</c:v>
                </c:pt>
                <c:pt idx="792">
                  <c:v>2526.7489599999999</c:v>
                </c:pt>
                <c:pt idx="793">
                  <c:v>2528.677776</c:v>
                </c:pt>
                <c:pt idx="794">
                  <c:v>2530.6065920000001</c:v>
                </c:pt>
                <c:pt idx="795">
                  <c:v>2532.5354080000002</c:v>
                </c:pt>
                <c:pt idx="796">
                  <c:v>2534.4642239999998</c:v>
                </c:pt>
                <c:pt idx="797">
                  <c:v>2536.3930399999999</c:v>
                </c:pt>
                <c:pt idx="798">
                  <c:v>2538.321856</c:v>
                </c:pt>
                <c:pt idx="799">
                  <c:v>2540.2506720000001</c:v>
                </c:pt>
                <c:pt idx="800">
                  <c:v>2542.1794880000002</c:v>
                </c:pt>
                <c:pt idx="801">
                  <c:v>2544.1083039999999</c:v>
                </c:pt>
                <c:pt idx="802">
                  <c:v>2546.03712</c:v>
                </c:pt>
                <c:pt idx="803">
                  <c:v>2547.9659360000001</c:v>
                </c:pt>
                <c:pt idx="804">
                  <c:v>2549.8947520000002</c:v>
                </c:pt>
                <c:pt idx="805">
                  <c:v>2551.8235679999998</c:v>
                </c:pt>
                <c:pt idx="806">
                  <c:v>2553.7523839999999</c:v>
                </c:pt>
                <c:pt idx="807">
                  <c:v>2555.6812</c:v>
                </c:pt>
                <c:pt idx="808">
                  <c:v>2557.6100160000001</c:v>
                </c:pt>
                <c:pt idx="809">
                  <c:v>2559.5388320000002</c:v>
                </c:pt>
                <c:pt idx="810">
                  <c:v>2561.4676479999998</c:v>
                </c:pt>
                <c:pt idx="811">
                  <c:v>2563.3964639999999</c:v>
                </c:pt>
                <c:pt idx="812">
                  <c:v>2565.32528</c:v>
                </c:pt>
                <c:pt idx="813">
                  <c:v>2567.2540960000001</c:v>
                </c:pt>
                <c:pt idx="814">
                  <c:v>2569.1829120000002</c:v>
                </c:pt>
                <c:pt idx="815">
                  <c:v>2571.1117279999999</c:v>
                </c:pt>
                <c:pt idx="816">
                  <c:v>2573.040544</c:v>
                </c:pt>
                <c:pt idx="817">
                  <c:v>2574.9693600000001</c:v>
                </c:pt>
                <c:pt idx="818">
                  <c:v>2576.8981760000001</c:v>
                </c:pt>
                <c:pt idx="819">
                  <c:v>2578.8269919999998</c:v>
                </c:pt>
                <c:pt idx="820">
                  <c:v>2580.7558079999999</c:v>
                </c:pt>
                <c:pt idx="821">
                  <c:v>2582.684624</c:v>
                </c:pt>
                <c:pt idx="822">
                  <c:v>2584.6134400000001</c:v>
                </c:pt>
                <c:pt idx="823">
                  <c:v>2586.5422560000002</c:v>
                </c:pt>
                <c:pt idx="824">
                  <c:v>2588.4710719999998</c:v>
                </c:pt>
                <c:pt idx="825">
                  <c:v>2590.3998879999999</c:v>
                </c:pt>
                <c:pt idx="826">
                  <c:v>2592.328704</c:v>
                </c:pt>
                <c:pt idx="827">
                  <c:v>2594.2575200000001</c:v>
                </c:pt>
                <c:pt idx="828">
                  <c:v>2596.1863360000002</c:v>
                </c:pt>
                <c:pt idx="829">
                  <c:v>2598.1151519999999</c:v>
                </c:pt>
                <c:pt idx="830">
                  <c:v>2600.0439679999999</c:v>
                </c:pt>
                <c:pt idx="831">
                  <c:v>2601.972784</c:v>
                </c:pt>
                <c:pt idx="832">
                  <c:v>2603.9016000000001</c:v>
                </c:pt>
                <c:pt idx="833">
                  <c:v>2605.8304159999998</c:v>
                </c:pt>
                <c:pt idx="834">
                  <c:v>2607.7592319999999</c:v>
                </c:pt>
                <c:pt idx="835">
                  <c:v>2609.688048</c:v>
                </c:pt>
                <c:pt idx="836">
                  <c:v>2611.6168640000001</c:v>
                </c:pt>
                <c:pt idx="837">
                  <c:v>2613.5456800000002</c:v>
                </c:pt>
                <c:pt idx="838">
                  <c:v>2615.4744959999998</c:v>
                </c:pt>
                <c:pt idx="839">
                  <c:v>2617.4033119999999</c:v>
                </c:pt>
                <c:pt idx="840">
                  <c:v>2619.332128</c:v>
                </c:pt>
                <c:pt idx="841">
                  <c:v>2621.2609440000001</c:v>
                </c:pt>
                <c:pt idx="842">
                  <c:v>2623.1897600000002</c:v>
                </c:pt>
                <c:pt idx="843">
                  <c:v>2625.1185759999998</c:v>
                </c:pt>
                <c:pt idx="844">
                  <c:v>2627.0473919999999</c:v>
                </c:pt>
                <c:pt idx="845">
                  <c:v>2628.976208</c:v>
                </c:pt>
                <c:pt idx="846">
                  <c:v>2630.9050240000001</c:v>
                </c:pt>
                <c:pt idx="847">
                  <c:v>2632.8338399999998</c:v>
                </c:pt>
                <c:pt idx="848">
                  <c:v>2634.7626559999999</c:v>
                </c:pt>
                <c:pt idx="849">
                  <c:v>2636.691472</c:v>
                </c:pt>
                <c:pt idx="850">
                  <c:v>2638.6202880000001</c:v>
                </c:pt>
                <c:pt idx="851">
                  <c:v>2640.5491040000002</c:v>
                </c:pt>
                <c:pt idx="852">
                  <c:v>2642.4779199999998</c:v>
                </c:pt>
                <c:pt idx="853">
                  <c:v>2644.4067359999999</c:v>
                </c:pt>
                <c:pt idx="854">
                  <c:v>2646.335552</c:v>
                </c:pt>
                <c:pt idx="855">
                  <c:v>2648.2643680000001</c:v>
                </c:pt>
                <c:pt idx="856">
                  <c:v>2650.1931840000002</c:v>
                </c:pt>
                <c:pt idx="857">
                  <c:v>2652.1219999999998</c:v>
                </c:pt>
                <c:pt idx="858">
                  <c:v>2654.0508159999999</c:v>
                </c:pt>
                <c:pt idx="859">
                  <c:v>2655.979632</c:v>
                </c:pt>
                <c:pt idx="860">
                  <c:v>2657.9084480000001</c:v>
                </c:pt>
                <c:pt idx="861">
                  <c:v>2659.8372639999998</c:v>
                </c:pt>
                <c:pt idx="862">
                  <c:v>2661.7660799999999</c:v>
                </c:pt>
                <c:pt idx="863">
                  <c:v>2663.694896</c:v>
                </c:pt>
                <c:pt idx="864">
                  <c:v>2665.6237120000001</c:v>
                </c:pt>
                <c:pt idx="865">
                  <c:v>2667.5525280000002</c:v>
                </c:pt>
                <c:pt idx="866">
                  <c:v>2669.4813439999998</c:v>
                </c:pt>
                <c:pt idx="867">
                  <c:v>2671.4101599999999</c:v>
                </c:pt>
                <c:pt idx="868">
                  <c:v>2673.338976</c:v>
                </c:pt>
                <c:pt idx="869">
                  <c:v>2675.2677920000001</c:v>
                </c:pt>
                <c:pt idx="870">
                  <c:v>2677.1966080000002</c:v>
                </c:pt>
                <c:pt idx="871">
                  <c:v>2679.1254239999998</c:v>
                </c:pt>
                <c:pt idx="872">
                  <c:v>2681.0542399999999</c:v>
                </c:pt>
                <c:pt idx="873">
                  <c:v>2682.983056</c:v>
                </c:pt>
                <c:pt idx="874">
                  <c:v>2684.9118720000001</c:v>
                </c:pt>
                <c:pt idx="875">
                  <c:v>2686.8406880000002</c:v>
                </c:pt>
                <c:pt idx="876">
                  <c:v>2688.7695039999999</c:v>
                </c:pt>
                <c:pt idx="877">
                  <c:v>2690.69832</c:v>
                </c:pt>
                <c:pt idx="878">
                  <c:v>2692.6271360000001</c:v>
                </c:pt>
                <c:pt idx="879">
                  <c:v>2694.5559520000002</c:v>
                </c:pt>
                <c:pt idx="880">
                  <c:v>2696.4847679999998</c:v>
                </c:pt>
                <c:pt idx="881">
                  <c:v>2698.4135839999999</c:v>
                </c:pt>
                <c:pt idx="882">
                  <c:v>2700.3424</c:v>
                </c:pt>
                <c:pt idx="883">
                  <c:v>2702.2712160000001</c:v>
                </c:pt>
                <c:pt idx="884">
                  <c:v>2704.2000320000002</c:v>
                </c:pt>
                <c:pt idx="885">
                  <c:v>2706.1288479999998</c:v>
                </c:pt>
                <c:pt idx="886">
                  <c:v>2708.0576639999999</c:v>
                </c:pt>
                <c:pt idx="887">
                  <c:v>2709.98648</c:v>
                </c:pt>
                <c:pt idx="888">
                  <c:v>2711.9152960000001</c:v>
                </c:pt>
                <c:pt idx="889">
                  <c:v>2713.8441120000002</c:v>
                </c:pt>
                <c:pt idx="890">
                  <c:v>2715.7729279999999</c:v>
                </c:pt>
                <c:pt idx="891">
                  <c:v>2717.701744</c:v>
                </c:pt>
                <c:pt idx="892">
                  <c:v>2719.6305600000001</c:v>
                </c:pt>
                <c:pt idx="893">
                  <c:v>2721.5593760000002</c:v>
                </c:pt>
                <c:pt idx="894">
                  <c:v>2723.4881919999998</c:v>
                </c:pt>
                <c:pt idx="895">
                  <c:v>2725.4170079999999</c:v>
                </c:pt>
                <c:pt idx="896">
                  <c:v>2727.345824</c:v>
                </c:pt>
                <c:pt idx="897">
                  <c:v>2729.2746400000001</c:v>
                </c:pt>
                <c:pt idx="898">
                  <c:v>2731.2034560000002</c:v>
                </c:pt>
                <c:pt idx="899">
                  <c:v>2733.1322719999998</c:v>
                </c:pt>
                <c:pt idx="900">
                  <c:v>2735.0610879999999</c:v>
                </c:pt>
                <c:pt idx="901">
                  <c:v>2736.989904</c:v>
                </c:pt>
                <c:pt idx="902">
                  <c:v>2738.9187200000001</c:v>
                </c:pt>
                <c:pt idx="903">
                  <c:v>2740.8475360000002</c:v>
                </c:pt>
                <c:pt idx="904">
                  <c:v>2742.7763519999999</c:v>
                </c:pt>
                <c:pt idx="905">
                  <c:v>2744.705168</c:v>
                </c:pt>
                <c:pt idx="906">
                  <c:v>2746.6339840000001</c:v>
                </c:pt>
                <c:pt idx="907">
                  <c:v>2748.5628000000002</c:v>
                </c:pt>
                <c:pt idx="908">
                  <c:v>2750.4916159999998</c:v>
                </c:pt>
                <c:pt idx="909">
                  <c:v>2752.4204319999999</c:v>
                </c:pt>
                <c:pt idx="910">
                  <c:v>2754.349248</c:v>
                </c:pt>
                <c:pt idx="911">
                  <c:v>2756.2780640000001</c:v>
                </c:pt>
                <c:pt idx="912">
                  <c:v>2758.2068800000002</c:v>
                </c:pt>
                <c:pt idx="913">
                  <c:v>2760.1356959999998</c:v>
                </c:pt>
                <c:pt idx="914">
                  <c:v>2762.0645119999999</c:v>
                </c:pt>
                <c:pt idx="915">
                  <c:v>2763.993328</c:v>
                </c:pt>
                <c:pt idx="916">
                  <c:v>2765.9221440000001</c:v>
                </c:pt>
                <c:pt idx="917">
                  <c:v>2767.8509600000002</c:v>
                </c:pt>
                <c:pt idx="918">
                  <c:v>2769.7797759999999</c:v>
                </c:pt>
                <c:pt idx="919">
                  <c:v>2771.708592</c:v>
                </c:pt>
                <c:pt idx="920">
                  <c:v>2773.6374080000001</c:v>
                </c:pt>
                <c:pt idx="921">
                  <c:v>2775.5662240000001</c:v>
                </c:pt>
                <c:pt idx="922">
                  <c:v>2777.4950399999998</c:v>
                </c:pt>
                <c:pt idx="923">
                  <c:v>2779.4238559999999</c:v>
                </c:pt>
                <c:pt idx="924">
                  <c:v>2781.352672</c:v>
                </c:pt>
                <c:pt idx="925">
                  <c:v>2783.2814880000001</c:v>
                </c:pt>
                <c:pt idx="926">
                  <c:v>2785.2103040000002</c:v>
                </c:pt>
                <c:pt idx="927">
                  <c:v>2787.1391199999998</c:v>
                </c:pt>
                <c:pt idx="928">
                  <c:v>2789.0679359999999</c:v>
                </c:pt>
                <c:pt idx="929">
                  <c:v>2790.996752</c:v>
                </c:pt>
                <c:pt idx="930">
                  <c:v>2792.9255680000001</c:v>
                </c:pt>
                <c:pt idx="931">
                  <c:v>2794.8543840000002</c:v>
                </c:pt>
                <c:pt idx="932">
                  <c:v>2796.7831999999999</c:v>
                </c:pt>
                <c:pt idx="933">
                  <c:v>2798.7120159999999</c:v>
                </c:pt>
                <c:pt idx="934">
                  <c:v>2800.640832</c:v>
                </c:pt>
                <c:pt idx="935">
                  <c:v>2802.5696480000001</c:v>
                </c:pt>
                <c:pt idx="936">
                  <c:v>2804.4984639999998</c:v>
                </c:pt>
                <c:pt idx="937">
                  <c:v>2806.4272799999999</c:v>
                </c:pt>
                <c:pt idx="938">
                  <c:v>2808.356096</c:v>
                </c:pt>
                <c:pt idx="939">
                  <c:v>2810.2849120000001</c:v>
                </c:pt>
                <c:pt idx="940">
                  <c:v>2812.2137280000002</c:v>
                </c:pt>
                <c:pt idx="941">
                  <c:v>2814.1425439999998</c:v>
                </c:pt>
                <c:pt idx="942">
                  <c:v>2816.0713599999999</c:v>
                </c:pt>
                <c:pt idx="943">
                  <c:v>2818.000176</c:v>
                </c:pt>
                <c:pt idx="944">
                  <c:v>2819.9289920000001</c:v>
                </c:pt>
                <c:pt idx="945">
                  <c:v>2821.8578080000002</c:v>
                </c:pt>
                <c:pt idx="946">
                  <c:v>2823.7866239999998</c:v>
                </c:pt>
                <c:pt idx="947">
                  <c:v>2825.7154399999999</c:v>
                </c:pt>
                <c:pt idx="948">
                  <c:v>2827.644256</c:v>
                </c:pt>
                <c:pt idx="949">
                  <c:v>2829.5730720000001</c:v>
                </c:pt>
                <c:pt idx="950">
                  <c:v>2831.5018879999998</c:v>
                </c:pt>
                <c:pt idx="951">
                  <c:v>2833.4307039999999</c:v>
                </c:pt>
                <c:pt idx="952">
                  <c:v>2835.35952</c:v>
                </c:pt>
                <c:pt idx="953">
                  <c:v>2837.2883360000001</c:v>
                </c:pt>
                <c:pt idx="954">
                  <c:v>2839.2171520000002</c:v>
                </c:pt>
                <c:pt idx="955">
                  <c:v>2841.1459679999998</c:v>
                </c:pt>
                <c:pt idx="956">
                  <c:v>2843.0747839999999</c:v>
                </c:pt>
                <c:pt idx="957">
                  <c:v>2845.0036</c:v>
                </c:pt>
                <c:pt idx="958">
                  <c:v>2846.9324160000001</c:v>
                </c:pt>
                <c:pt idx="959">
                  <c:v>2848.8612320000002</c:v>
                </c:pt>
                <c:pt idx="960">
                  <c:v>2850.7900479999998</c:v>
                </c:pt>
                <c:pt idx="961">
                  <c:v>2852.7188639999999</c:v>
                </c:pt>
                <c:pt idx="962">
                  <c:v>2854.64768</c:v>
                </c:pt>
                <c:pt idx="963">
                  <c:v>2856.5764960000001</c:v>
                </c:pt>
                <c:pt idx="964">
                  <c:v>2858.5053119999998</c:v>
                </c:pt>
                <c:pt idx="965">
                  <c:v>2860.4341279999999</c:v>
                </c:pt>
                <c:pt idx="966">
                  <c:v>2862.362944</c:v>
                </c:pt>
                <c:pt idx="967">
                  <c:v>2864.2917600000001</c:v>
                </c:pt>
                <c:pt idx="968">
                  <c:v>2866.2205760000002</c:v>
                </c:pt>
                <c:pt idx="969">
                  <c:v>2868.1493919999998</c:v>
                </c:pt>
                <c:pt idx="970">
                  <c:v>2870.0782079999999</c:v>
                </c:pt>
                <c:pt idx="971">
                  <c:v>2872.007024</c:v>
                </c:pt>
                <c:pt idx="972">
                  <c:v>2873.9358400000001</c:v>
                </c:pt>
                <c:pt idx="973">
                  <c:v>2875.8646560000002</c:v>
                </c:pt>
                <c:pt idx="974">
                  <c:v>2877.7934719999998</c:v>
                </c:pt>
                <c:pt idx="975">
                  <c:v>2879.7222879999999</c:v>
                </c:pt>
                <c:pt idx="976">
                  <c:v>2881.651104</c:v>
                </c:pt>
                <c:pt idx="977">
                  <c:v>2883.5799200000001</c:v>
                </c:pt>
                <c:pt idx="978">
                  <c:v>2885.5087360000002</c:v>
                </c:pt>
                <c:pt idx="979">
                  <c:v>2887.4375519999999</c:v>
                </c:pt>
                <c:pt idx="980">
                  <c:v>2889.366368</c:v>
                </c:pt>
                <c:pt idx="981">
                  <c:v>2891.2951840000001</c:v>
                </c:pt>
                <c:pt idx="982">
                  <c:v>2893.2240000000002</c:v>
                </c:pt>
                <c:pt idx="983">
                  <c:v>2895.1528159999998</c:v>
                </c:pt>
                <c:pt idx="984">
                  <c:v>2897.0816319999999</c:v>
                </c:pt>
                <c:pt idx="985">
                  <c:v>2899.010448</c:v>
                </c:pt>
                <c:pt idx="986">
                  <c:v>2900.9392640000001</c:v>
                </c:pt>
                <c:pt idx="987">
                  <c:v>2902.8680800000002</c:v>
                </c:pt>
                <c:pt idx="988">
                  <c:v>2904.7968959999998</c:v>
                </c:pt>
                <c:pt idx="989">
                  <c:v>2906.7257119999999</c:v>
                </c:pt>
                <c:pt idx="990">
                  <c:v>2908.654528</c:v>
                </c:pt>
                <c:pt idx="991">
                  <c:v>2910.5833440000001</c:v>
                </c:pt>
                <c:pt idx="992">
                  <c:v>2912.5121600000002</c:v>
                </c:pt>
                <c:pt idx="993">
                  <c:v>2914.4409759999999</c:v>
                </c:pt>
                <c:pt idx="994">
                  <c:v>2916.369792</c:v>
                </c:pt>
                <c:pt idx="995">
                  <c:v>2918.2986080000001</c:v>
                </c:pt>
                <c:pt idx="996">
                  <c:v>2920.2274240000002</c:v>
                </c:pt>
                <c:pt idx="997">
                  <c:v>2922.1562399999998</c:v>
                </c:pt>
                <c:pt idx="998">
                  <c:v>2924.0850559999999</c:v>
                </c:pt>
                <c:pt idx="999">
                  <c:v>2926.013872</c:v>
                </c:pt>
                <c:pt idx="1000">
                  <c:v>2927.9426880000001</c:v>
                </c:pt>
                <c:pt idx="1001">
                  <c:v>2929.8715040000002</c:v>
                </c:pt>
                <c:pt idx="1002">
                  <c:v>2931.8003199999998</c:v>
                </c:pt>
                <c:pt idx="1003">
                  <c:v>2933.7291359999999</c:v>
                </c:pt>
                <c:pt idx="1004">
                  <c:v>2935.657952</c:v>
                </c:pt>
                <c:pt idx="1005">
                  <c:v>2937.5867680000001</c:v>
                </c:pt>
                <c:pt idx="1006">
                  <c:v>2939.5155840000002</c:v>
                </c:pt>
                <c:pt idx="1007">
                  <c:v>2941.4443999999999</c:v>
                </c:pt>
                <c:pt idx="1008">
                  <c:v>2943.373216</c:v>
                </c:pt>
                <c:pt idx="1009">
                  <c:v>2945.3020320000001</c:v>
                </c:pt>
                <c:pt idx="1010">
                  <c:v>2947.2308480000002</c:v>
                </c:pt>
                <c:pt idx="1011">
                  <c:v>2949.1596639999998</c:v>
                </c:pt>
                <c:pt idx="1012">
                  <c:v>2951.0884799999999</c:v>
                </c:pt>
                <c:pt idx="1013">
                  <c:v>2953.017296</c:v>
                </c:pt>
                <c:pt idx="1014">
                  <c:v>2954.9461120000001</c:v>
                </c:pt>
                <c:pt idx="1015">
                  <c:v>2956.8749280000002</c:v>
                </c:pt>
                <c:pt idx="1016">
                  <c:v>2958.8037439999998</c:v>
                </c:pt>
                <c:pt idx="1017">
                  <c:v>2960.7325599999999</c:v>
                </c:pt>
                <c:pt idx="1018">
                  <c:v>2962.661376</c:v>
                </c:pt>
                <c:pt idx="1019">
                  <c:v>2964.5901920000001</c:v>
                </c:pt>
                <c:pt idx="1020">
                  <c:v>2966.5190080000002</c:v>
                </c:pt>
                <c:pt idx="1021">
                  <c:v>2968.4478239999999</c:v>
                </c:pt>
                <c:pt idx="1022">
                  <c:v>2970.37664</c:v>
                </c:pt>
                <c:pt idx="1023">
                  <c:v>2972.305456</c:v>
                </c:pt>
                <c:pt idx="1024">
                  <c:v>2974.2342720000001</c:v>
                </c:pt>
                <c:pt idx="1025">
                  <c:v>2976.1630879999998</c:v>
                </c:pt>
                <c:pt idx="1026">
                  <c:v>2978.0919039999999</c:v>
                </c:pt>
                <c:pt idx="1027">
                  <c:v>2980.02072</c:v>
                </c:pt>
                <c:pt idx="1028">
                  <c:v>2981.9495360000001</c:v>
                </c:pt>
                <c:pt idx="1029">
                  <c:v>2983.8783520000002</c:v>
                </c:pt>
                <c:pt idx="1030">
                  <c:v>2985.8071679999998</c:v>
                </c:pt>
                <c:pt idx="1031">
                  <c:v>2987.7359839999999</c:v>
                </c:pt>
                <c:pt idx="1032">
                  <c:v>2989.6648</c:v>
                </c:pt>
                <c:pt idx="1033">
                  <c:v>2991.5936160000001</c:v>
                </c:pt>
                <c:pt idx="1034">
                  <c:v>2993.5224320000002</c:v>
                </c:pt>
                <c:pt idx="1035">
                  <c:v>2995.4512479999999</c:v>
                </c:pt>
                <c:pt idx="1036">
                  <c:v>2997.3800639999999</c:v>
                </c:pt>
                <c:pt idx="1037">
                  <c:v>2999.30888</c:v>
                </c:pt>
                <c:pt idx="1038">
                  <c:v>3001.2376960000001</c:v>
                </c:pt>
                <c:pt idx="1039">
                  <c:v>3003.1665119999998</c:v>
                </c:pt>
                <c:pt idx="1040">
                  <c:v>3005.0953279999999</c:v>
                </c:pt>
                <c:pt idx="1041">
                  <c:v>3007.024144</c:v>
                </c:pt>
                <c:pt idx="1042">
                  <c:v>3008.9529600000001</c:v>
                </c:pt>
                <c:pt idx="1043">
                  <c:v>3010.8817760000002</c:v>
                </c:pt>
                <c:pt idx="1044">
                  <c:v>3012.8105919999998</c:v>
                </c:pt>
                <c:pt idx="1045">
                  <c:v>3014.7394079999999</c:v>
                </c:pt>
                <c:pt idx="1046">
                  <c:v>3016.668224</c:v>
                </c:pt>
                <c:pt idx="1047">
                  <c:v>3018.5970400000001</c:v>
                </c:pt>
                <c:pt idx="1048">
                  <c:v>3020.5258560000002</c:v>
                </c:pt>
                <c:pt idx="1049">
                  <c:v>3022.4546719999998</c:v>
                </c:pt>
                <c:pt idx="1050">
                  <c:v>3024.3834879999999</c:v>
                </c:pt>
                <c:pt idx="1051">
                  <c:v>3026.312304</c:v>
                </c:pt>
                <c:pt idx="1052">
                  <c:v>3028.2411200000001</c:v>
                </c:pt>
                <c:pt idx="1053">
                  <c:v>3030.1699359999998</c:v>
                </c:pt>
                <c:pt idx="1054">
                  <c:v>3032.0987519999999</c:v>
                </c:pt>
                <c:pt idx="1055">
                  <c:v>3034.027568</c:v>
                </c:pt>
                <c:pt idx="1056">
                  <c:v>3035.9563840000001</c:v>
                </c:pt>
                <c:pt idx="1057">
                  <c:v>3037.8852000000002</c:v>
                </c:pt>
                <c:pt idx="1058">
                  <c:v>3039.8140159999998</c:v>
                </c:pt>
                <c:pt idx="1059">
                  <c:v>3041.7428319999999</c:v>
                </c:pt>
                <c:pt idx="1060">
                  <c:v>3043.671648</c:v>
                </c:pt>
                <c:pt idx="1061">
                  <c:v>3045.6004640000001</c:v>
                </c:pt>
                <c:pt idx="1062">
                  <c:v>3047.5292800000002</c:v>
                </c:pt>
                <c:pt idx="1063">
                  <c:v>3049.4580959999998</c:v>
                </c:pt>
                <c:pt idx="1064">
                  <c:v>3051.3869119999999</c:v>
                </c:pt>
                <c:pt idx="1065">
                  <c:v>3053.315728</c:v>
                </c:pt>
                <c:pt idx="1066">
                  <c:v>3055.2445440000001</c:v>
                </c:pt>
                <c:pt idx="1067">
                  <c:v>3057.1733599999998</c:v>
                </c:pt>
                <c:pt idx="1068">
                  <c:v>3059.1021759999999</c:v>
                </c:pt>
                <c:pt idx="1069">
                  <c:v>3061.030992</c:v>
                </c:pt>
                <c:pt idx="1070">
                  <c:v>3062.9598080000001</c:v>
                </c:pt>
                <c:pt idx="1071">
                  <c:v>3064.8886240000002</c:v>
                </c:pt>
                <c:pt idx="1072">
                  <c:v>3066.8174399999998</c:v>
                </c:pt>
                <c:pt idx="1073">
                  <c:v>3068.7462559999999</c:v>
                </c:pt>
                <c:pt idx="1074">
                  <c:v>3070.675072</c:v>
                </c:pt>
                <c:pt idx="1075">
                  <c:v>3072.6038880000001</c:v>
                </c:pt>
                <c:pt idx="1076">
                  <c:v>3074.5327040000002</c:v>
                </c:pt>
                <c:pt idx="1077">
                  <c:v>3076.4615199999998</c:v>
                </c:pt>
                <c:pt idx="1078">
                  <c:v>3078.3903359999999</c:v>
                </c:pt>
                <c:pt idx="1079">
                  <c:v>3080.319152</c:v>
                </c:pt>
                <c:pt idx="1080">
                  <c:v>3082.2479680000001</c:v>
                </c:pt>
                <c:pt idx="1081">
                  <c:v>3084.1767840000002</c:v>
                </c:pt>
                <c:pt idx="1082">
                  <c:v>3086.1055999999999</c:v>
                </c:pt>
                <c:pt idx="1083">
                  <c:v>3088.034416</c:v>
                </c:pt>
                <c:pt idx="1084">
                  <c:v>3089.9632320000001</c:v>
                </c:pt>
                <c:pt idx="1085">
                  <c:v>3091.8920480000002</c:v>
                </c:pt>
                <c:pt idx="1086">
                  <c:v>3093.8208639999998</c:v>
                </c:pt>
                <c:pt idx="1087">
                  <c:v>3095.7496799999999</c:v>
                </c:pt>
                <c:pt idx="1088">
                  <c:v>3097.678496</c:v>
                </c:pt>
                <c:pt idx="1089">
                  <c:v>3099.6073120000001</c:v>
                </c:pt>
                <c:pt idx="1090">
                  <c:v>3101.5361280000002</c:v>
                </c:pt>
                <c:pt idx="1091">
                  <c:v>3103.4649439999998</c:v>
                </c:pt>
                <c:pt idx="1092">
                  <c:v>3105.3937599999999</c:v>
                </c:pt>
                <c:pt idx="1093">
                  <c:v>3107.322576</c:v>
                </c:pt>
                <c:pt idx="1094">
                  <c:v>3109.2513920000001</c:v>
                </c:pt>
                <c:pt idx="1095">
                  <c:v>3111.1802080000002</c:v>
                </c:pt>
                <c:pt idx="1096">
                  <c:v>3113.1090239999999</c:v>
                </c:pt>
                <c:pt idx="1097">
                  <c:v>3115.03784</c:v>
                </c:pt>
                <c:pt idx="1098">
                  <c:v>3116.9666560000001</c:v>
                </c:pt>
                <c:pt idx="1099">
                  <c:v>3118.8954720000002</c:v>
                </c:pt>
                <c:pt idx="1100">
                  <c:v>3120.8242879999998</c:v>
                </c:pt>
                <c:pt idx="1101">
                  <c:v>3122.7531039999999</c:v>
                </c:pt>
                <c:pt idx="1102">
                  <c:v>3124.68192</c:v>
                </c:pt>
                <c:pt idx="1103">
                  <c:v>3126.6107360000001</c:v>
                </c:pt>
                <c:pt idx="1104">
                  <c:v>3128.5395520000002</c:v>
                </c:pt>
                <c:pt idx="1105">
                  <c:v>3130.4683679999998</c:v>
                </c:pt>
                <c:pt idx="1106">
                  <c:v>3132.3971839999999</c:v>
                </c:pt>
                <c:pt idx="1107">
                  <c:v>3134.326</c:v>
                </c:pt>
                <c:pt idx="1108">
                  <c:v>3136.2548160000001</c:v>
                </c:pt>
                <c:pt idx="1109">
                  <c:v>3138.1836320000002</c:v>
                </c:pt>
                <c:pt idx="1110">
                  <c:v>3140.1124479999999</c:v>
                </c:pt>
                <c:pt idx="1111">
                  <c:v>3142.041264</c:v>
                </c:pt>
                <c:pt idx="1112">
                  <c:v>3143.9700800000001</c:v>
                </c:pt>
                <c:pt idx="1113">
                  <c:v>3145.8988960000001</c:v>
                </c:pt>
                <c:pt idx="1114">
                  <c:v>3147.8277119999998</c:v>
                </c:pt>
                <c:pt idx="1115">
                  <c:v>3149.7565279999999</c:v>
                </c:pt>
                <c:pt idx="1116">
                  <c:v>3151.685344</c:v>
                </c:pt>
                <c:pt idx="1117">
                  <c:v>3153.6141600000001</c:v>
                </c:pt>
                <c:pt idx="1118">
                  <c:v>3155.5429760000002</c:v>
                </c:pt>
                <c:pt idx="1119">
                  <c:v>3157.4717919999998</c:v>
                </c:pt>
                <c:pt idx="1120">
                  <c:v>3159.4006079999999</c:v>
                </c:pt>
                <c:pt idx="1121">
                  <c:v>3161.329424</c:v>
                </c:pt>
                <c:pt idx="1122">
                  <c:v>3163.2582400000001</c:v>
                </c:pt>
                <c:pt idx="1123">
                  <c:v>3165.1870560000002</c:v>
                </c:pt>
                <c:pt idx="1124">
                  <c:v>3167.1158719999999</c:v>
                </c:pt>
                <c:pt idx="1125">
                  <c:v>3169.044688</c:v>
                </c:pt>
                <c:pt idx="1126">
                  <c:v>3170.973504</c:v>
                </c:pt>
                <c:pt idx="1127">
                  <c:v>3172.9023200000001</c:v>
                </c:pt>
                <c:pt idx="1128">
                  <c:v>3174.8311359999998</c:v>
                </c:pt>
                <c:pt idx="1129">
                  <c:v>3176.7599519999999</c:v>
                </c:pt>
                <c:pt idx="1130">
                  <c:v>3178.688768</c:v>
                </c:pt>
                <c:pt idx="1131">
                  <c:v>3180.6175840000001</c:v>
                </c:pt>
                <c:pt idx="1132">
                  <c:v>3182.5464000000002</c:v>
                </c:pt>
                <c:pt idx="1133">
                  <c:v>3184.4752159999998</c:v>
                </c:pt>
                <c:pt idx="1134">
                  <c:v>3186.4040319999999</c:v>
                </c:pt>
                <c:pt idx="1135">
                  <c:v>3188.332848</c:v>
                </c:pt>
                <c:pt idx="1136">
                  <c:v>3190.2616640000001</c:v>
                </c:pt>
                <c:pt idx="1137">
                  <c:v>3192.1904800000002</c:v>
                </c:pt>
                <c:pt idx="1138">
                  <c:v>3194.1192959999998</c:v>
                </c:pt>
                <c:pt idx="1139">
                  <c:v>3196.0481119999999</c:v>
                </c:pt>
                <c:pt idx="1140">
                  <c:v>3197.976928</c:v>
                </c:pt>
                <c:pt idx="1141">
                  <c:v>3199.9057440000001</c:v>
                </c:pt>
                <c:pt idx="1142">
                  <c:v>3201.8345599999998</c:v>
                </c:pt>
                <c:pt idx="1143">
                  <c:v>3203.7633759999999</c:v>
                </c:pt>
                <c:pt idx="1144">
                  <c:v>3205.692192</c:v>
                </c:pt>
                <c:pt idx="1145">
                  <c:v>3207.6210080000001</c:v>
                </c:pt>
                <c:pt idx="1146">
                  <c:v>3209.5498240000002</c:v>
                </c:pt>
                <c:pt idx="1147">
                  <c:v>3211.4786399999998</c:v>
                </c:pt>
                <c:pt idx="1148">
                  <c:v>3213.4074559999999</c:v>
                </c:pt>
                <c:pt idx="1149">
                  <c:v>3215.336272</c:v>
                </c:pt>
                <c:pt idx="1150">
                  <c:v>3217.2650880000001</c:v>
                </c:pt>
                <c:pt idx="1151">
                  <c:v>3219.1939040000002</c:v>
                </c:pt>
                <c:pt idx="1152">
                  <c:v>3221.1227199999998</c:v>
                </c:pt>
                <c:pt idx="1153">
                  <c:v>3223.0515359999999</c:v>
                </c:pt>
                <c:pt idx="1154">
                  <c:v>3224.980352</c:v>
                </c:pt>
                <c:pt idx="1155">
                  <c:v>3226.9091680000001</c:v>
                </c:pt>
                <c:pt idx="1156">
                  <c:v>3228.8379839999998</c:v>
                </c:pt>
                <c:pt idx="1157">
                  <c:v>3230.7667999999999</c:v>
                </c:pt>
                <c:pt idx="1158">
                  <c:v>3232.695616</c:v>
                </c:pt>
                <c:pt idx="1159">
                  <c:v>3234.6244320000001</c:v>
                </c:pt>
                <c:pt idx="1160">
                  <c:v>3236.5532480000002</c:v>
                </c:pt>
                <c:pt idx="1161">
                  <c:v>3238.4820639999998</c:v>
                </c:pt>
                <c:pt idx="1162">
                  <c:v>3240.4108799999999</c:v>
                </c:pt>
                <c:pt idx="1163">
                  <c:v>3242.339696</c:v>
                </c:pt>
                <c:pt idx="1164">
                  <c:v>3244.2685120000001</c:v>
                </c:pt>
                <c:pt idx="1165">
                  <c:v>3246.1973280000002</c:v>
                </c:pt>
                <c:pt idx="1166">
                  <c:v>3248.1261439999998</c:v>
                </c:pt>
                <c:pt idx="1167">
                  <c:v>3250.0549599999999</c:v>
                </c:pt>
                <c:pt idx="1168">
                  <c:v>3251.983776</c:v>
                </c:pt>
                <c:pt idx="1169">
                  <c:v>3253.9125920000001</c:v>
                </c:pt>
                <c:pt idx="1170">
                  <c:v>3255.8414079999998</c:v>
                </c:pt>
                <c:pt idx="1171">
                  <c:v>3257.7702239999999</c:v>
                </c:pt>
                <c:pt idx="1172">
                  <c:v>3259.69904</c:v>
                </c:pt>
                <c:pt idx="1173">
                  <c:v>3261.6278560000001</c:v>
                </c:pt>
                <c:pt idx="1174">
                  <c:v>3263.5566720000002</c:v>
                </c:pt>
                <c:pt idx="1175">
                  <c:v>3265.4854879999998</c:v>
                </c:pt>
                <c:pt idx="1176">
                  <c:v>3267.4143039999999</c:v>
                </c:pt>
                <c:pt idx="1177">
                  <c:v>3269.34312</c:v>
                </c:pt>
                <c:pt idx="1178">
                  <c:v>3271.2719360000001</c:v>
                </c:pt>
                <c:pt idx="1179">
                  <c:v>3273.2007520000002</c:v>
                </c:pt>
                <c:pt idx="1180">
                  <c:v>3275.1295679999998</c:v>
                </c:pt>
                <c:pt idx="1181">
                  <c:v>3277.0583839999999</c:v>
                </c:pt>
                <c:pt idx="1182">
                  <c:v>3278.9872</c:v>
                </c:pt>
                <c:pt idx="1183">
                  <c:v>3280.9160160000001</c:v>
                </c:pt>
                <c:pt idx="1184">
                  <c:v>3282.8448320000002</c:v>
                </c:pt>
                <c:pt idx="1185">
                  <c:v>3284.7736479999999</c:v>
                </c:pt>
                <c:pt idx="1186">
                  <c:v>3286.702464</c:v>
                </c:pt>
                <c:pt idx="1187">
                  <c:v>3288.6312800000001</c:v>
                </c:pt>
                <c:pt idx="1188">
                  <c:v>3290.5600960000002</c:v>
                </c:pt>
                <c:pt idx="1189">
                  <c:v>3292.4889119999998</c:v>
                </c:pt>
                <c:pt idx="1190">
                  <c:v>3294.4177279999999</c:v>
                </c:pt>
                <c:pt idx="1191">
                  <c:v>3296.346544</c:v>
                </c:pt>
                <c:pt idx="1192">
                  <c:v>3298.2753600000001</c:v>
                </c:pt>
                <c:pt idx="1193">
                  <c:v>3300.2041760000002</c:v>
                </c:pt>
                <c:pt idx="1194">
                  <c:v>3302.1329919999998</c:v>
                </c:pt>
                <c:pt idx="1195">
                  <c:v>3304.0618079999999</c:v>
                </c:pt>
                <c:pt idx="1196">
                  <c:v>3305.990624</c:v>
                </c:pt>
                <c:pt idx="1197">
                  <c:v>3307.9194400000001</c:v>
                </c:pt>
                <c:pt idx="1198">
                  <c:v>3309.8482560000002</c:v>
                </c:pt>
                <c:pt idx="1199">
                  <c:v>3311.7770719999999</c:v>
                </c:pt>
                <c:pt idx="1200">
                  <c:v>3313.705888</c:v>
                </c:pt>
                <c:pt idx="1201">
                  <c:v>3315.6347040000001</c:v>
                </c:pt>
                <c:pt idx="1202">
                  <c:v>3317.5635200000002</c:v>
                </c:pt>
                <c:pt idx="1203">
                  <c:v>3319.4923359999998</c:v>
                </c:pt>
                <c:pt idx="1204">
                  <c:v>3321.4211519999999</c:v>
                </c:pt>
                <c:pt idx="1205">
                  <c:v>3323.349968</c:v>
                </c:pt>
                <c:pt idx="1206">
                  <c:v>3325.2787840000001</c:v>
                </c:pt>
                <c:pt idx="1207">
                  <c:v>3327.2076000000002</c:v>
                </c:pt>
                <c:pt idx="1208">
                  <c:v>3329.1364159999998</c:v>
                </c:pt>
                <c:pt idx="1209">
                  <c:v>3331.0652319999999</c:v>
                </c:pt>
                <c:pt idx="1210">
                  <c:v>3332.994048</c:v>
                </c:pt>
                <c:pt idx="1211">
                  <c:v>3334.9228640000001</c:v>
                </c:pt>
                <c:pt idx="1212">
                  <c:v>3336.8516800000002</c:v>
                </c:pt>
                <c:pt idx="1213">
                  <c:v>3338.7804959999999</c:v>
                </c:pt>
                <c:pt idx="1214">
                  <c:v>3340.709312</c:v>
                </c:pt>
                <c:pt idx="1215">
                  <c:v>3342.6381280000001</c:v>
                </c:pt>
                <c:pt idx="1216">
                  <c:v>3344.5669440000001</c:v>
                </c:pt>
                <c:pt idx="1217">
                  <c:v>3346.4957599999998</c:v>
                </c:pt>
                <c:pt idx="1218">
                  <c:v>3348.4245759999999</c:v>
                </c:pt>
                <c:pt idx="1219">
                  <c:v>3350.353392</c:v>
                </c:pt>
                <c:pt idx="1220">
                  <c:v>3352.2822080000001</c:v>
                </c:pt>
                <c:pt idx="1221">
                  <c:v>3354.2110240000002</c:v>
                </c:pt>
                <c:pt idx="1222">
                  <c:v>3356.1398399999998</c:v>
                </c:pt>
                <c:pt idx="1223">
                  <c:v>3358.0686559999999</c:v>
                </c:pt>
                <c:pt idx="1224">
                  <c:v>3359.997472</c:v>
                </c:pt>
                <c:pt idx="1225">
                  <c:v>3361.9262880000001</c:v>
                </c:pt>
                <c:pt idx="1226">
                  <c:v>3363.8551040000002</c:v>
                </c:pt>
                <c:pt idx="1227">
                  <c:v>3365.7839199999999</c:v>
                </c:pt>
                <c:pt idx="1228">
                  <c:v>3367.7127359999999</c:v>
                </c:pt>
                <c:pt idx="1229">
                  <c:v>3369.641552</c:v>
                </c:pt>
                <c:pt idx="1230">
                  <c:v>3371.5703680000001</c:v>
                </c:pt>
                <c:pt idx="1231">
                  <c:v>3373.4991839999998</c:v>
                </c:pt>
                <c:pt idx="1232">
                  <c:v>3375.4279999999999</c:v>
                </c:pt>
                <c:pt idx="1233">
                  <c:v>3377.356816</c:v>
                </c:pt>
                <c:pt idx="1234">
                  <c:v>3379.2856320000001</c:v>
                </c:pt>
                <c:pt idx="1235">
                  <c:v>3381.2144480000002</c:v>
                </c:pt>
                <c:pt idx="1236">
                  <c:v>3383.1432639999998</c:v>
                </c:pt>
                <c:pt idx="1237">
                  <c:v>3385.0720799999999</c:v>
                </c:pt>
                <c:pt idx="1238">
                  <c:v>3387.000896</c:v>
                </c:pt>
                <c:pt idx="1239">
                  <c:v>3388.9297120000001</c:v>
                </c:pt>
                <c:pt idx="1240">
                  <c:v>3390.8585280000002</c:v>
                </c:pt>
                <c:pt idx="1241">
                  <c:v>3392.7873439999998</c:v>
                </c:pt>
                <c:pt idx="1242">
                  <c:v>3394.7161599999999</c:v>
                </c:pt>
                <c:pt idx="1243">
                  <c:v>3396.644976</c:v>
                </c:pt>
                <c:pt idx="1244">
                  <c:v>3398.5737920000001</c:v>
                </c:pt>
                <c:pt idx="1245">
                  <c:v>3400.5026079999998</c:v>
                </c:pt>
                <c:pt idx="1246">
                  <c:v>3402.4314239999999</c:v>
                </c:pt>
                <c:pt idx="1247">
                  <c:v>3404.36024</c:v>
                </c:pt>
                <c:pt idx="1248">
                  <c:v>3406.2890560000001</c:v>
                </c:pt>
                <c:pt idx="1249">
                  <c:v>3408.2178720000002</c:v>
                </c:pt>
                <c:pt idx="1250">
                  <c:v>3410.1466879999998</c:v>
                </c:pt>
                <c:pt idx="1251">
                  <c:v>3412.0755039999999</c:v>
                </c:pt>
                <c:pt idx="1252">
                  <c:v>3414.00432</c:v>
                </c:pt>
                <c:pt idx="1253">
                  <c:v>3415.9331360000001</c:v>
                </c:pt>
                <c:pt idx="1254">
                  <c:v>3417.8619520000002</c:v>
                </c:pt>
                <c:pt idx="1255">
                  <c:v>3419.7907679999998</c:v>
                </c:pt>
                <c:pt idx="1256">
                  <c:v>3421.7195839999999</c:v>
                </c:pt>
                <c:pt idx="1257">
                  <c:v>3423.6484</c:v>
                </c:pt>
                <c:pt idx="1258">
                  <c:v>3425.5772160000001</c:v>
                </c:pt>
                <c:pt idx="1259">
                  <c:v>3427.5060319999998</c:v>
                </c:pt>
                <c:pt idx="1260">
                  <c:v>3429.4348479999999</c:v>
                </c:pt>
                <c:pt idx="1261">
                  <c:v>3431.363664</c:v>
                </c:pt>
                <c:pt idx="1262">
                  <c:v>3433.2924800000001</c:v>
                </c:pt>
                <c:pt idx="1263">
                  <c:v>3435.2212960000002</c:v>
                </c:pt>
                <c:pt idx="1264">
                  <c:v>3437.1501119999998</c:v>
                </c:pt>
                <c:pt idx="1265">
                  <c:v>3439.0789279999999</c:v>
                </c:pt>
                <c:pt idx="1266">
                  <c:v>3441.007744</c:v>
                </c:pt>
                <c:pt idx="1267">
                  <c:v>3442.9365600000001</c:v>
                </c:pt>
                <c:pt idx="1268">
                  <c:v>3444.8653760000002</c:v>
                </c:pt>
                <c:pt idx="1269">
                  <c:v>3446.7941919999998</c:v>
                </c:pt>
                <c:pt idx="1270">
                  <c:v>3448.7230079999999</c:v>
                </c:pt>
                <c:pt idx="1271">
                  <c:v>3450.651824</c:v>
                </c:pt>
                <c:pt idx="1272">
                  <c:v>3452.5806400000001</c:v>
                </c:pt>
                <c:pt idx="1273">
                  <c:v>3454.5094559999998</c:v>
                </c:pt>
                <c:pt idx="1274">
                  <c:v>3456.4382719999999</c:v>
                </c:pt>
                <c:pt idx="1275">
                  <c:v>3458.367088</c:v>
                </c:pt>
                <c:pt idx="1276">
                  <c:v>3460.2959040000001</c:v>
                </c:pt>
                <c:pt idx="1277">
                  <c:v>3462.2247200000002</c:v>
                </c:pt>
                <c:pt idx="1278">
                  <c:v>3464.1535359999998</c:v>
                </c:pt>
                <c:pt idx="1279">
                  <c:v>3466.0823519999999</c:v>
                </c:pt>
                <c:pt idx="1280">
                  <c:v>3468.011168</c:v>
                </c:pt>
                <c:pt idx="1281">
                  <c:v>3469.9399840000001</c:v>
                </c:pt>
                <c:pt idx="1282">
                  <c:v>3471.8688000000002</c:v>
                </c:pt>
                <c:pt idx="1283">
                  <c:v>3473.7976159999998</c:v>
                </c:pt>
                <c:pt idx="1284">
                  <c:v>3475.7264319999999</c:v>
                </c:pt>
                <c:pt idx="1285">
                  <c:v>3477.655248</c:v>
                </c:pt>
                <c:pt idx="1286">
                  <c:v>3479.5840640000001</c:v>
                </c:pt>
                <c:pt idx="1287">
                  <c:v>3481.5128800000002</c:v>
                </c:pt>
                <c:pt idx="1288">
                  <c:v>3483.4416959999999</c:v>
                </c:pt>
                <c:pt idx="1289">
                  <c:v>3485.370512</c:v>
                </c:pt>
                <c:pt idx="1290">
                  <c:v>3487.2993280000001</c:v>
                </c:pt>
                <c:pt idx="1291">
                  <c:v>3489.2281440000002</c:v>
                </c:pt>
                <c:pt idx="1292">
                  <c:v>3491.1569599999998</c:v>
                </c:pt>
                <c:pt idx="1293">
                  <c:v>3493.0857759999999</c:v>
                </c:pt>
                <c:pt idx="1294">
                  <c:v>3495.014592</c:v>
                </c:pt>
                <c:pt idx="1295">
                  <c:v>3496.9434080000001</c:v>
                </c:pt>
                <c:pt idx="1296">
                  <c:v>3498.8722240000002</c:v>
                </c:pt>
                <c:pt idx="1297">
                  <c:v>3500.8010399999998</c:v>
                </c:pt>
                <c:pt idx="1298">
                  <c:v>3502.7298559999999</c:v>
                </c:pt>
                <c:pt idx="1299">
                  <c:v>3504.658672</c:v>
                </c:pt>
                <c:pt idx="1300">
                  <c:v>3506.5874880000001</c:v>
                </c:pt>
                <c:pt idx="1301">
                  <c:v>3508.5163040000002</c:v>
                </c:pt>
                <c:pt idx="1302">
                  <c:v>3510.4451199999999</c:v>
                </c:pt>
                <c:pt idx="1303">
                  <c:v>3512.373936</c:v>
                </c:pt>
                <c:pt idx="1304">
                  <c:v>3514.3027520000001</c:v>
                </c:pt>
                <c:pt idx="1305">
                  <c:v>3516.2315680000002</c:v>
                </c:pt>
                <c:pt idx="1306">
                  <c:v>3518.1603839999998</c:v>
                </c:pt>
                <c:pt idx="1307">
                  <c:v>3520.0891999999999</c:v>
                </c:pt>
                <c:pt idx="1308">
                  <c:v>3522.018016</c:v>
                </c:pt>
                <c:pt idx="1309">
                  <c:v>3523.9468320000001</c:v>
                </c:pt>
                <c:pt idx="1310">
                  <c:v>3525.8756480000002</c:v>
                </c:pt>
                <c:pt idx="1311">
                  <c:v>3527.8044639999998</c:v>
                </c:pt>
                <c:pt idx="1312">
                  <c:v>3529.7332799999999</c:v>
                </c:pt>
                <c:pt idx="1313">
                  <c:v>3531.662096</c:v>
                </c:pt>
                <c:pt idx="1314">
                  <c:v>3533.5909120000001</c:v>
                </c:pt>
                <c:pt idx="1315">
                  <c:v>3535.5197280000002</c:v>
                </c:pt>
                <c:pt idx="1316">
                  <c:v>3537.4485439999999</c:v>
                </c:pt>
                <c:pt idx="1317">
                  <c:v>3539.37736</c:v>
                </c:pt>
                <c:pt idx="1318">
                  <c:v>3541.3061760000001</c:v>
                </c:pt>
                <c:pt idx="1319">
                  <c:v>3543.2349920000001</c:v>
                </c:pt>
                <c:pt idx="1320">
                  <c:v>3545.1638079999998</c:v>
                </c:pt>
                <c:pt idx="1321">
                  <c:v>3547.0926239999999</c:v>
                </c:pt>
                <c:pt idx="1322">
                  <c:v>3549.02144</c:v>
                </c:pt>
                <c:pt idx="1323">
                  <c:v>3550.9502560000001</c:v>
                </c:pt>
                <c:pt idx="1324">
                  <c:v>3552.8790720000002</c:v>
                </c:pt>
                <c:pt idx="1325">
                  <c:v>3554.8078879999998</c:v>
                </c:pt>
                <c:pt idx="1326">
                  <c:v>3556.7367039999999</c:v>
                </c:pt>
                <c:pt idx="1327">
                  <c:v>3558.66552</c:v>
                </c:pt>
                <c:pt idx="1328">
                  <c:v>3560.5943360000001</c:v>
                </c:pt>
                <c:pt idx="1329">
                  <c:v>3562.5231520000002</c:v>
                </c:pt>
                <c:pt idx="1330">
                  <c:v>3564.4519679999999</c:v>
                </c:pt>
                <c:pt idx="1331">
                  <c:v>3566.3807839999999</c:v>
                </c:pt>
                <c:pt idx="1332">
                  <c:v>3568.3096</c:v>
                </c:pt>
                <c:pt idx="1333">
                  <c:v>3570.2384160000001</c:v>
                </c:pt>
                <c:pt idx="1334">
                  <c:v>3572.1672319999998</c:v>
                </c:pt>
                <c:pt idx="1335">
                  <c:v>3574.0960479999999</c:v>
                </c:pt>
                <c:pt idx="1336">
                  <c:v>3576.024864</c:v>
                </c:pt>
                <c:pt idx="1337">
                  <c:v>3577.9536800000001</c:v>
                </c:pt>
                <c:pt idx="1338">
                  <c:v>3579.8824960000002</c:v>
                </c:pt>
                <c:pt idx="1339">
                  <c:v>3581.8113119999998</c:v>
                </c:pt>
                <c:pt idx="1340">
                  <c:v>3583.7401279999999</c:v>
                </c:pt>
                <c:pt idx="1341">
                  <c:v>3585.668944</c:v>
                </c:pt>
                <c:pt idx="1342">
                  <c:v>3587.5977600000001</c:v>
                </c:pt>
                <c:pt idx="1343">
                  <c:v>3589.5265760000002</c:v>
                </c:pt>
                <c:pt idx="1344">
                  <c:v>3591.4553919999998</c:v>
                </c:pt>
                <c:pt idx="1345">
                  <c:v>3593.3842079999999</c:v>
                </c:pt>
                <c:pt idx="1346">
                  <c:v>3595.313024</c:v>
                </c:pt>
                <c:pt idx="1347">
                  <c:v>3597.2418400000001</c:v>
                </c:pt>
                <c:pt idx="1348">
                  <c:v>3599.1706559999998</c:v>
                </c:pt>
                <c:pt idx="1349">
                  <c:v>3601.0994719999999</c:v>
                </c:pt>
                <c:pt idx="1350">
                  <c:v>3603.028288</c:v>
                </c:pt>
                <c:pt idx="1351">
                  <c:v>3604.9571040000001</c:v>
                </c:pt>
                <c:pt idx="1352">
                  <c:v>3606.8859200000002</c:v>
                </c:pt>
                <c:pt idx="1353">
                  <c:v>3608.8147359999998</c:v>
                </c:pt>
                <c:pt idx="1354">
                  <c:v>3610.7435519999999</c:v>
                </c:pt>
                <c:pt idx="1355">
                  <c:v>3612.672368</c:v>
                </c:pt>
                <c:pt idx="1356">
                  <c:v>3614.6011840000001</c:v>
                </c:pt>
                <c:pt idx="1357">
                  <c:v>3616.53</c:v>
                </c:pt>
                <c:pt idx="1358">
                  <c:v>3618.4588159999998</c:v>
                </c:pt>
                <c:pt idx="1359">
                  <c:v>3620.3876319999999</c:v>
                </c:pt>
                <c:pt idx="1360">
                  <c:v>3622.316448</c:v>
                </c:pt>
                <c:pt idx="1361">
                  <c:v>3624.2452640000001</c:v>
                </c:pt>
                <c:pt idx="1362">
                  <c:v>3626.1740799999998</c:v>
                </c:pt>
                <c:pt idx="1363">
                  <c:v>3628.1028959999999</c:v>
                </c:pt>
                <c:pt idx="1364">
                  <c:v>3630.031712</c:v>
                </c:pt>
                <c:pt idx="1365">
                  <c:v>3631.9605280000001</c:v>
                </c:pt>
                <c:pt idx="1366">
                  <c:v>3633.8893440000002</c:v>
                </c:pt>
                <c:pt idx="1367">
                  <c:v>3635.8181599999998</c:v>
                </c:pt>
                <c:pt idx="1368">
                  <c:v>3637.7469759999999</c:v>
                </c:pt>
                <c:pt idx="1369">
                  <c:v>3639.675792</c:v>
                </c:pt>
                <c:pt idx="1370">
                  <c:v>3641.6046080000001</c:v>
                </c:pt>
                <c:pt idx="1371">
                  <c:v>3643.5334240000002</c:v>
                </c:pt>
                <c:pt idx="1372">
                  <c:v>3645.4622399999998</c:v>
                </c:pt>
                <c:pt idx="1373">
                  <c:v>3647.3910559999999</c:v>
                </c:pt>
                <c:pt idx="1374">
                  <c:v>3649.319872</c:v>
                </c:pt>
                <c:pt idx="1375">
                  <c:v>3651.2486880000001</c:v>
                </c:pt>
                <c:pt idx="1376">
                  <c:v>3653.1775040000002</c:v>
                </c:pt>
                <c:pt idx="1377">
                  <c:v>3655.1063199999999</c:v>
                </c:pt>
                <c:pt idx="1378">
                  <c:v>3657.035136</c:v>
                </c:pt>
                <c:pt idx="1379">
                  <c:v>3658.9639520000001</c:v>
                </c:pt>
                <c:pt idx="1380">
                  <c:v>3660.8927680000002</c:v>
                </c:pt>
                <c:pt idx="1381">
                  <c:v>3662.8215839999998</c:v>
                </c:pt>
                <c:pt idx="1382">
                  <c:v>3664.7503999999999</c:v>
                </c:pt>
                <c:pt idx="1383">
                  <c:v>3666.679216</c:v>
                </c:pt>
                <c:pt idx="1384">
                  <c:v>3668.6080320000001</c:v>
                </c:pt>
                <c:pt idx="1385">
                  <c:v>3670.5368480000002</c:v>
                </c:pt>
                <c:pt idx="1386">
                  <c:v>3672.4656639999998</c:v>
                </c:pt>
                <c:pt idx="1387">
                  <c:v>3674.3944799999999</c:v>
                </c:pt>
                <c:pt idx="1388">
                  <c:v>3676.323296</c:v>
                </c:pt>
                <c:pt idx="1389">
                  <c:v>3678.2521120000001</c:v>
                </c:pt>
                <c:pt idx="1390">
                  <c:v>3680.1809280000002</c:v>
                </c:pt>
                <c:pt idx="1391">
                  <c:v>3682.1097439999999</c:v>
                </c:pt>
                <c:pt idx="1392">
                  <c:v>3684.03856</c:v>
                </c:pt>
                <c:pt idx="1393">
                  <c:v>3685.9673760000001</c:v>
                </c:pt>
                <c:pt idx="1394">
                  <c:v>3687.8961920000002</c:v>
                </c:pt>
                <c:pt idx="1395">
                  <c:v>3689.8250079999998</c:v>
                </c:pt>
                <c:pt idx="1396">
                  <c:v>3691.7538239999999</c:v>
                </c:pt>
                <c:pt idx="1397">
                  <c:v>3693.68264</c:v>
                </c:pt>
                <c:pt idx="1398">
                  <c:v>3695.6114560000001</c:v>
                </c:pt>
                <c:pt idx="1399">
                  <c:v>3697.5402720000002</c:v>
                </c:pt>
                <c:pt idx="1400">
                  <c:v>3699.4690879999998</c:v>
                </c:pt>
                <c:pt idx="1401">
                  <c:v>3701.3979039999999</c:v>
                </c:pt>
                <c:pt idx="1402">
                  <c:v>3703.32672</c:v>
                </c:pt>
                <c:pt idx="1403">
                  <c:v>3705.2555360000001</c:v>
                </c:pt>
                <c:pt idx="1404">
                  <c:v>3707.1843520000002</c:v>
                </c:pt>
                <c:pt idx="1405">
                  <c:v>3709.1131679999999</c:v>
                </c:pt>
                <c:pt idx="1406">
                  <c:v>3711.041984</c:v>
                </c:pt>
                <c:pt idx="1407">
                  <c:v>3712.9708000000001</c:v>
                </c:pt>
                <c:pt idx="1408">
                  <c:v>3714.8996160000002</c:v>
                </c:pt>
                <c:pt idx="1409">
                  <c:v>3716.8284319999998</c:v>
                </c:pt>
                <c:pt idx="1410">
                  <c:v>3718.7572479999999</c:v>
                </c:pt>
                <c:pt idx="1411">
                  <c:v>3720.686064</c:v>
                </c:pt>
                <c:pt idx="1412">
                  <c:v>3722.6148800000001</c:v>
                </c:pt>
                <c:pt idx="1413">
                  <c:v>3724.5436960000002</c:v>
                </c:pt>
                <c:pt idx="1414">
                  <c:v>3726.4725119999998</c:v>
                </c:pt>
                <c:pt idx="1415">
                  <c:v>3728.4013279999999</c:v>
                </c:pt>
                <c:pt idx="1416">
                  <c:v>3730.330144</c:v>
                </c:pt>
                <c:pt idx="1417">
                  <c:v>3732.2589600000001</c:v>
                </c:pt>
                <c:pt idx="1418">
                  <c:v>3734.1877760000002</c:v>
                </c:pt>
                <c:pt idx="1419">
                  <c:v>3736.1165919999999</c:v>
                </c:pt>
                <c:pt idx="1420">
                  <c:v>3738.045408</c:v>
                </c:pt>
                <c:pt idx="1421">
                  <c:v>3739.974224</c:v>
                </c:pt>
                <c:pt idx="1422">
                  <c:v>3741.9030400000001</c:v>
                </c:pt>
                <c:pt idx="1423">
                  <c:v>3743.8318559999998</c:v>
                </c:pt>
                <c:pt idx="1424">
                  <c:v>3745.7606719999999</c:v>
                </c:pt>
                <c:pt idx="1425">
                  <c:v>3747.689488</c:v>
                </c:pt>
                <c:pt idx="1426">
                  <c:v>3749.6183040000001</c:v>
                </c:pt>
                <c:pt idx="1427">
                  <c:v>3751.5471200000002</c:v>
                </c:pt>
                <c:pt idx="1428">
                  <c:v>3753.4759359999998</c:v>
                </c:pt>
                <c:pt idx="1429">
                  <c:v>3755.4047519999999</c:v>
                </c:pt>
                <c:pt idx="1430">
                  <c:v>3757.333568</c:v>
                </c:pt>
                <c:pt idx="1431">
                  <c:v>3759.2623840000001</c:v>
                </c:pt>
                <c:pt idx="1432">
                  <c:v>3761.1912000000002</c:v>
                </c:pt>
                <c:pt idx="1433">
                  <c:v>3763.1200159999999</c:v>
                </c:pt>
                <c:pt idx="1434">
                  <c:v>3765.0488319999999</c:v>
                </c:pt>
                <c:pt idx="1435">
                  <c:v>3766.977648</c:v>
                </c:pt>
                <c:pt idx="1436">
                  <c:v>3768.9064640000001</c:v>
                </c:pt>
                <c:pt idx="1437">
                  <c:v>3770.8352799999998</c:v>
                </c:pt>
                <c:pt idx="1438">
                  <c:v>3772.7640959999999</c:v>
                </c:pt>
                <c:pt idx="1439">
                  <c:v>3774.692912</c:v>
                </c:pt>
                <c:pt idx="1440">
                  <c:v>3776.6217280000001</c:v>
                </c:pt>
                <c:pt idx="1441">
                  <c:v>3778.5505440000002</c:v>
                </c:pt>
                <c:pt idx="1442">
                  <c:v>3780.4793599999998</c:v>
                </c:pt>
                <c:pt idx="1443">
                  <c:v>3782.4081759999999</c:v>
                </c:pt>
                <c:pt idx="1444">
                  <c:v>3784.336992</c:v>
                </c:pt>
                <c:pt idx="1445">
                  <c:v>3786.2658080000001</c:v>
                </c:pt>
                <c:pt idx="1446">
                  <c:v>3788.1946240000002</c:v>
                </c:pt>
                <c:pt idx="1447">
                  <c:v>3790.1234399999998</c:v>
                </c:pt>
                <c:pt idx="1448">
                  <c:v>3792.0522559999999</c:v>
                </c:pt>
                <c:pt idx="1449">
                  <c:v>3793.981072</c:v>
                </c:pt>
                <c:pt idx="1450">
                  <c:v>3795.9098880000001</c:v>
                </c:pt>
                <c:pt idx="1451">
                  <c:v>3797.8387039999998</c:v>
                </c:pt>
                <c:pt idx="1452">
                  <c:v>3799.7675199999999</c:v>
                </c:pt>
                <c:pt idx="1453">
                  <c:v>3801.696336</c:v>
                </c:pt>
                <c:pt idx="1454">
                  <c:v>3803.6251520000001</c:v>
                </c:pt>
                <c:pt idx="1455">
                  <c:v>3805.5539680000002</c:v>
                </c:pt>
                <c:pt idx="1456">
                  <c:v>3807.4827839999998</c:v>
                </c:pt>
                <c:pt idx="1457">
                  <c:v>3809.4115999999999</c:v>
                </c:pt>
                <c:pt idx="1458">
                  <c:v>3811.340416</c:v>
                </c:pt>
                <c:pt idx="1459">
                  <c:v>3813.2692320000001</c:v>
                </c:pt>
                <c:pt idx="1460">
                  <c:v>3815.1980480000002</c:v>
                </c:pt>
                <c:pt idx="1461">
                  <c:v>3817.1268639999998</c:v>
                </c:pt>
                <c:pt idx="1462">
                  <c:v>3819.0556799999999</c:v>
                </c:pt>
                <c:pt idx="1463">
                  <c:v>3820.984496</c:v>
                </c:pt>
                <c:pt idx="1464">
                  <c:v>3822.9133120000001</c:v>
                </c:pt>
                <c:pt idx="1465">
                  <c:v>3824.8421279999998</c:v>
                </c:pt>
                <c:pt idx="1466">
                  <c:v>3826.7709439999999</c:v>
                </c:pt>
                <c:pt idx="1467">
                  <c:v>3828.69976</c:v>
                </c:pt>
                <c:pt idx="1468">
                  <c:v>3830.6285760000001</c:v>
                </c:pt>
                <c:pt idx="1469">
                  <c:v>3832.5573920000002</c:v>
                </c:pt>
                <c:pt idx="1470">
                  <c:v>3834.4862079999998</c:v>
                </c:pt>
                <c:pt idx="1471">
                  <c:v>3836.4150239999999</c:v>
                </c:pt>
                <c:pt idx="1472">
                  <c:v>3838.34384</c:v>
                </c:pt>
                <c:pt idx="1473">
                  <c:v>3840.2726560000001</c:v>
                </c:pt>
                <c:pt idx="1474">
                  <c:v>3842.2014720000002</c:v>
                </c:pt>
                <c:pt idx="1475">
                  <c:v>3844.1302879999998</c:v>
                </c:pt>
                <c:pt idx="1476">
                  <c:v>3846.0591039999999</c:v>
                </c:pt>
                <c:pt idx="1477">
                  <c:v>3847.98792</c:v>
                </c:pt>
                <c:pt idx="1478">
                  <c:v>3849.9167360000001</c:v>
                </c:pt>
                <c:pt idx="1479">
                  <c:v>3851.8455520000002</c:v>
                </c:pt>
                <c:pt idx="1480">
                  <c:v>3853.7743679999999</c:v>
                </c:pt>
                <c:pt idx="1481">
                  <c:v>3855.703184</c:v>
                </c:pt>
                <c:pt idx="1482">
                  <c:v>3857.6320000000001</c:v>
                </c:pt>
                <c:pt idx="1483">
                  <c:v>3859.5608160000002</c:v>
                </c:pt>
                <c:pt idx="1484">
                  <c:v>3861.4896319999998</c:v>
                </c:pt>
                <c:pt idx="1485">
                  <c:v>3863.4184479999999</c:v>
                </c:pt>
                <c:pt idx="1486">
                  <c:v>3865.347264</c:v>
                </c:pt>
                <c:pt idx="1487">
                  <c:v>3867.2760800000001</c:v>
                </c:pt>
                <c:pt idx="1488">
                  <c:v>3869.2048960000002</c:v>
                </c:pt>
                <c:pt idx="1489">
                  <c:v>3871.1337119999998</c:v>
                </c:pt>
                <c:pt idx="1490">
                  <c:v>3873.0625279999999</c:v>
                </c:pt>
                <c:pt idx="1491">
                  <c:v>3874.991344</c:v>
                </c:pt>
                <c:pt idx="1492">
                  <c:v>3876.9201600000001</c:v>
                </c:pt>
                <c:pt idx="1493">
                  <c:v>3878.8489760000002</c:v>
                </c:pt>
                <c:pt idx="1494">
                  <c:v>3880.7777919999999</c:v>
                </c:pt>
                <c:pt idx="1495">
                  <c:v>3882.706608</c:v>
                </c:pt>
                <c:pt idx="1496">
                  <c:v>3884.6354240000001</c:v>
                </c:pt>
                <c:pt idx="1497">
                  <c:v>3886.5642400000002</c:v>
                </c:pt>
                <c:pt idx="1498">
                  <c:v>3888.4930559999998</c:v>
                </c:pt>
                <c:pt idx="1499">
                  <c:v>3890.4218719999999</c:v>
                </c:pt>
                <c:pt idx="1500">
                  <c:v>3892.350688</c:v>
                </c:pt>
                <c:pt idx="1501">
                  <c:v>3894.2795040000001</c:v>
                </c:pt>
                <c:pt idx="1502">
                  <c:v>3896.2083200000002</c:v>
                </c:pt>
                <c:pt idx="1503">
                  <c:v>3898.1371359999998</c:v>
                </c:pt>
                <c:pt idx="1504">
                  <c:v>3900.0659519999999</c:v>
                </c:pt>
                <c:pt idx="1505">
                  <c:v>3901.994768</c:v>
                </c:pt>
                <c:pt idx="1506">
                  <c:v>3903.9235840000001</c:v>
                </c:pt>
                <c:pt idx="1507">
                  <c:v>3905.8524000000002</c:v>
                </c:pt>
                <c:pt idx="1508">
                  <c:v>3907.7812159999999</c:v>
                </c:pt>
                <c:pt idx="1509">
                  <c:v>3909.710032</c:v>
                </c:pt>
                <c:pt idx="1510">
                  <c:v>3911.6388480000001</c:v>
                </c:pt>
                <c:pt idx="1511">
                  <c:v>3913.5676640000001</c:v>
                </c:pt>
                <c:pt idx="1512">
                  <c:v>3915.4964799999998</c:v>
                </c:pt>
                <c:pt idx="1513">
                  <c:v>3917.4252959999999</c:v>
                </c:pt>
                <c:pt idx="1514">
                  <c:v>3919.354112</c:v>
                </c:pt>
                <c:pt idx="1515">
                  <c:v>3921.2829280000001</c:v>
                </c:pt>
                <c:pt idx="1516">
                  <c:v>3923.2117440000002</c:v>
                </c:pt>
                <c:pt idx="1517">
                  <c:v>3925.1405599999998</c:v>
                </c:pt>
                <c:pt idx="1518">
                  <c:v>3927.0693759999999</c:v>
                </c:pt>
                <c:pt idx="1519">
                  <c:v>3928.998192</c:v>
                </c:pt>
                <c:pt idx="1520">
                  <c:v>3930.9270080000001</c:v>
                </c:pt>
                <c:pt idx="1521">
                  <c:v>3932.8558240000002</c:v>
                </c:pt>
                <c:pt idx="1522">
                  <c:v>3934.7846399999999</c:v>
                </c:pt>
                <c:pt idx="1523">
                  <c:v>3936.713456</c:v>
                </c:pt>
                <c:pt idx="1524">
                  <c:v>3938.642272</c:v>
                </c:pt>
                <c:pt idx="1525">
                  <c:v>3940.5710880000001</c:v>
                </c:pt>
                <c:pt idx="1526">
                  <c:v>3942.4999039999998</c:v>
                </c:pt>
                <c:pt idx="1527">
                  <c:v>3944.4287199999999</c:v>
                </c:pt>
                <c:pt idx="1528">
                  <c:v>3946.357536</c:v>
                </c:pt>
                <c:pt idx="1529">
                  <c:v>3948.2863520000001</c:v>
                </c:pt>
                <c:pt idx="1530">
                  <c:v>3950.2151680000002</c:v>
                </c:pt>
                <c:pt idx="1531">
                  <c:v>3952.1439839999998</c:v>
                </c:pt>
                <c:pt idx="1532">
                  <c:v>3954.0727999999999</c:v>
                </c:pt>
                <c:pt idx="1533">
                  <c:v>3956.001616</c:v>
                </c:pt>
                <c:pt idx="1534">
                  <c:v>3957.9304320000001</c:v>
                </c:pt>
                <c:pt idx="1535">
                  <c:v>3959.8592480000002</c:v>
                </c:pt>
                <c:pt idx="1536">
                  <c:v>3961.7880639999998</c:v>
                </c:pt>
                <c:pt idx="1537">
                  <c:v>3963.7168799999999</c:v>
                </c:pt>
                <c:pt idx="1538">
                  <c:v>3965.645696</c:v>
                </c:pt>
                <c:pt idx="1539">
                  <c:v>3967.5745120000001</c:v>
                </c:pt>
                <c:pt idx="1540">
                  <c:v>3969.5033279999998</c:v>
                </c:pt>
                <c:pt idx="1541">
                  <c:v>3971.4321439999999</c:v>
                </c:pt>
                <c:pt idx="1542">
                  <c:v>3973.36096</c:v>
                </c:pt>
                <c:pt idx="1543">
                  <c:v>3975.2897760000001</c:v>
                </c:pt>
                <c:pt idx="1544">
                  <c:v>3977.2185920000002</c:v>
                </c:pt>
                <c:pt idx="1545">
                  <c:v>3979.1474079999998</c:v>
                </c:pt>
                <c:pt idx="1546">
                  <c:v>3981.0762239999999</c:v>
                </c:pt>
                <c:pt idx="1547">
                  <c:v>3983.00504</c:v>
                </c:pt>
                <c:pt idx="1548">
                  <c:v>3984.9338560000001</c:v>
                </c:pt>
                <c:pt idx="1549">
                  <c:v>3986.8626720000002</c:v>
                </c:pt>
                <c:pt idx="1550">
                  <c:v>3988.7914879999998</c:v>
                </c:pt>
                <c:pt idx="1551">
                  <c:v>3990.7203039999999</c:v>
                </c:pt>
                <c:pt idx="1552">
                  <c:v>3992.64912</c:v>
                </c:pt>
                <c:pt idx="1553">
                  <c:v>3994.5779360000001</c:v>
                </c:pt>
                <c:pt idx="1554">
                  <c:v>3996.5067519999998</c:v>
                </c:pt>
                <c:pt idx="1555">
                  <c:v>3998.4355679999999</c:v>
                </c:pt>
                <c:pt idx="1556">
                  <c:v>4000.364384</c:v>
                </c:pt>
              </c:numCache>
            </c:numRef>
          </c:xVal>
          <c:yVal>
            <c:numRef>
              <c:f>'Fig 2 a'!$C$11:$C$1567</c:f>
              <c:numCache>
                <c:formatCode>General</c:formatCode>
                <c:ptCount val="1557"/>
                <c:pt idx="0">
                  <c:v>111.799741</c:v>
                </c:pt>
                <c:pt idx="1">
                  <c:v>110.611051</c:v>
                </c:pt>
                <c:pt idx="2">
                  <c:v>109.24005200000001</c:v>
                </c:pt>
                <c:pt idx="3">
                  <c:v>107.691598</c:v>
                </c:pt>
                <c:pt idx="4">
                  <c:v>105.94776899999999</c:v>
                </c:pt>
                <c:pt idx="5">
                  <c:v>103.931299</c:v>
                </c:pt>
                <c:pt idx="6">
                  <c:v>101.646584</c:v>
                </c:pt>
                <c:pt idx="7">
                  <c:v>99.179558999999998</c:v>
                </c:pt>
                <c:pt idx="8">
                  <c:v>96.613167000000004</c:v>
                </c:pt>
                <c:pt idx="9">
                  <c:v>93.886039999999994</c:v>
                </c:pt>
                <c:pt idx="10">
                  <c:v>91.090789999999998</c:v>
                </c:pt>
                <c:pt idx="11">
                  <c:v>88.231690999999998</c:v>
                </c:pt>
                <c:pt idx="12">
                  <c:v>85.430385999999999</c:v>
                </c:pt>
                <c:pt idx="13">
                  <c:v>82.706963999999999</c:v>
                </c:pt>
                <c:pt idx="14">
                  <c:v>80.151588000000004</c:v>
                </c:pt>
                <c:pt idx="15">
                  <c:v>77.691068000000001</c:v>
                </c:pt>
                <c:pt idx="16">
                  <c:v>75.387400999999997</c:v>
                </c:pt>
                <c:pt idx="17">
                  <c:v>73.227800000000002</c:v>
                </c:pt>
                <c:pt idx="18">
                  <c:v>71.336808000000005</c:v>
                </c:pt>
                <c:pt idx="19">
                  <c:v>69.577639000000005</c:v>
                </c:pt>
                <c:pt idx="20">
                  <c:v>67.998058999999998</c:v>
                </c:pt>
                <c:pt idx="21">
                  <c:v>66.574118999999996</c:v>
                </c:pt>
                <c:pt idx="22">
                  <c:v>65.381197</c:v>
                </c:pt>
                <c:pt idx="23">
                  <c:v>64.253996000000001</c:v>
                </c:pt>
                <c:pt idx="24">
                  <c:v>63.354092999999999</c:v>
                </c:pt>
                <c:pt idx="25">
                  <c:v>62.504275</c:v>
                </c:pt>
                <c:pt idx="26">
                  <c:v>61.809659000000003</c:v>
                </c:pt>
                <c:pt idx="27">
                  <c:v>61.210056000000002</c:v>
                </c:pt>
                <c:pt idx="28">
                  <c:v>60.814898999999997</c:v>
                </c:pt>
                <c:pt idx="29">
                  <c:v>60.418188000000001</c:v>
                </c:pt>
                <c:pt idx="30">
                  <c:v>60.105285000000002</c:v>
                </c:pt>
                <c:pt idx="31">
                  <c:v>59.928722999999998</c:v>
                </c:pt>
                <c:pt idx="32">
                  <c:v>60.027856</c:v>
                </c:pt>
                <c:pt idx="33">
                  <c:v>60.119954999999997</c:v>
                </c:pt>
                <c:pt idx="34">
                  <c:v>60.360593999999999</c:v>
                </c:pt>
                <c:pt idx="35">
                  <c:v>60.627850000000002</c:v>
                </c:pt>
                <c:pt idx="36">
                  <c:v>61.029249</c:v>
                </c:pt>
                <c:pt idx="37">
                  <c:v>61.372607000000002</c:v>
                </c:pt>
                <c:pt idx="38">
                  <c:v>61.924951</c:v>
                </c:pt>
                <c:pt idx="39">
                  <c:v>62.635519000000002</c:v>
                </c:pt>
                <c:pt idx="40">
                  <c:v>63.430284999999998</c:v>
                </c:pt>
                <c:pt idx="41">
                  <c:v>64.232093000000006</c:v>
                </c:pt>
                <c:pt idx="42">
                  <c:v>65.234781999999996</c:v>
                </c:pt>
                <c:pt idx="43">
                  <c:v>66.187394999999995</c:v>
                </c:pt>
                <c:pt idx="44">
                  <c:v>67.217685000000003</c:v>
                </c:pt>
                <c:pt idx="45">
                  <c:v>68.260120000000001</c:v>
                </c:pt>
                <c:pt idx="46">
                  <c:v>69.498260000000002</c:v>
                </c:pt>
                <c:pt idx="47">
                  <c:v>70.778812000000002</c:v>
                </c:pt>
                <c:pt idx="48">
                  <c:v>72.250392000000005</c:v>
                </c:pt>
                <c:pt idx="49">
                  <c:v>73.785212999999999</c:v>
                </c:pt>
                <c:pt idx="50">
                  <c:v>75.362367000000006</c:v>
                </c:pt>
                <c:pt idx="51">
                  <c:v>76.866330000000005</c:v>
                </c:pt>
                <c:pt idx="52">
                  <c:v>78.466575000000006</c:v>
                </c:pt>
                <c:pt idx="53">
                  <c:v>80.018240000000006</c:v>
                </c:pt>
                <c:pt idx="54">
                  <c:v>81.688339999999997</c:v>
                </c:pt>
                <c:pt idx="55">
                  <c:v>83.262683999999993</c:v>
                </c:pt>
                <c:pt idx="56">
                  <c:v>84.838280999999995</c:v>
                </c:pt>
                <c:pt idx="57">
                  <c:v>86.235699999999994</c:v>
                </c:pt>
                <c:pt idx="58">
                  <c:v>87.545450000000002</c:v>
                </c:pt>
                <c:pt idx="59">
                  <c:v>88.746696999999998</c:v>
                </c:pt>
                <c:pt idx="60">
                  <c:v>89.819300999999996</c:v>
                </c:pt>
                <c:pt idx="61">
                  <c:v>90.726686999999998</c:v>
                </c:pt>
                <c:pt idx="62">
                  <c:v>91.551203000000001</c:v>
                </c:pt>
                <c:pt idx="63">
                  <c:v>92.141654000000003</c:v>
                </c:pt>
                <c:pt idx="64">
                  <c:v>92.704325999999995</c:v>
                </c:pt>
                <c:pt idx="65">
                  <c:v>93.043783000000005</c:v>
                </c:pt>
                <c:pt idx="66">
                  <c:v>93.427993999999998</c:v>
                </c:pt>
                <c:pt idx="67">
                  <c:v>93.870189999999994</c:v>
                </c:pt>
                <c:pt idx="68">
                  <c:v>94.230800000000002</c:v>
                </c:pt>
                <c:pt idx="69">
                  <c:v>94.532407000000006</c:v>
                </c:pt>
                <c:pt idx="70">
                  <c:v>94.828412999999998</c:v>
                </c:pt>
                <c:pt idx="71">
                  <c:v>95.085105999999996</c:v>
                </c:pt>
                <c:pt idx="72">
                  <c:v>95.377713999999997</c:v>
                </c:pt>
                <c:pt idx="73">
                  <c:v>95.571258999999998</c:v>
                </c:pt>
                <c:pt idx="74">
                  <c:v>95.824822999999995</c:v>
                </c:pt>
                <c:pt idx="75">
                  <c:v>96.065945999999997</c:v>
                </c:pt>
                <c:pt idx="76">
                  <c:v>96.312072000000001</c:v>
                </c:pt>
                <c:pt idx="77">
                  <c:v>96.508750000000006</c:v>
                </c:pt>
                <c:pt idx="78">
                  <c:v>96.798412999999996</c:v>
                </c:pt>
                <c:pt idx="79">
                  <c:v>96.988707000000005</c:v>
                </c:pt>
                <c:pt idx="80">
                  <c:v>97.170067000000003</c:v>
                </c:pt>
                <c:pt idx="81">
                  <c:v>97.365617999999998</c:v>
                </c:pt>
                <c:pt idx="82">
                  <c:v>97.651589999999999</c:v>
                </c:pt>
                <c:pt idx="83">
                  <c:v>97.786777000000001</c:v>
                </c:pt>
                <c:pt idx="84">
                  <c:v>97.888953000000001</c:v>
                </c:pt>
                <c:pt idx="85">
                  <c:v>98.136341000000002</c:v>
                </c:pt>
                <c:pt idx="86">
                  <c:v>98.444755000000001</c:v>
                </c:pt>
                <c:pt idx="87">
                  <c:v>98.662797999999995</c:v>
                </c:pt>
                <c:pt idx="88">
                  <c:v>98.824256000000005</c:v>
                </c:pt>
                <c:pt idx="89">
                  <c:v>98.966133999999997</c:v>
                </c:pt>
                <c:pt idx="90">
                  <c:v>99.166422999999995</c:v>
                </c:pt>
                <c:pt idx="91">
                  <c:v>99.353353999999996</c:v>
                </c:pt>
                <c:pt idx="92">
                  <c:v>99.645212999999998</c:v>
                </c:pt>
                <c:pt idx="93">
                  <c:v>99.860898000000006</c:v>
                </c:pt>
                <c:pt idx="94">
                  <c:v>100.059251</c:v>
                </c:pt>
                <c:pt idx="95">
                  <c:v>100.20415300000001</c:v>
                </c:pt>
                <c:pt idx="96">
                  <c:v>100.429997</c:v>
                </c:pt>
                <c:pt idx="97">
                  <c:v>100.581937</c:v>
                </c:pt>
                <c:pt idx="98">
                  <c:v>100.805801</c:v>
                </c:pt>
                <c:pt idx="99">
                  <c:v>101.062297</c:v>
                </c:pt>
                <c:pt idx="100">
                  <c:v>101.287357</c:v>
                </c:pt>
                <c:pt idx="101">
                  <c:v>101.471799</c:v>
                </c:pt>
                <c:pt idx="102">
                  <c:v>101.69007999999999</c:v>
                </c:pt>
                <c:pt idx="103">
                  <c:v>101.853994</c:v>
                </c:pt>
                <c:pt idx="104">
                  <c:v>102.04367999999999</c:v>
                </c:pt>
                <c:pt idx="105">
                  <c:v>102.23920200000001</c:v>
                </c:pt>
                <c:pt idx="106">
                  <c:v>102.466424</c:v>
                </c:pt>
                <c:pt idx="107">
                  <c:v>102.73026299999999</c:v>
                </c:pt>
                <c:pt idx="108">
                  <c:v>102.948239</c:v>
                </c:pt>
                <c:pt idx="109">
                  <c:v>103.152918</c:v>
                </c:pt>
                <c:pt idx="110">
                  <c:v>103.41934000000001</c:v>
                </c:pt>
                <c:pt idx="111">
                  <c:v>103.59272199999999</c:v>
                </c:pt>
                <c:pt idx="112">
                  <c:v>103.778589</c:v>
                </c:pt>
                <c:pt idx="113">
                  <c:v>104.10314700000001</c:v>
                </c:pt>
                <c:pt idx="114">
                  <c:v>104.42181100000001</c:v>
                </c:pt>
                <c:pt idx="115">
                  <c:v>104.58462400000001</c:v>
                </c:pt>
                <c:pt idx="116">
                  <c:v>104.82181199999999</c:v>
                </c:pt>
                <c:pt idx="117">
                  <c:v>105.063812</c:v>
                </c:pt>
                <c:pt idx="118">
                  <c:v>105.373721</c:v>
                </c:pt>
                <c:pt idx="119">
                  <c:v>105.691975</c:v>
                </c:pt>
                <c:pt idx="120">
                  <c:v>106.020034</c:v>
                </c:pt>
                <c:pt idx="121">
                  <c:v>106.445497</c:v>
                </c:pt>
                <c:pt idx="122">
                  <c:v>106.880977</c:v>
                </c:pt>
                <c:pt idx="123">
                  <c:v>107.278552</c:v>
                </c:pt>
                <c:pt idx="124">
                  <c:v>107.65351699999999</c:v>
                </c:pt>
                <c:pt idx="125">
                  <c:v>108.119671</c:v>
                </c:pt>
                <c:pt idx="126">
                  <c:v>108.64029600000001</c:v>
                </c:pt>
                <c:pt idx="127">
                  <c:v>109.16229199999999</c:v>
                </c:pt>
                <c:pt idx="128">
                  <c:v>109.79317899999999</c:v>
                </c:pt>
                <c:pt idx="129">
                  <c:v>110.400732</c:v>
                </c:pt>
                <c:pt idx="130">
                  <c:v>111.04586999999999</c:v>
                </c:pt>
                <c:pt idx="131">
                  <c:v>111.71952899999999</c:v>
                </c:pt>
                <c:pt idx="132">
                  <c:v>112.417072</c:v>
                </c:pt>
                <c:pt idx="133">
                  <c:v>113.172652</c:v>
                </c:pt>
                <c:pt idx="134">
                  <c:v>113.916518</c:v>
                </c:pt>
                <c:pt idx="135">
                  <c:v>114.612015</c:v>
                </c:pt>
                <c:pt idx="136">
                  <c:v>115.242864</c:v>
                </c:pt>
                <c:pt idx="137">
                  <c:v>115.82051199999999</c:v>
                </c:pt>
                <c:pt idx="138">
                  <c:v>116.364283</c:v>
                </c:pt>
                <c:pt idx="139">
                  <c:v>116.850798</c:v>
                </c:pt>
                <c:pt idx="140">
                  <c:v>117.232124</c:v>
                </c:pt>
                <c:pt idx="141">
                  <c:v>117.50641400000001</c:v>
                </c:pt>
                <c:pt idx="142">
                  <c:v>117.791257</c:v>
                </c:pt>
                <c:pt idx="143">
                  <c:v>118.04354499999999</c:v>
                </c:pt>
                <c:pt idx="144">
                  <c:v>118.278942</c:v>
                </c:pt>
                <c:pt idx="145">
                  <c:v>118.480181</c:v>
                </c:pt>
                <c:pt idx="146">
                  <c:v>118.58008100000001</c:v>
                </c:pt>
                <c:pt idx="147">
                  <c:v>118.690713</c:v>
                </c:pt>
                <c:pt idx="148">
                  <c:v>118.823019</c:v>
                </c:pt>
                <c:pt idx="149">
                  <c:v>118.965321</c:v>
                </c:pt>
                <c:pt idx="150">
                  <c:v>119.011719</c:v>
                </c:pt>
                <c:pt idx="151">
                  <c:v>119.061376</c:v>
                </c:pt>
                <c:pt idx="152">
                  <c:v>119.15952900000001</c:v>
                </c:pt>
                <c:pt idx="153">
                  <c:v>119.27256800000001</c:v>
                </c:pt>
                <c:pt idx="154">
                  <c:v>119.31441</c:v>
                </c:pt>
                <c:pt idx="155">
                  <c:v>119.374516</c:v>
                </c:pt>
                <c:pt idx="156">
                  <c:v>119.41731799999999</c:v>
                </c:pt>
                <c:pt idx="157">
                  <c:v>119.437352</c:v>
                </c:pt>
                <c:pt idx="158">
                  <c:v>119.48742900000001</c:v>
                </c:pt>
                <c:pt idx="159">
                  <c:v>119.528829</c:v>
                </c:pt>
                <c:pt idx="160">
                  <c:v>119.55068900000001</c:v>
                </c:pt>
                <c:pt idx="161">
                  <c:v>119.584892</c:v>
                </c:pt>
                <c:pt idx="162">
                  <c:v>119.572737</c:v>
                </c:pt>
                <c:pt idx="163">
                  <c:v>119.57346099999999</c:v>
                </c:pt>
                <c:pt idx="164">
                  <c:v>119.604876</c:v>
                </c:pt>
                <c:pt idx="165">
                  <c:v>119.649659</c:v>
                </c:pt>
                <c:pt idx="166">
                  <c:v>119.670721</c:v>
                </c:pt>
                <c:pt idx="167">
                  <c:v>119.64782</c:v>
                </c:pt>
                <c:pt idx="168">
                  <c:v>119.62311099999999</c:v>
                </c:pt>
                <c:pt idx="169">
                  <c:v>119.657538</c:v>
                </c:pt>
                <c:pt idx="170">
                  <c:v>119.701493</c:v>
                </c:pt>
                <c:pt idx="171">
                  <c:v>119.699203</c:v>
                </c:pt>
                <c:pt idx="172">
                  <c:v>119.654113</c:v>
                </c:pt>
                <c:pt idx="173">
                  <c:v>119.657882</c:v>
                </c:pt>
                <c:pt idx="174">
                  <c:v>119.710596</c:v>
                </c:pt>
                <c:pt idx="175">
                  <c:v>119.70907699999999</c:v>
                </c:pt>
                <c:pt idx="176">
                  <c:v>119.66075600000001</c:v>
                </c:pt>
                <c:pt idx="177">
                  <c:v>119.645027</c:v>
                </c:pt>
                <c:pt idx="178">
                  <c:v>119.661438</c:v>
                </c:pt>
                <c:pt idx="179">
                  <c:v>119.693324</c:v>
                </c:pt>
                <c:pt idx="180">
                  <c:v>119.70083700000001</c:v>
                </c:pt>
                <c:pt idx="181">
                  <c:v>119.707854</c:v>
                </c:pt>
                <c:pt idx="182">
                  <c:v>119.714433</c:v>
                </c:pt>
                <c:pt idx="183">
                  <c:v>119.740996</c:v>
                </c:pt>
                <c:pt idx="184">
                  <c:v>119.731996</c:v>
                </c:pt>
                <c:pt idx="185">
                  <c:v>119.67743900000001</c:v>
                </c:pt>
                <c:pt idx="186">
                  <c:v>119.663805</c:v>
                </c:pt>
                <c:pt idx="187">
                  <c:v>119.700202</c:v>
                </c:pt>
                <c:pt idx="188">
                  <c:v>119.675827</c:v>
                </c:pt>
                <c:pt idx="189">
                  <c:v>119.64685299999999</c:v>
                </c:pt>
                <c:pt idx="190">
                  <c:v>119.665789</c:v>
                </c:pt>
                <c:pt idx="191">
                  <c:v>119.663544</c:v>
                </c:pt>
                <c:pt idx="192">
                  <c:v>119.664388</c:v>
                </c:pt>
                <c:pt idx="193">
                  <c:v>119.71028699999999</c:v>
                </c:pt>
                <c:pt idx="194">
                  <c:v>119.674553</c:v>
                </c:pt>
                <c:pt idx="195">
                  <c:v>119.589285</c:v>
                </c:pt>
                <c:pt idx="196">
                  <c:v>119.610737</c:v>
                </c:pt>
                <c:pt idx="197">
                  <c:v>119.647262</c:v>
                </c:pt>
                <c:pt idx="198">
                  <c:v>119.630144</c:v>
                </c:pt>
                <c:pt idx="199">
                  <c:v>119.566351</c:v>
                </c:pt>
                <c:pt idx="200">
                  <c:v>119.57086</c:v>
                </c:pt>
                <c:pt idx="201">
                  <c:v>119.57543200000001</c:v>
                </c:pt>
                <c:pt idx="202">
                  <c:v>119.548337</c:v>
                </c:pt>
                <c:pt idx="203">
                  <c:v>119.54746299999999</c:v>
                </c:pt>
                <c:pt idx="204">
                  <c:v>119.547393</c:v>
                </c:pt>
                <c:pt idx="205">
                  <c:v>119.557602</c:v>
                </c:pt>
                <c:pt idx="206">
                  <c:v>119.53918400000001</c:v>
                </c:pt>
                <c:pt idx="207">
                  <c:v>119.46868600000001</c:v>
                </c:pt>
                <c:pt idx="208">
                  <c:v>119.421407</c:v>
                </c:pt>
                <c:pt idx="209">
                  <c:v>119.418262</c:v>
                </c:pt>
                <c:pt idx="210">
                  <c:v>119.416489</c:v>
                </c:pt>
                <c:pt idx="211">
                  <c:v>119.400577</c:v>
                </c:pt>
                <c:pt idx="212">
                  <c:v>119.42403</c:v>
                </c:pt>
                <c:pt idx="213">
                  <c:v>119.43686099999999</c:v>
                </c:pt>
                <c:pt idx="214">
                  <c:v>119.386252</c:v>
                </c:pt>
                <c:pt idx="215">
                  <c:v>119.366675</c:v>
                </c:pt>
                <c:pt idx="216">
                  <c:v>119.39627400000001</c:v>
                </c:pt>
                <c:pt idx="217">
                  <c:v>119.388589</c:v>
                </c:pt>
                <c:pt idx="218">
                  <c:v>119.23085399999999</c:v>
                </c:pt>
                <c:pt idx="219">
                  <c:v>119.22223</c:v>
                </c:pt>
                <c:pt idx="220">
                  <c:v>119.238384</c:v>
                </c:pt>
                <c:pt idx="221">
                  <c:v>119.256066</c:v>
                </c:pt>
                <c:pt idx="222">
                  <c:v>119.252174</c:v>
                </c:pt>
                <c:pt idx="223">
                  <c:v>119.210865</c:v>
                </c:pt>
                <c:pt idx="224">
                  <c:v>119.23973100000001</c:v>
                </c:pt>
                <c:pt idx="225">
                  <c:v>119.25513599999999</c:v>
                </c:pt>
                <c:pt idx="226">
                  <c:v>119.195753</c:v>
                </c:pt>
                <c:pt idx="227">
                  <c:v>119.10622100000001</c:v>
                </c:pt>
                <c:pt idx="228">
                  <c:v>119.11929000000001</c:v>
                </c:pt>
                <c:pt idx="229">
                  <c:v>119.13472899999999</c:v>
                </c:pt>
                <c:pt idx="230">
                  <c:v>119.115028</c:v>
                </c:pt>
                <c:pt idx="231">
                  <c:v>119.142644</c:v>
                </c:pt>
                <c:pt idx="232">
                  <c:v>119.12160799999999</c:v>
                </c:pt>
                <c:pt idx="233">
                  <c:v>119.020303</c:v>
                </c:pt>
                <c:pt idx="234">
                  <c:v>119.025997</c:v>
                </c:pt>
                <c:pt idx="235">
                  <c:v>119.07342300000001</c:v>
                </c:pt>
                <c:pt idx="236">
                  <c:v>119.083905</c:v>
                </c:pt>
                <c:pt idx="237">
                  <c:v>118.95712</c:v>
                </c:pt>
                <c:pt idx="238">
                  <c:v>118.80587</c:v>
                </c:pt>
                <c:pt idx="239">
                  <c:v>118.87998</c:v>
                </c:pt>
                <c:pt idx="240">
                  <c:v>118.92279000000001</c:v>
                </c:pt>
                <c:pt idx="241">
                  <c:v>118.883724</c:v>
                </c:pt>
                <c:pt idx="242">
                  <c:v>118.85891100000001</c:v>
                </c:pt>
                <c:pt idx="243">
                  <c:v>118.866623</c:v>
                </c:pt>
                <c:pt idx="244">
                  <c:v>118.848283</c:v>
                </c:pt>
                <c:pt idx="245">
                  <c:v>118.78537300000001</c:v>
                </c:pt>
                <c:pt idx="246">
                  <c:v>118.6917</c:v>
                </c:pt>
                <c:pt idx="247">
                  <c:v>118.687929</c:v>
                </c:pt>
                <c:pt idx="248">
                  <c:v>118.705071</c:v>
                </c:pt>
                <c:pt idx="249">
                  <c:v>118.786224</c:v>
                </c:pt>
                <c:pt idx="250">
                  <c:v>118.766927</c:v>
                </c:pt>
                <c:pt idx="251">
                  <c:v>118.70966199999999</c:v>
                </c:pt>
                <c:pt idx="252">
                  <c:v>118.737369</c:v>
                </c:pt>
                <c:pt idx="253">
                  <c:v>118.739513</c:v>
                </c:pt>
                <c:pt idx="254">
                  <c:v>118.61777600000001</c:v>
                </c:pt>
                <c:pt idx="255">
                  <c:v>118.572351</c:v>
                </c:pt>
                <c:pt idx="256">
                  <c:v>118.68928200000001</c:v>
                </c:pt>
                <c:pt idx="257">
                  <c:v>118.673231</c:v>
                </c:pt>
                <c:pt idx="258">
                  <c:v>118.518636</c:v>
                </c:pt>
                <c:pt idx="259">
                  <c:v>118.525228</c:v>
                </c:pt>
                <c:pt idx="260">
                  <c:v>118.593491</c:v>
                </c:pt>
                <c:pt idx="261">
                  <c:v>118.630723</c:v>
                </c:pt>
                <c:pt idx="262">
                  <c:v>118.614424</c:v>
                </c:pt>
                <c:pt idx="263">
                  <c:v>118.36866999999999</c:v>
                </c:pt>
                <c:pt idx="264">
                  <c:v>118.265551</c:v>
                </c:pt>
                <c:pt idx="265">
                  <c:v>118.441294</c:v>
                </c:pt>
                <c:pt idx="266">
                  <c:v>118.50355399999999</c:v>
                </c:pt>
                <c:pt idx="267">
                  <c:v>118.506359</c:v>
                </c:pt>
                <c:pt idx="268">
                  <c:v>118.406126</c:v>
                </c:pt>
                <c:pt idx="269">
                  <c:v>118.41039000000001</c:v>
                </c:pt>
                <c:pt idx="270">
                  <c:v>118.483943</c:v>
                </c:pt>
                <c:pt idx="271">
                  <c:v>118.292823</c:v>
                </c:pt>
                <c:pt idx="272">
                  <c:v>118.239549</c:v>
                </c:pt>
                <c:pt idx="273">
                  <c:v>118.277602</c:v>
                </c:pt>
                <c:pt idx="274">
                  <c:v>118.346611</c:v>
                </c:pt>
                <c:pt idx="275">
                  <c:v>118.40688</c:v>
                </c:pt>
                <c:pt idx="276">
                  <c:v>118.40792</c:v>
                </c:pt>
                <c:pt idx="277">
                  <c:v>118.283672</c:v>
                </c:pt>
                <c:pt idx="278">
                  <c:v>118.287133</c:v>
                </c:pt>
                <c:pt idx="279">
                  <c:v>118.304666</c:v>
                </c:pt>
                <c:pt idx="280">
                  <c:v>118.169391</c:v>
                </c:pt>
                <c:pt idx="281">
                  <c:v>118.111097</c:v>
                </c:pt>
                <c:pt idx="282">
                  <c:v>118.228275</c:v>
                </c:pt>
                <c:pt idx="283">
                  <c:v>118.237503</c:v>
                </c:pt>
                <c:pt idx="284">
                  <c:v>118.278347</c:v>
                </c:pt>
                <c:pt idx="285">
                  <c:v>118.281014</c:v>
                </c:pt>
                <c:pt idx="286">
                  <c:v>118.22439199999999</c:v>
                </c:pt>
                <c:pt idx="287">
                  <c:v>118.20989</c:v>
                </c:pt>
                <c:pt idx="288">
                  <c:v>118.150395</c:v>
                </c:pt>
                <c:pt idx="289">
                  <c:v>118.19254599999999</c:v>
                </c:pt>
                <c:pt idx="290">
                  <c:v>117.990287</c:v>
                </c:pt>
                <c:pt idx="291">
                  <c:v>117.922505</c:v>
                </c:pt>
                <c:pt idx="292">
                  <c:v>118.12543700000001</c:v>
                </c:pt>
                <c:pt idx="293">
                  <c:v>118.140809</c:v>
                </c:pt>
                <c:pt idx="294">
                  <c:v>118.084035</c:v>
                </c:pt>
                <c:pt idx="295">
                  <c:v>118.04494699999999</c:v>
                </c:pt>
                <c:pt idx="296">
                  <c:v>117.98555899999999</c:v>
                </c:pt>
                <c:pt idx="297">
                  <c:v>118.095625</c:v>
                </c:pt>
                <c:pt idx="298">
                  <c:v>118.129268</c:v>
                </c:pt>
                <c:pt idx="299">
                  <c:v>118.010498</c:v>
                </c:pt>
                <c:pt idx="300">
                  <c:v>117.924492</c:v>
                </c:pt>
                <c:pt idx="301">
                  <c:v>118.004239</c:v>
                </c:pt>
                <c:pt idx="302">
                  <c:v>117.984568</c:v>
                </c:pt>
                <c:pt idx="303">
                  <c:v>117.964097</c:v>
                </c:pt>
                <c:pt idx="304">
                  <c:v>117.924786</c:v>
                </c:pt>
                <c:pt idx="305">
                  <c:v>117.91123</c:v>
                </c:pt>
                <c:pt idx="306">
                  <c:v>117.90976499999999</c:v>
                </c:pt>
                <c:pt idx="307">
                  <c:v>117.885504</c:v>
                </c:pt>
                <c:pt idx="308">
                  <c:v>117.839578</c:v>
                </c:pt>
                <c:pt idx="309">
                  <c:v>117.774772</c:v>
                </c:pt>
                <c:pt idx="310">
                  <c:v>117.735552</c:v>
                </c:pt>
                <c:pt idx="311">
                  <c:v>117.749776</c:v>
                </c:pt>
                <c:pt idx="312">
                  <c:v>117.71978</c:v>
                </c:pt>
                <c:pt idx="313">
                  <c:v>117.672287</c:v>
                </c:pt>
                <c:pt idx="314">
                  <c:v>117.624206</c:v>
                </c:pt>
                <c:pt idx="315">
                  <c:v>117.555249</c:v>
                </c:pt>
                <c:pt idx="316">
                  <c:v>117.491916</c:v>
                </c:pt>
                <c:pt idx="317">
                  <c:v>117.471405</c:v>
                </c:pt>
                <c:pt idx="318">
                  <c:v>117.457583</c:v>
                </c:pt>
                <c:pt idx="319">
                  <c:v>117.404878</c:v>
                </c:pt>
                <c:pt idx="320">
                  <c:v>117.222576</c:v>
                </c:pt>
                <c:pt idx="321">
                  <c:v>117.14501</c:v>
                </c:pt>
                <c:pt idx="322">
                  <c:v>117.203957</c:v>
                </c:pt>
                <c:pt idx="323">
                  <c:v>117.180915</c:v>
                </c:pt>
                <c:pt idx="324">
                  <c:v>117.13568100000001</c:v>
                </c:pt>
                <c:pt idx="325">
                  <c:v>117.137182</c:v>
                </c:pt>
                <c:pt idx="326">
                  <c:v>117.093102</c:v>
                </c:pt>
                <c:pt idx="327">
                  <c:v>117.124056</c:v>
                </c:pt>
                <c:pt idx="328">
                  <c:v>117.18039</c:v>
                </c:pt>
                <c:pt idx="329">
                  <c:v>117.203095</c:v>
                </c:pt>
                <c:pt idx="330">
                  <c:v>117.114408</c:v>
                </c:pt>
                <c:pt idx="331">
                  <c:v>117.019159</c:v>
                </c:pt>
                <c:pt idx="332">
                  <c:v>117.06363399999999</c:v>
                </c:pt>
                <c:pt idx="333">
                  <c:v>117.07138399999999</c:v>
                </c:pt>
                <c:pt idx="334">
                  <c:v>117.08333</c:v>
                </c:pt>
                <c:pt idx="335">
                  <c:v>117.060377</c:v>
                </c:pt>
                <c:pt idx="336">
                  <c:v>116.85266799999999</c:v>
                </c:pt>
                <c:pt idx="337">
                  <c:v>116.987818</c:v>
                </c:pt>
                <c:pt idx="338">
                  <c:v>117.105738</c:v>
                </c:pt>
                <c:pt idx="339">
                  <c:v>116.806792</c:v>
                </c:pt>
                <c:pt idx="340">
                  <c:v>116.851342</c:v>
                </c:pt>
                <c:pt idx="341">
                  <c:v>117.048723</c:v>
                </c:pt>
                <c:pt idx="342">
                  <c:v>117.054794</c:v>
                </c:pt>
                <c:pt idx="343">
                  <c:v>116.96862900000001</c:v>
                </c:pt>
                <c:pt idx="344">
                  <c:v>116.882873</c:v>
                </c:pt>
                <c:pt idx="345">
                  <c:v>116.96538099999999</c:v>
                </c:pt>
                <c:pt idx="346">
                  <c:v>117.023032</c:v>
                </c:pt>
                <c:pt idx="347">
                  <c:v>116.948716</c:v>
                </c:pt>
                <c:pt idx="348">
                  <c:v>116.897852</c:v>
                </c:pt>
                <c:pt idx="349">
                  <c:v>116.976517</c:v>
                </c:pt>
                <c:pt idx="350">
                  <c:v>116.930089</c:v>
                </c:pt>
                <c:pt idx="351">
                  <c:v>116.861086</c:v>
                </c:pt>
                <c:pt idx="352">
                  <c:v>116.896912</c:v>
                </c:pt>
                <c:pt idx="353">
                  <c:v>116.889802</c:v>
                </c:pt>
                <c:pt idx="354">
                  <c:v>116.913044</c:v>
                </c:pt>
                <c:pt idx="355">
                  <c:v>116.62365200000001</c:v>
                </c:pt>
                <c:pt idx="356">
                  <c:v>116.59789600000001</c:v>
                </c:pt>
                <c:pt idx="357">
                  <c:v>116.851321</c:v>
                </c:pt>
                <c:pt idx="358">
                  <c:v>116.91691</c:v>
                </c:pt>
                <c:pt idx="359">
                  <c:v>116.85781799999999</c:v>
                </c:pt>
                <c:pt idx="360">
                  <c:v>116.783295</c:v>
                </c:pt>
                <c:pt idx="361">
                  <c:v>116.65890899999999</c:v>
                </c:pt>
                <c:pt idx="362">
                  <c:v>116.753829</c:v>
                </c:pt>
                <c:pt idx="363">
                  <c:v>116.66562399999999</c:v>
                </c:pt>
                <c:pt idx="364">
                  <c:v>116.34596500000001</c:v>
                </c:pt>
                <c:pt idx="365">
                  <c:v>116.530534</c:v>
                </c:pt>
                <c:pt idx="366">
                  <c:v>116.57907899999999</c:v>
                </c:pt>
                <c:pt idx="367">
                  <c:v>116.608108</c:v>
                </c:pt>
                <c:pt idx="368">
                  <c:v>116.616496</c:v>
                </c:pt>
                <c:pt idx="369">
                  <c:v>116.597825</c:v>
                </c:pt>
                <c:pt idx="370">
                  <c:v>116.674685</c:v>
                </c:pt>
                <c:pt idx="371">
                  <c:v>116.76794599999999</c:v>
                </c:pt>
                <c:pt idx="372">
                  <c:v>116.738327</c:v>
                </c:pt>
                <c:pt idx="373">
                  <c:v>116.591127</c:v>
                </c:pt>
                <c:pt idx="374">
                  <c:v>116.636278</c:v>
                </c:pt>
                <c:pt idx="375">
                  <c:v>116.633143</c:v>
                </c:pt>
                <c:pt idx="376">
                  <c:v>116.55493800000001</c:v>
                </c:pt>
                <c:pt idx="377">
                  <c:v>116.577422</c:v>
                </c:pt>
                <c:pt idx="378">
                  <c:v>116.59778300000001</c:v>
                </c:pt>
                <c:pt idx="379">
                  <c:v>116.58512399999999</c:v>
                </c:pt>
                <c:pt idx="380">
                  <c:v>116.49645200000001</c:v>
                </c:pt>
                <c:pt idx="381">
                  <c:v>116.24935000000001</c:v>
                </c:pt>
                <c:pt idx="382">
                  <c:v>116.3479</c:v>
                </c:pt>
                <c:pt idx="383">
                  <c:v>116.46911299999999</c:v>
                </c:pt>
                <c:pt idx="384">
                  <c:v>116.422934</c:v>
                </c:pt>
                <c:pt idx="385">
                  <c:v>116.45599199999999</c:v>
                </c:pt>
                <c:pt idx="386">
                  <c:v>116.44690300000001</c:v>
                </c:pt>
                <c:pt idx="387">
                  <c:v>116.46707600000001</c:v>
                </c:pt>
                <c:pt idx="388">
                  <c:v>116.48646100000001</c:v>
                </c:pt>
                <c:pt idx="389">
                  <c:v>116.446816</c:v>
                </c:pt>
                <c:pt idx="390">
                  <c:v>116.363787</c:v>
                </c:pt>
                <c:pt idx="391">
                  <c:v>116.37769299999999</c:v>
                </c:pt>
                <c:pt idx="392">
                  <c:v>116.362256</c:v>
                </c:pt>
                <c:pt idx="393">
                  <c:v>116.292856</c:v>
                </c:pt>
                <c:pt idx="394">
                  <c:v>116.23288700000001</c:v>
                </c:pt>
                <c:pt idx="395">
                  <c:v>116.130128</c:v>
                </c:pt>
                <c:pt idx="396">
                  <c:v>116.05869</c:v>
                </c:pt>
                <c:pt idx="397">
                  <c:v>116.164905</c:v>
                </c:pt>
                <c:pt idx="398">
                  <c:v>116.188238</c:v>
                </c:pt>
                <c:pt idx="399">
                  <c:v>116.176096</c:v>
                </c:pt>
                <c:pt idx="400">
                  <c:v>116.187251</c:v>
                </c:pt>
                <c:pt idx="401">
                  <c:v>116.14649799999999</c:v>
                </c:pt>
                <c:pt idx="402">
                  <c:v>116.19985800000001</c:v>
                </c:pt>
                <c:pt idx="403">
                  <c:v>116.17929100000001</c:v>
                </c:pt>
                <c:pt idx="404">
                  <c:v>116.18003400000001</c:v>
                </c:pt>
                <c:pt idx="405">
                  <c:v>116.200945</c:v>
                </c:pt>
                <c:pt idx="406">
                  <c:v>116.179929</c:v>
                </c:pt>
                <c:pt idx="407">
                  <c:v>116.057917</c:v>
                </c:pt>
                <c:pt idx="408">
                  <c:v>116.00073999999999</c:v>
                </c:pt>
                <c:pt idx="409">
                  <c:v>116.08004699999999</c:v>
                </c:pt>
                <c:pt idx="410">
                  <c:v>116.093757</c:v>
                </c:pt>
                <c:pt idx="411">
                  <c:v>115.92988</c:v>
                </c:pt>
                <c:pt idx="412">
                  <c:v>115.86284499999999</c:v>
                </c:pt>
                <c:pt idx="413">
                  <c:v>115.892481</c:v>
                </c:pt>
                <c:pt idx="414">
                  <c:v>115.910944</c:v>
                </c:pt>
                <c:pt idx="415">
                  <c:v>115.909719</c:v>
                </c:pt>
                <c:pt idx="416">
                  <c:v>115.851905</c:v>
                </c:pt>
                <c:pt idx="417">
                  <c:v>115.877561</c:v>
                </c:pt>
                <c:pt idx="418">
                  <c:v>115.813497</c:v>
                </c:pt>
                <c:pt idx="419">
                  <c:v>115.76985500000001</c:v>
                </c:pt>
                <c:pt idx="420">
                  <c:v>115.730791</c:v>
                </c:pt>
                <c:pt idx="421">
                  <c:v>115.720399</c:v>
                </c:pt>
                <c:pt idx="422">
                  <c:v>115.717654</c:v>
                </c:pt>
                <c:pt idx="423">
                  <c:v>115.765342</c:v>
                </c:pt>
                <c:pt idx="424">
                  <c:v>115.713621</c:v>
                </c:pt>
                <c:pt idx="425">
                  <c:v>115.66909800000001</c:v>
                </c:pt>
                <c:pt idx="426">
                  <c:v>115.699648</c:v>
                </c:pt>
                <c:pt idx="427">
                  <c:v>115.775126</c:v>
                </c:pt>
                <c:pt idx="428">
                  <c:v>115.68447500000001</c:v>
                </c:pt>
                <c:pt idx="429">
                  <c:v>115.601839</c:v>
                </c:pt>
                <c:pt idx="430">
                  <c:v>115.60742999999999</c:v>
                </c:pt>
                <c:pt idx="431">
                  <c:v>115.619618</c:v>
                </c:pt>
                <c:pt idx="432">
                  <c:v>115.697273</c:v>
                </c:pt>
                <c:pt idx="433">
                  <c:v>115.745121</c:v>
                </c:pt>
                <c:pt idx="434">
                  <c:v>115.663431</c:v>
                </c:pt>
                <c:pt idx="435">
                  <c:v>115.513865</c:v>
                </c:pt>
                <c:pt idx="436">
                  <c:v>115.43271900000001</c:v>
                </c:pt>
                <c:pt idx="437">
                  <c:v>115.485862</c:v>
                </c:pt>
                <c:pt idx="438">
                  <c:v>115.414912</c:v>
                </c:pt>
                <c:pt idx="439">
                  <c:v>115.29049500000001</c:v>
                </c:pt>
                <c:pt idx="440">
                  <c:v>115.327974</c:v>
                </c:pt>
                <c:pt idx="441">
                  <c:v>115.3591</c:v>
                </c:pt>
                <c:pt idx="442">
                  <c:v>115.401505</c:v>
                </c:pt>
                <c:pt idx="443">
                  <c:v>115.344048</c:v>
                </c:pt>
                <c:pt idx="444">
                  <c:v>115.18565099999999</c:v>
                </c:pt>
                <c:pt idx="445">
                  <c:v>115.20825499999999</c:v>
                </c:pt>
                <c:pt idx="446">
                  <c:v>115.283558</c:v>
                </c:pt>
                <c:pt idx="447">
                  <c:v>115.24359</c:v>
                </c:pt>
                <c:pt idx="448">
                  <c:v>115.160247</c:v>
                </c:pt>
                <c:pt idx="449">
                  <c:v>115.28581699999999</c:v>
                </c:pt>
                <c:pt idx="450">
                  <c:v>115.34371400000001</c:v>
                </c:pt>
                <c:pt idx="451">
                  <c:v>115.298069</c:v>
                </c:pt>
                <c:pt idx="452">
                  <c:v>115.31424</c:v>
                </c:pt>
                <c:pt idx="453">
                  <c:v>115.259507</c:v>
                </c:pt>
                <c:pt idx="454">
                  <c:v>115.156166</c:v>
                </c:pt>
                <c:pt idx="455">
                  <c:v>115.11789899999999</c:v>
                </c:pt>
                <c:pt idx="456">
                  <c:v>115.08023900000001</c:v>
                </c:pt>
                <c:pt idx="457">
                  <c:v>115.123812</c:v>
                </c:pt>
                <c:pt idx="458">
                  <c:v>115.18738999999999</c:v>
                </c:pt>
                <c:pt idx="459">
                  <c:v>115.186441</c:v>
                </c:pt>
                <c:pt idx="460">
                  <c:v>115.114169</c:v>
                </c:pt>
                <c:pt idx="461">
                  <c:v>115.070035</c:v>
                </c:pt>
                <c:pt idx="462">
                  <c:v>114.976433</c:v>
                </c:pt>
                <c:pt idx="463">
                  <c:v>115.082695</c:v>
                </c:pt>
                <c:pt idx="464">
                  <c:v>115.117289</c:v>
                </c:pt>
                <c:pt idx="465">
                  <c:v>114.978843</c:v>
                </c:pt>
                <c:pt idx="466">
                  <c:v>114.89374599999999</c:v>
                </c:pt>
                <c:pt idx="467">
                  <c:v>114.894659</c:v>
                </c:pt>
                <c:pt idx="468">
                  <c:v>114.82522899999999</c:v>
                </c:pt>
                <c:pt idx="469">
                  <c:v>114.868968</c:v>
                </c:pt>
                <c:pt idx="470">
                  <c:v>114.95314</c:v>
                </c:pt>
                <c:pt idx="471">
                  <c:v>114.95995499999999</c:v>
                </c:pt>
                <c:pt idx="472">
                  <c:v>114.987664</c:v>
                </c:pt>
                <c:pt idx="473">
                  <c:v>114.90037100000001</c:v>
                </c:pt>
                <c:pt idx="474">
                  <c:v>114.937984</c:v>
                </c:pt>
                <c:pt idx="475">
                  <c:v>114.946147</c:v>
                </c:pt>
                <c:pt idx="476">
                  <c:v>114.67084800000001</c:v>
                </c:pt>
                <c:pt idx="477">
                  <c:v>114.657284</c:v>
                </c:pt>
                <c:pt idx="478">
                  <c:v>114.65863299999999</c:v>
                </c:pt>
                <c:pt idx="479">
                  <c:v>114.70384300000001</c:v>
                </c:pt>
                <c:pt idx="480">
                  <c:v>114.699135</c:v>
                </c:pt>
                <c:pt idx="481">
                  <c:v>114.624565</c:v>
                </c:pt>
                <c:pt idx="482">
                  <c:v>114.73006100000001</c:v>
                </c:pt>
                <c:pt idx="483">
                  <c:v>114.81419099999999</c:v>
                </c:pt>
                <c:pt idx="484">
                  <c:v>114.714034</c:v>
                </c:pt>
                <c:pt idx="485">
                  <c:v>114.76361</c:v>
                </c:pt>
                <c:pt idx="486">
                  <c:v>114.789407</c:v>
                </c:pt>
                <c:pt idx="487">
                  <c:v>114.747246</c:v>
                </c:pt>
                <c:pt idx="488">
                  <c:v>114.489458</c:v>
                </c:pt>
                <c:pt idx="489">
                  <c:v>114.236869</c:v>
                </c:pt>
                <c:pt idx="490">
                  <c:v>114.258042</c:v>
                </c:pt>
                <c:pt idx="491">
                  <c:v>114.687539</c:v>
                </c:pt>
                <c:pt idx="492">
                  <c:v>115.097812</c:v>
                </c:pt>
                <c:pt idx="493">
                  <c:v>115.110242</c:v>
                </c:pt>
                <c:pt idx="494">
                  <c:v>114.824439</c:v>
                </c:pt>
                <c:pt idx="495">
                  <c:v>114.606414</c:v>
                </c:pt>
                <c:pt idx="496">
                  <c:v>114.483795</c:v>
                </c:pt>
                <c:pt idx="497">
                  <c:v>114.361788</c:v>
                </c:pt>
                <c:pt idx="498">
                  <c:v>114.076325</c:v>
                </c:pt>
                <c:pt idx="499">
                  <c:v>113.99458300000001</c:v>
                </c:pt>
                <c:pt idx="500">
                  <c:v>114.333685</c:v>
                </c:pt>
                <c:pt idx="501">
                  <c:v>114.607685</c:v>
                </c:pt>
                <c:pt idx="502">
                  <c:v>114.133225</c:v>
                </c:pt>
                <c:pt idx="503">
                  <c:v>114.037074</c:v>
                </c:pt>
                <c:pt idx="504">
                  <c:v>114.372714</c:v>
                </c:pt>
                <c:pt idx="505">
                  <c:v>114.33665499999999</c:v>
                </c:pt>
                <c:pt idx="506">
                  <c:v>114.14561</c:v>
                </c:pt>
                <c:pt idx="507">
                  <c:v>114.22401000000001</c:v>
                </c:pt>
                <c:pt idx="508">
                  <c:v>113.88615799999999</c:v>
                </c:pt>
                <c:pt idx="509">
                  <c:v>113.706704</c:v>
                </c:pt>
                <c:pt idx="510">
                  <c:v>113.742667</c:v>
                </c:pt>
                <c:pt idx="511">
                  <c:v>114.00155100000001</c:v>
                </c:pt>
                <c:pt idx="512">
                  <c:v>114.324029</c:v>
                </c:pt>
                <c:pt idx="513">
                  <c:v>114.33665499999999</c:v>
                </c:pt>
                <c:pt idx="514">
                  <c:v>114.406318</c:v>
                </c:pt>
                <c:pt idx="515">
                  <c:v>114.57436800000001</c:v>
                </c:pt>
                <c:pt idx="516">
                  <c:v>114.725719</c:v>
                </c:pt>
                <c:pt idx="517">
                  <c:v>114.43347900000001</c:v>
                </c:pt>
                <c:pt idx="518">
                  <c:v>114.257002</c:v>
                </c:pt>
                <c:pt idx="519">
                  <c:v>114.253401</c:v>
                </c:pt>
                <c:pt idx="520">
                  <c:v>114.314291</c:v>
                </c:pt>
                <c:pt idx="521">
                  <c:v>114.653019</c:v>
                </c:pt>
                <c:pt idx="522">
                  <c:v>114.591464</c:v>
                </c:pt>
                <c:pt idx="523">
                  <c:v>114.439503</c:v>
                </c:pt>
                <c:pt idx="524">
                  <c:v>114.69799</c:v>
                </c:pt>
                <c:pt idx="525">
                  <c:v>114.504465</c:v>
                </c:pt>
                <c:pt idx="526">
                  <c:v>114.34848100000001</c:v>
                </c:pt>
                <c:pt idx="527">
                  <c:v>114.795907</c:v>
                </c:pt>
                <c:pt idx="528">
                  <c:v>114.97268099999999</c:v>
                </c:pt>
                <c:pt idx="529">
                  <c:v>114.758348</c:v>
                </c:pt>
                <c:pt idx="530">
                  <c:v>114.48311699999999</c:v>
                </c:pt>
                <c:pt idx="531">
                  <c:v>114.40919</c:v>
                </c:pt>
                <c:pt idx="532">
                  <c:v>114.56814300000001</c:v>
                </c:pt>
                <c:pt idx="533">
                  <c:v>115.16611399999999</c:v>
                </c:pt>
                <c:pt idx="534">
                  <c:v>115.252551</c:v>
                </c:pt>
                <c:pt idx="535">
                  <c:v>114.636858</c:v>
                </c:pt>
                <c:pt idx="536">
                  <c:v>114.60990700000001</c:v>
                </c:pt>
                <c:pt idx="537">
                  <c:v>114.96607899999999</c:v>
                </c:pt>
                <c:pt idx="538">
                  <c:v>114.805857</c:v>
                </c:pt>
                <c:pt idx="539">
                  <c:v>114.640612</c:v>
                </c:pt>
                <c:pt idx="540">
                  <c:v>114.838955</c:v>
                </c:pt>
                <c:pt idx="541">
                  <c:v>115.516869</c:v>
                </c:pt>
                <c:pt idx="542">
                  <c:v>115.810367</c:v>
                </c:pt>
                <c:pt idx="543">
                  <c:v>115.374707</c:v>
                </c:pt>
                <c:pt idx="544">
                  <c:v>115.187427</c:v>
                </c:pt>
                <c:pt idx="545">
                  <c:v>115.016161</c:v>
                </c:pt>
                <c:pt idx="546">
                  <c:v>114.95827</c:v>
                </c:pt>
                <c:pt idx="547">
                  <c:v>115.384503</c:v>
                </c:pt>
                <c:pt idx="548">
                  <c:v>115.33121300000001</c:v>
                </c:pt>
                <c:pt idx="549">
                  <c:v>115.257687</c:v>
                </c:pt>
                <c:pt idx="550">
                  <c:v>115.375191</c:v>
                </c:pt>
                <c:pt idx="551">
                  <c:v>115.541177</c:v>
                </c:pt>
                <c:pt idx="552">
                  <c:v>115.686868</c:v>
                </c:pt>
                <c:pt idx="553">
                  <c:v>115.32307299999999</c:v>
                </c:pt>
                <c:pt idx="554">
                  <c:v>114.871512</c:v>
                </c:pt>
                <c:pt idx="555">
                  <c:v>115.14370599999999</c:v>
                </c:pt>
                <c:pt idx="556">
                  <c:v>115.51956</c:v>
                </c:pt>
                <c:pt idx="557">
                  <c:v>115.532433</c:v>
                </c:pt>
                <c:pt idx="558">
                  <c:v>115.349637</c:v>
                </c:pt>
                <c:pt idx="559">
                  <c:v>115.222719</c:v>
                </c:pt>
                <c:pt idx="560">
                  <c:v>115.312386</c:v>
                </c:pt>
                <c:pt idx="561">
                  <c:v>115.517122</c:v>
                </c:pt>
                <c:pt idx="562">
                  <c:v>115.517127</c:v>
                </c:pt>
                <c:pt idx="563">
                  <c:v>115.36076799999999</c:v>
                </c:pt>
                <c:pt idx="564">
                  <c:v>115.22030599999999</c:v>
                </c:pt>
                <c:pt idx="565">
                  <c:v>115.23345399999999</c:v>
                </c:pt>
                <c:pt idx="566">
                  <c:v>115.222156</c:v>
                </c:pt>
                <c:pt idx="567">
                  <c:v>115.219453</c:v>
                </c:pt>
                <c:pt idx="568">
                  <c:v>115.350371</c:v>
                </c:pt>
                <c:pt idx="569">
                  <c:v>115.622474</c:v>
                </c:pt>
                <c:pt idx="570">
                  <c:v>115.57300600000001</c:v>
                </c:pt>
                <c:pt idx="571">
                  <c:v>115.183466</c:v>
                </c:pt>
                <c:pt idx="572">
                  <c:v>114.919387</c:v>
                </c:pt>
                <c:pt idx="573">
                  <c:v>115.090998</c:v>
                </c:pt>
                <c:pt idx="574">
                  <c:v>115.201984</c:v>
                </c:pt>
                <c:pt idx="575">
                  <c:v>115.216382</c:v>
                </c:pt>
                <c:pt idx="576">
                  <c:v>115.316158</c:v>
                </c:pt>
                <c:pt idx="577">
                  <c:v>115.37633599999999</c:v>
                </c:pt>
                <c:pt idx="578">
                  <c:v>115.28428599999999</c:v>
                </c:pt>
                <c:pt idx="579">
                  <c:v>115.203767</c:v>
                </c:pt>
                <c:pt idx="580">
                  <c:v>115.313091</c:v>
                </c:pt>
                <c:pt idx="581">
                  <c:v>115.464612</c:v>
                </c:pt>
                <c:pt idx="582">
                  <c:v>115.297614</c:v>
                </c:pt>
                <c:pt idx="583">
                  <c:v>115.321153</c:v>
                </c:pt>
                <c:pt idx="584">
                  <c:v>115.249336</c:v>
                </c:pt>
                <c:pt idx="585">
                  <c:v>115.366922</c:v>
                </c:pt>
                <c:pt idx="586">
                  <c:v>115.41960400000001</c:v>
                </c:pt>
                <c:pt idx="587">
                  <c:v>115.536343</c:v>
                </c:pt>
                <c:pt idx="588">
                  <c:v>115.55997000000001</c:v>
                </c:pt>
                <c:pt idx="589">
                  <c:v>115.614912</c:v>
                </c:pt>
                <c:pt idx="590">
                  <c:v>115.64421299999999</c:v>
                </c:pt>
                <c:pt idx="591">
                  <c:v>115.855204</c:v>
                </c:pt>
                <c:pt idx="592">
                  <c:v>115.84987099999999</c:v>
                </c:pt>
                <c:pt idx="593">
                  <c:v>115.49594999999999</c:v>
                </c:pt>
                <c:pt idx="594">
                  <c:v>115.37338099999999</c:v>
                </c:pt>
                <c:pt idx="595">
                  <c:v>116.123406</c:v>
                </c:pt>
                <c:pt idx="596">
                  <c:v>116.559336</c:v>
                </c:pt>
                <c:pt idx="597">
                  <c:v>116.35229200000001</c:v>
                </c:pt>
                <c:pt idx="598">
                  <c:v>115.847437</c:v>
                </c:pt>
                <c:pt idx="599">
                  <c:v>115.863105</c:v>
                </c:pt>
                <c:pt idx="600">
                  <c:v>116.232826</c:v>
                </c:pt>
                <c:pt idx="601">
                  <c:v>116.499876</c:v>
                </c:pt>
                <c:pt idx="602">
                  <c:v>116.294116</c:v>
                </c:pt>
                <c:pt idx="603">
                  <c:v>116.280224</c:v>
                </c:pt>
                <c:pt idx="604">
                  <c:v>116.23630900000001</c:v>
                </c:pt>
                <c:pt idx="605">
                  <c:v>115.987188</c:v>
                </c:pt>
                <c:pt idx="606">
                  <c:v>115.628158</c:v>
                </c:pt>
                <c:pt idx="607">
                  <c:v>115.839304</c:v>
                </c:pt>
                <c:pt idx="608">
                  <c:v>116.256748</c:v>
                </c:pt>
                <c:pt idx="609">
                  <c:v>115.827111</c:v>
                </c:pt>
                <c:pt idx="610">
                  <c:v>115.229167</c:v>
                </c:pt>
                <c:pt idx="611">
                  <c:v>115.27291</c:v>
                </c:pt>
                <c:pt idx="612">
                  <c:v>115.301723</c:v>
                </c:pt>
                <c:pt idx="613">
                  <c:v>114.997934</c:v>
                </c:pt>
                <c:pt idx="614">
                  <c:v>115.08814700000001</c:v>
                </c:pt>
                <c:pt idx="615">
                  <c:v>115.493167</c:v>
                </c:pt>
                <c:pt idx="616">
                  <c:v>115.273112</c:v>
                </c:pt>
                <c:pt idx="617">
                  <c:v>114.77404199999999</c:v>
                </c:pt>
                <c:pt idx="618">
                  <c:v>114.498842</c:v>
                </c:pt>
                <c:pt idx="619">
                  <c:v>114.553873</c:v>
                </c:pt>
                <c:pt idx="620">
                  <c:v>114.773402</c:v>
                </c:pt>
                <c:pt idx="621">
                  <c:v>114.814927</c:v>
                </c:pt>
                <c:pt idx="622">
                  <c:v>114.933353</c:v>
                </c:pt>
                <c:pt idx="623">
                  <c:v>115.066846</c:v>
                </c:pt>
                <c:pt idx="624">
                  <c:v>115.271702</c:v>
                </c:pt>
                <c:pt idx="625">
                  <c:v>115.25725799999999</c:v>
                </c:pt>
                <c:pt idx="626">
                  <c:v>114.823258</c:v>
                </c:pt>
                <c:pt idx="627">
                  <c:v>114.608414</c:v>
                </c:pt>
                <c:pt idx="628">
                  <c:v>114.57958600000001</c:v>
                </c:pt>
                <c:pt idx="629">
                  <c:v>114.52301300000001</c:v>
                </c:pt>
                <c:pt idx="630">
                  <c:v>114.58530399999999</c:v>
                </c:pt>
                <c:pt idx="631">
                  <c:v>114.693501</c:v>
                </c:pt>
                <c:pt idx="632">
                  <c:v>114.562725</c:v>
                </c:pt>
                <c:pt idx="633">
                  <c:v>114.146562</c:v>
                </c:pt>
                <c:pt idx="634">
                  <c:v>114.177438</c:v>
                </c:pt>
                <c:pt idx="635">
                  <c:v>114.37060700000001</c:v>
                </c:pt>
                <c:pt idx="636">
                  <c:v>114.38890600000001</c:v>
                </c:pt>
                <c:pt idx="637">
                  <c:v>114.48115199999999</c:v>
                </c:pt>
                <c:pt idx="638">
                  <c:v>114.62497399999999</c:v>
                </c:pt>
                <c:pt idx="639">
                  <c:v>114.490444</c:v>
                </c:pt>
                <c:pt idx="640">
                  <c:v>114.15294900000001</c:v>
                </c:pt>
                <c:pt idx="641">
                  <c:v>114.029346</c:v>
                </c:pt>
                <c:pt idx="642">
                  <c:v>113.954784</c:v>
                </c:pt>
                <c:pt idx="643">
                  <c:v>114.00520400000001</c:v>
                </c:pt>
                <c:pt idx="644">
                  <c:v>113.99503799999999</c:v>
                </c:pt>
                <c:pt idx="645">
                  <c:v>114.207679</c:v>
                </c:pt>
                <c:pt idx="646">
                  <c:v>114.03418499999999</c:v>
                </c:pt>
                <c:pt idx="647">
                  <c:v>113.883335</c:v>
                </c:pt>
                <c:pt idx="648">
                  <c:v>113.648426</c:v>
                </c:pt>
                <c:pt idx="649">
                  <c:v>113.57304999999999</c:v>
                </c:pt>
                <c:pt idx="650">
                  <c:v>113.595868</c:v>
                </c:pt>
                <c:pt idx="651">
                  <c:v>113.742347</c:v>
                </c:pt>
                <c:pt idx="652">
                  <c:v>113.897436</c:v>
                </c:pt>
                <c:pt idx="653">
                  <c:v>113.84713000000001</c:v>
                </c:pt>
                <c:pt idx="654">
                  <c:v>113.72180400000001</c:v>
                </c:pt>
                <c:pt idx="655">
                  <c:v>113.597623</c:v>
                </c:pt>
                <c:pt idx="656">
                  <c:v>113.557327</c:v>
                </c:pt>
                <c:pt idx="657">
                  <c:v>113.614339</c:v>
                </c:pt>
                <c:pt idx="658">
                  <c:v>113.746019</c:v>
                </c:pt>
                <c:pt idx="659">
                  <c:v>113.869534</c:v>
                </c:pt>
                <c:pt idx="660">
                  <c:v>113.70447900000001</c:v>
                </c:pt>
                <c:pt idx="661">
                  <c:v>113.625612</c:v>
                </c:pt>
                <c:pt idx="662">
                  <c:v>113.64621200000001</c:v>
                </c:pt>
                <c:pt idx="663">
                  <c:v>113.80792</c:v>
                </c:pt>
                <c:pt idx="664">
                  <c:v>113.81107799999999</c:v>
                </c:pt>
                <c:pt idx="665">
                  <c:v>113.54525</c:v>
                </c:pt>
                <c:pt idx="666">
                  <c:v>113.359329</c:v>
                </c:pt>
                <c:pt idx="667">
                  <c:v>113.454795</c:v>
                </c:pt>
                <c:pt idx="668">
                  <c:v>113.455978</c:v>
                </c:pt>
                <c:pt idx="669">
                  <c:v>113.460965</c:v>
                </c:pt>
                <c:pt idx="670">
                  <c:v>113.512005</c:v>
                </c:pt>
                <c:pt idx="671">
                  <c:v>113.488789</c:v>
                </c:pt>
                <c:pt idx="672">
                  <c:v>113.38112099999999</c:v>
                </c:pt>
                <c:pt idx="673">
                  <c:v>113.44248399999999</c:v>
                </c:pt>
                <c:pt idx="674">
                  <c:v>113.489784</c:v>
                </c:pt>
                <c:pt idx="675">
                  <c:v>113.417108</c:v>
                </c:pt>
                <c:pt idx="676">
                  <c:v>113.33175199999999</c:v>
                </c:pt>
                <c:pt idx="677">
                  <c:v>113.330823</c:v>
                </c:pt>
                <c:pt idx="678">
                  <c:v>113.410719</c:v>
                </c:pt>
                <c:pt idx="679">
                  <c:v>113.498493</c:v>
                </c:pt>
                <c:pt idx="680">
                  <c:v>113.51407</c:v>
                </c:pt>
                <c:pt idx="681">
                  <c:v>113.41514100000001</c:v>
                </c:pt>
                <c:pt idx="682">
                  <c:v>113.405553</c:v>
                </c:pt>
                <c:pt idx="683">
                  <c:v>113.418505</c:v>
                </c:pt>
                <c:pt idx="684">
                  <c:v>113.389129</c:v>
                </c:pt>
                <c:pt idx="685">
                  <c:v>113.356735</c:v>
                </c:pt>
                <c:pt idx="686">
                  <c:v>113.255584</c:v>
                </c:pt>
                <c:pt idx="687">
                  <c:v>113.26082</c:v>
                </c:pt>
                <c:pt idx="688">
                  <c:v>113.362544</c:v>
                </c:pt>
                <c:pt idx="689">
                  <c:v>113.347025</c:v>
                </c:pt>
                <c:pt idx="690">
                  <c:v>113.337957</c:v>
                </c:pt>
                <c:pt idx="691">
                  <c:v>113.387998</c:v>
                </c:pt>
                <c:pt idx="692">
                  <c:v>113.397739</c:v>
                </c:pt>
                <c:pt idx="693">
                  <c:v>113.390653</c:v>
                </c:pt>
                <c:pt idx="694">
                  <c:v>113.219629</c:v>
                </c:pt>
                <c:pt idx="695">
                  <c:v>113.239203</c:v>
                </c:pt>
                <c:pt idx="696">
                  <c:v>113.376154</c:v>
                </c:pt>
                <c:pt idx="697">
                  <c:v>113.34438</c:v>
                </c:pt>
                <c:pt idx="698">
                  <c:v>113.260237</c:v>
                </c:pt>
                <c:pt idx="699">
                  <c:v>113.221683</c:v>
                </c:pt>
                <c:pt idx="700">
                  <c:v>113.244176</c:v>
                </c:pt>
                <c:pt idx="701">
                  <c:v>113.306197</c:v>
                </c:pt>
                <c:pt idx="702">
                  <c:v>113.248092</c:v>
                </c:pt>
                <c:pt idx="703">
                  <c:v>113.117884</c:v>
                </c:pt>
                <c:pt idx="704">
                  <c:v>113.032397</c:v>
                </c:pt>
                <c:pt idx="705">
                  <c:v>113.12795699999999</c:v>
                </c:pt>
                <c:pt idx="706">
                  <c:v>113.060204</c:v>
                </c:pt>
                <c:pt idx="707">
                  <c:v>113.066151</c:v>
                </c:pt>
                <c:pt idx="708">
                  <c:v>113.149103</c:v>
                </c:pt>
                <c:pt idx="709">
                  <c:v>113.10339</c:v>
                </c:pt>
                <c:pt idx="710">
                  <c:v>113.046995</c:v>
                </c:pt>
                <c:pt idx="711">
                  <c:v>113.019215</c:v>
                </c:pt>
                <c:pt idx="712">
                  <c:v>113.037397</c:v>
                </c:pt>
                <c:pt idx="713">
                  <c:v>113.013863</c:v>
                </c:pt>
                <c:pt idx="714">
                  <c:v>113.12066900000001</c:v>
                </c:pt>
                <c:pt idx="715">
                  <c:v>113.202913</c:v>
                </c:pt>
                <c:pt idx="716">
                  <c:v>113.157832</c:v>
                </c:pt>
                <c:pt idx="717">
                  <c:v>113.12432800000001</c:v>
                </c:pt>
                <c:pt idx="718">
                  <c:v>113.08229300000001</c:v>
                </c:pt>
                <c:pt idx="719">
                  <c:v>113.051025</c:v>
                </c:pt>
                <c:pt idx="720">
                  <c:v>113.043976</c:v>
                </c:pt>
                <c:pt idx="721">
                  <c:v>113.076176</c:v>
                </c:pt>
                <c:pt idx="722">
                  <c:v>113.084407</c:v>
                </c:pt>
                <c:pt idx="723">
                  <c:v>113.101214</c:v>
                </c:pt>
                <c:pt idx="724">
                  <c:v>113.13553400000001</c:v>
                </c:pt>
                <c:pt idx="725">
                  <c:v>113.141509</c:v>
                </c:pt>
                <c:pt idx="726">
                  <c:v>113.102886</c:v>
                </c:pt>
                <c:pt idx="727">
                  <c:v>113.005278</c:v>
                </c:pt>
                <c:pt idx="728">
                  <c:v>113.009319</c:v>
                </c:pt>
                <c:pt idx="729">
                  <c:v>113.03381899999999</c:v>
                </c:pt>
                <c:pt idx="730">
                  <c:v>113.024539</c:v>
                </c:pt>
                <c:pt idx="731">
                  <c:v>113.014112</c:v>
                </c:pt>
                <c:pt idx="732">
                  <c:v>112.99338299999999</c:v>
                </c:pt>
                <c:pt idx="733">
                  <c:v>113.018207</c:v>
                </c:pt>
                <c:pt idx="734">
                  <c:v>112.942106</c:v>
                </c:pt>
                <c:pt idx="735">
                  <c:v>112.90588099999999</c:v>
                </c:pt>
                <c:pt idx="736">
                  <c:v>112.849801</c:v>
                </c:pt>
                <c:pt idx="737">
                  <c:v>112.848099</c:v>
                </c:pt>
                <c:pt idx="738">
                  <c:v>112.879014</c:v>
                </c:pt>
                <c:pt idx="739">
                  <c:v>112.92183</c:v>
                </c:pt>
                <c:pt idx="740">
                  <c:v>112.944402</c:v>
                </c:pt>
                <c:pt idx="741">
                  <c:v>112.911703</c:v>
                </c:pt>
                <c:pt idx="742">
                  <c:v>112.883549</c:v>
                </c:pt>
                <c:pt idx="743">
                  <c:v>112.897868</c:v>
                </c:pt>
                <c:pt idx="744">
                  <c:v>112.87098400000001</c:v>
                </c:pt>
                <c:pt idx="745">
                  <c:v>112.789462</c:v>
                </c:pt>
                <c:pt idx="746">
                  <c:v>112.794985</c:v>
                </c:pt>
                <c:pt idx="747">
                  <c:v>112.848287</c:v>
                </c:pt>
                <c:pt idx="748">
                  <c:v>112.79051200000001</c:v>
                </c:pt>
                <c:pt idx="749">
                  <c:v>112.831025</c:v>
                </c:pt>
                <c:pt idx="750">
                  <c:v>112.865556</c:v>
                </c:pt>
                <c:pt idx="751">
                  <c:v>112.792524</c:v>
                </c:pt>
                <c:pt idx="752">
                  <c:v>112.725891</c:v>
                </c:pt>
                <c:pt idx="753">
                  <c:v>112.731736</c:v>
                </c:pt>
                <c:pt idx="754">
                  <c:v>112.738038</c:v>
                </c:pt>
                <c:pt idx="755">
                  <c:v>112.77954</c:v>
                </c:pt>
                <c:pt idx="756">
                  <c:v>112.725368</c:v>
                </c:pt>
                <c:pt idx="757">
                  <c:v>112.696941</c:v>
                </c:pt>
                <c:pt idx="758">
                  <c:v>112.681049</c:v>
                </c:pt>
                <c:pt idx="759">
                  <c:v>112.695105</c:v>
                </c:pt>
                <c:pt idx="760">
                  <c:v>112.677761</c:v>
                </c:pt>
                <c:pt idx="761">
                  <c:v>112.58586200000001</c:v>
                </c:pt>
                <c:pt idx="762">
                  <c:v>112.52435199999999</c:v>
                </c:pt>
                <c:pt idx="763">
                  <c:v>112.56806899999999</c:v>
                </c:pt>
                <c:pt idx="764">
                  <c:v>112.60583800000001</c:v>
                </c:pt>
                <c:pt idx="765">
                  <c:v>112.55883</c:v>
                </c:pt>
                <c:pt idx="766">
                  <c:v>112.604529</c:v>
                </c:pt>
                <c:pt idx="767">
                  <c:v>112.77595100000001</c:v>
                </c:pt>
                <c:pt idx="768">
                  <c:v>112.753182</c:v>
                </c:pt>
                <c:pt idx="769">
                  <c:v>112.607024</c:v>
                </c:pt>
                <c:pt idx="770">
                  <c:v>112.536969</c:v>
                </c:pt>
                <c:pt idx="771">
                  <c:v>112.494868</c:v>
                </c:pt>
                <c:pt idx="772">
                  <c:v>112.519497</c:v>
                </c:pt>
                <c:pt idx="773">
                  <c:v>112.640716</c:v>
                </c:pt>
                <c:pt idx="774">
                  <c:v>112.61856899999999</c:v>
                </c:pt>
                <c:pt idx="775">
                  <c:v>112.496506</c:v>
                </c:pt>
                <c:pt idx="776">
                  <c:v>112.486817</c:v>
                </c:pt>
                <c:pt idx="777">
                  <c:v>112.480582</c:v>
                </c:pt>
                <c:pt idx="778">
                  <c:v>112.364709</c:v>
                </c:pt>
                <c:pt idx="779">
                  <c:v>112.43957399999999</c:v>
                </c:pt>
                <c:pt idx="780">
                  <c:v>112.53426399999999</c:v>
                </c:pt>
                <c:pt idx="781">
                  <c:v>112.536753</c:v>
                </c:pt>
                <c:pt idx="782">
                  <c:v>112.512069</c:v>
                </c:pt>
                <c:pt idx="783">
                  <c:v>112.482378</c:v>
                </c:pt>
                <c:pt idx="784">
                  <c:v>112.44156099999999</c:v>
                </c:pt>
                <c:pt idx="785">
                  <c:v>112.39960499999999</c:v>
                </c:pt>
                <c:pt idx="786">
                  <c:v>112.36668299999999</c:v>
                </c:pt>
                <c:pt idx="787">
                  <c:v>112.39243500000001</c:v>
                </c:pt>
                <c:pt idx="788">
                  <c:v>112.438936</c:v>
                </c:pt>
                <c:pt idx="789">
                  <c:v>112.499685</c:v>
                </c:pt>
                <c:pt idx="790">
                  <c:v>112.46090599999999</c:v>
                </c:pt>
                <c:pt idx="791">
                  <c:v>112.33207400000001</c:v>
                </c:pt>
                <c:pt idx="792">
                  <c:v>112.30287199999999</c:v>
                </c:pt>
                <c:pt idx="793">
                  <c:v>112.30201099999999</c:v>
                </c:pt>
                <c:pt idx="794">
                  <c:v>112.235266</c:v>
                </c:pt>
                <c:pt idx="795">
                  <c:v>112.234943</c:v>
                </c:pt>
                <c:pt idx="796">
                  <c:v>112.232966</c:v>
                </c:pt>
                <c:pt idx="797">
                  <c:v>112.1921</c:v>
                </c:pt>
                <c:pt idx="798">
                  <c:v>112.17997</c:v>
                </c:pt>
                <c:pt idx="799">
                  <c:v>112.148978</c:v>
                </c:pt>
                <c:pt idx="800">
                  <c:v>112.201228</c:v>
                </c:pt>
                <c:pt idx="801">
                  <c:v>112.22033</c:v>
                </c:pt>
                <c:pt idx="802">
                  <c:v>112.19936300000001</c:v>
                </c:pt>
                <c:pt idx="803">
                  <c:v>112.286682</c:v>
                </c:pt>
                <c:pt idx="804">
                  <c:v>112.342314</c:v>
                </c:pt>
                <c:pt idx="805">
                  <c:v>112.27971700000001</c:v>
                </c:pt>
                <c:pt idx="806">
                  <c:v>112.198072</c:v>
                </c:pt>
                <c:pt idx="807">
                  <c:v>112.247844</c:v>
                </c:pt>
                <c:pt idx="808">
                  <c:v>112.281296</c:v>
                </c:pt>
                <c:pt idx="809">
                  <c:v>112.264696</c:v>
                </c:pt>
                <c:pt idx="810">
                  <c:v>112.237308</c:v>
                </c:pt>
                <c:pt idx="811">
                  <c:v>112.18198099999999</c:v>
                </c:pt>
                <c:pt idx="812">
                  <c:v>112.11497900000001</c:v>
                </c:pt>
                <c:pt idx="813">
                  <c:v>112.10985700000001</c:v>
                </c:pt>
                <c:pt idx="814">
                  <c:v>112.07270200000001</c:v>
                </c:pt>
                <c:pt idx="815">
                  <c:v>112.027292</c:v>
                </c:pt>
                <c:pt idx="816">
                  <c:v>112.065935</c:v>
                </c:pt>
                <c:pt idx="817">
                  <c:v>112.16931200000001</c:v>
                </c:pt>
                <c:pt idx="818">
                  <c:v>112.203526</c:v>
                </c:pt>
                <c:pt idx="819">
                  <c:v>112.269172</c:v>
                </c:pt>
                <c:pt idx="820">
                  <c:v>112.23506399999999</c:v>
                </c:pt>
                <c:pt idx="821">
                  <c:v>112.097301</c:v>
                </c:pt>
                <c:pt idx="822">
                  <c:v>112.090839</c:v>
                </c:pt>
                <c:pt idx="823">
                  <c:v>112.20108500000001</c:v>
                </c:pt>
                <c:pt idx="824">
                  <c:v>112.109495</c:v>
                </c:pt>
                <c:pt idx="825">
                  <c:v>111.966105</c:v>
                </c:pt>
                <c:pt idx="826">
                  <c:v>111.926018</c:v>
                </c:pt>
                <c:pt idx="827">
                  <c:v>111.947508</c:v>
                </c:pt>
                <c:pt idx="828">
                  <c:v>111.978115</c:v>
                </c:pt>
                <c:pt idx="829">
                  <c:v>112.00056600000001</c:v>
                </c:pt>
                <c:pt idx="830">
                  <c:v>112.021877</c:v>
                </c:pt>
                <c:pt idx="831">
                  <c:v>112.02987899999999</c:v>
                </c:pt>
                <c:pt idx="832">
                  <c:v>112.015079</c:v>
                </c:pt>
                <c:pt idx="833">
                  <c:v>112.03165799999999</c:v>
                </c:pt>
                <c:pt idx="834">
                  <c:v>111.951307</c:v>
                </c:pt>
                <c:pt idx="835">
                  <c:v>111.961838</c:v>
                </c:pt>
                <c:pt idx="836">
                  <c:v>111.913359</c:v>
                </c:pt>
                <c:pt idx="837">
                  <c:v>111.915791</c:v>
                </c:pt>
                <c:pt idx="838">
                  <c:v>112.032055</c:v>
                </c:pt>
                <c:pt idx="839">
                  <c:v>112.07128299999999</c:v>
                </c:pt>
                <c:pt idx="840">
                  <c:v>111.996644</c:v>
                </c:pt>
                <c:pt idx="841">
                  <c:v>111.91699699999999</c:v>
                </c:pt>
                <c:pt idx="842">
                  <c:v>111.854634</c:v>
                </c:pt>
                <c:pt idx="843">
                  <c:v>111.85578</c:v>
                </c:pt>
                <c:pt idx="844">
                  <c:v>111.918919</c:v>
                </c:pt>
                <c:pt idx="845">
                  <c:v>111.945852</c:v>
                </c:pt>
                <c:pt idx="846">
                  <c:v>111.946006</c:v>
                </c:pt>
                <c:pt idx="847">
                  <c:v>111.996139</c:v>
                </c:pt>
                <c:pt idx="848">
                  <c:v>112.035349</c:v>
                </c:pt>
                <c:pt idx="849">
                  <c:v>112.077333</c:v>
                </c:pt>
                <c:pt idx="850">
                  <c:v>112.001161</c:v>
                </c:pt>
                <c:pt idx="851">
                  <c:v>111.903938</c:v>
                </c:pt>
                <c:pt idx="852">
                  <c:v>111.894949</c:v>
                </c:pt>
                <c:pt idx="853">
                  <c:v>111.96789099999999</c:v>
                </c:pt>
                <c:pt idx="854">
                  <c:v>111.98639799999999</c:v>
                </c:pt>
                <c:pt idx="855">
                  <c:v>111.979482</c:v>
                </c:pt>
                <c:pt idx="856">
                  <c:v>111.960572</c:v>
                </c:pt>
                <c:pt idx="857">
                  <c:v>111.901454</c:v>
                </c:pt>
                <c:pt idx="858">
                  <c:v>111.881407</c:v>
                </c:pt>
                <c:pt idx="859">
                  <c:v>111.913589</c:v>
                </c:pt>
                <c:pt idx="860">
                  <c:v>111.932154</c:v>
                </c:pt>
                <c:pt idx="861">
                  <c:v>111.956199</c:v>
                </c:pt>
                <c:pt idx="862">
                  <c:v>112.01137799999999</c:v>
                </c:pt>
                <c:pt idx="863">
                  <c:v>112.03662199999999</c:v>
                </c:pt>
                <c:pt idx="864">
                  <c:v>112.008602</c:v>
                </c:pt>
                <c:pt idx="865">
                  <c:v>111.952437</c:v>
                </c:pt>
                <c:pt idx="866">
                  <c:v>111.951543</c:v>
                </c:pt>
                <c:pt idx="867">
                  <c:v>111.964157</c:v>
                </c:pt>
                <c:pt idx="868">
                  <c:v>111.957826</c:v>
                </c:pt>
                <c:pt idx="869">
                  <c:v>111.974842</c:v>
                </c:pt>
                <c:pt idx="870">
                  <c:v>111.951348</c:v>
                </c:pt>
                <c:pt idx="871">
                  <c:v>111.97712199999999</c:v>
                </c:pt>
                <c:pt idx="872">
                  <c:v>112.000257</c:v>
                </c:pt>
                <c:pt idx="873">
                  <c:v>111.943679</c:v>
                </c:pt>
                <c:pt idx="874">
                  <c:v>111.87866699999999</c:v>
                </c:pt>
                <c:pt idx="875">
                  <c:v>111.877842</c:v>
                </c:pt>
                <c:pt idx="876">
                  <c:v>111.853966</c:v>
                </c:pt>
                <c:pt idx="877">
                  <c:v>111.872168</c:v>
                </c:pt>
                <c:pt idx="878">
                  <c:v>111.843513</c:v>
                </c:pt>
                <c:pt idx="879">
                  <c:v>111.818268</c:v>
                </c:pt>
                <c:pt idx="880">
                  <c:v>111.878485</c:v>
                </c:pt>
                <c:pt idx="881">
                  <c:v>111.863917</c:v>
                </c:pt>
                <c:pt idx="882">
                  <c:v>111.79694000000001</c:v>
                </c:pt>
                <c:pt idx="883">
                  <c:v>111.803482</c:v>
                </c:pt>
                <c:pt idx="884">
                  <c:v>111.82595999999999</c:v>
                </c:pt>
                <c:pt idx="885">
                  <c:v>111.84169799999999</c:v>
                </c:pt>
                <c:pt idx="886">
                  <c:v>111.831197</c:v>
                </c:pt>
                <c:pt idx="887">
                  <c:v>111.757862</c:v>
                </c:pt>
                <c:pt idx="888">
                  <c:v>111.77057600000001</c:v>
                </c:pt>
                <c:pt idx="889">
                  <c:v>111.814553</c:v>
                </c:pt>
                <c:pt idx="890">
                  <c:v>111.796359</c:v>
                </c:pt>
                <c:pt idx="891">
                  <c:v>111.775504</c:v>
                </c:pt>
                <c:pt idx="892">
                  <c:v>111.78715200000001</c:v>
                </c:pt>
                <c:pt idx="893">
                  <c:v>111.768046</c:v>
                </c:pt>
                <c:pt idx="894">
                  <c:v>111.74771200000001</c:v>
                </c:pt>
                <c:pt idx="895">
                  <c:v>111.829016</c:v>
                </c:pt>
                <c:pt idx="896">
                  <c:v>111.829762</c:v>
                </c:pt>
                <c:pt idx="897">
                  <c:v>111.729542</c:v>
                </c:pt>
                <c:pt idx="898">
                  <c:v>111.720765</c:v>
                </c:pt>
                <c:pt idx="899">
                  <c:v>111.716655</c:v>
                </c:pt>
                <c:pt idx="900">
                  <c:v>111.688276</c:v>
                </c:pt>
                <c:pt idx="901">
                  <c:v>111.673462</c:v>
                </c:pt>
                <c:pt idx="902">
                  <c:v>111.657523</c:v>
                </c:pt>
                <c:pt idx="903">
                  <c:v>111.666138</c:v>
                </c:pt>
                <c:pt idx="904">
                  <c:v>111.643987</c:v>
                </c:pt>
                <c:pt idx="905">
                  <c:v>111.632616</c:v>
                </c:pt>
                <c:pt idx="906">
                  <c:v>111.665131</c:v>
                </c:pt>
                <c:pt idx="907">
                  <c:v>111.67295900000001</c:v>
                </c:pt>
                <c:pt idx="908">
                  <c:v>111.62378699999999</c:v>
                </c:pt>
                <c:pt idx="909">
                  <c:v>111.564173</c:v>
                </c:pt>
                <c:pt idx="910">
                  <c:v>111.562259</c:v>
                </c:pt>
                <c:pt idx="911">
                  <c:v>111.577839</c:v>
                </c:pt>
                <c:pt idx="912">
                  <c:v>111.546119</c:v>
                </c:pt>
                <c:pt idx="913">
                  <c:v>111.546468</c:v>
                </c:pt>
                <c:pt idx="914">
                  <c:v>111.57353000000001</c:v>
                </c:pt>
                <c:pt idx="915">
                  <c:v>111.58331699999999</c:v>
                </c:pt>
                <c:pt idx="916">
                  <c:v>111.557197</c:v>
                </c:pt>
                <c:pt idx="917">
                  <c:v>111.548964</c:v>
                </c:pt>
                <c:pt idx="918">
                  <c:v>111.61387000000001</c:v>
                </c:pt>
                <c:pt idx="919">
                  <c:v>111.652587</c:v>
                </c:pt>
                <c:pt idx="920">
                  <c:v>111.62200300000001</c:v>
                </c:pt>
                <c:pt idx="921">
                  <c:v>111.543105</c:v>
                </c:pt>
                <c:pt idx="922">
                  <c:v>111.51118200000001</c:v>
                </c:pt>
                <c:pt idx="923">
                  <c:v>111.524461</c:v>
                </c:pt>
                <c:pt idx="924">
                  <c:v>111.483214</c:v>
                </c:pt>
                <c:pt idx="925">
                  <c:v>111.47812999999999</c:v>
                </c:pt>
                <c:pt idx="926">
                  <c:v>111.478139</c:v>
                </c:pt>
                <c:pt idx="927">
                  <c:v>111.47112</c:v>
                </c:pt>
                <c:pt idx="928">
                  <c:v>111.510779</c:v>
                </c:pt>
                <c:pt idx="929">
                  <c:v>111.505942</c:v>
                </c:pt>
                <c:pt idx="930">
                  <c:v>111.42770400000001</c:v>
                </c:pt>
                <c:pt idx="931">
                  <c:v>111.360726</c:v>
                </c:pt>
                <c:pt idx="932">
                  <c:v>111.388007</c:v>
                </c:pt>
                <c:pt idx="933">
                  <c:v>111.441676</c:v>
                </c:pt>
                <c:pt idx="934">
                  <c:v>111.45367899999999</c:v>
                </c:pt>
                <c:pt idx="935">
                  <c:v>111.394598</c:v>
                </c:pt>
                <c:pt idx="936">
                  <c:v>111.326916</c:v>
                </c:pt>
                <c:pt idx="937">
                  <c:v>111.335759</c:v>
                </c:pt>
                <c:pt idx="938">
                  <c:v>111.382361</c:v>
                </c:pt>
                <c:pt idx="939">
                  <c:v>111.35012</c:v>
                </c:pt>
                <c:pt idx="940">
                  <c:v>111.31702900000001</c:v>
                </c:pt>
                <c:pt idx="941">
                  <c:v>111.317376</c:v>
                </c:pt>
                <c:pt idx="942">
                  <c:v>111.288426</c:v>
                </c:pt>
                <c:pt idx="943">
                  <c:v>111.258554</c:v>
                </c:pt>
                <c:pt idx="944">
                  <c:v>111.277599</c:v>
                </c:pt>
                <c:pt idx="945">
                  <c:v>111.31283999999999</c:v>
                </c:pt>
                <c:pt idx="946">
                  <c:v>111.314032</c:v>
                </c:pt>
                <c:pt idx="947">
                  <c:v>111.26873999999999</c:v>
                </c:pt>
                <c:pt idx="948">
                  <c:v>111.266137</c:v>
                </c:pt>
                <c:pt idx="949">
                  <c:v>111.314277</c:v>
                </c:pt>
                <c:pt idx="950">
                  <c:v>111.289816</c:v>
                </c:pt>
                <c:pt idx="951">
                  <c:v>111.254152</c:v>
                </c:pt>
                <c:pt idx="952">
                  <c:v>111.264972</c:v>
                </c:pt>
                <c:pt idx="953">
                  <c:v>111.23199</c:v>
                </c:pt>
                <c:pt idx="954">
                  <c:v>111.23735499999999</c:v>
                </c:pt>
                <c:pt idx="955">
                  <c:v>111.257806</c:v>
                </c:pt>
                <c:pt idx="956">
                  <c:v>111.228464</c:v>
                </c:pt>
                <c:pt idx="957">
                  <c:v>111.20087599999999</c:v>
                </c:pt>
                <c:pt idx="958">
                  <c:v>111.23708999999999</c:v>
                </c:pt>
                <c:pt idx="959">
                  <c:v>111.25673500000001</c:v>
                </c:pt>
                <c:pt idx="960">
                  <c:v>111.225818</c:v>
                </c:pt>
                <c:pt idx="961">
                  <c:v>111.162431</c:v>
                </c:pt>
                <c:pt idx="962">
                  <c:v>111.111054</c:v>
                </c:pt>
                <c:pt idx="963">
                  <c:v>111.120583</c:v>
                </c:pt>
                <c:pt idx="964">
                  <c:v>111.15557</c:v>
                </c:pt>
                <c:pt idx="965">
                  <c:v>111.209637</c:v>
                </c:pt>
                <c:pt idx="966">
                  <c:v>111.189465</c:v>
                </c:pt>
                <c:pt idx="967">
                  <c:v>111.094781</c:v>
                </c:pt>
                <c:pt idx="968">
                  <c:v>111.067032</c:v>
                </c:pt>
                <c:pt idx="969">
                  <c:v>111.09535200000001</c:v>
                </c:pt>
                <c:pt idx="970">
                  <c:v>111.062219</c:v>
                </c:pt>
                <c:pt idx="971">
                  <c:v>111.041652</c:v>
                </c:pt>
                <c:pt idx="972">
                  <c:v>111.077296</c:v>
                </c:pt>
                <c:pt idx="973">
                  <c:v>111.04610599999999</c:v>
                </c:pt>
                <c:pt idx="974">
                  <c:v>110.994714</c:v>
                </c:pt>
                <c:pt idx="975">
                  <c:v>110.94803899999999</c:v>
                </c:pt>
                <c:pt idx="976">
                  <c:v>110.925692</c:v>
                </c:pt>
                <c:pt idx="977">
                  <c:v>110.936798</c:v>
                </c:pt>
                <c:pt idx="978">
                  <c:v>110.90384299999999</c:v>
                </c:pt>
                <c:pt idx="979">
                  <c:v>110.903268</c:v>
                </c:pt>
                <c:pt idx="980">
                  <c:v>110.88568600000001</c:v>
                </c:pt>
                <c:pt idx="981">
                  <c:v>110.836371</c:v>
                </c:pt>
                <c:pt idx="982">
                  <c:v>110.831749</c:v>
                </c:pt>
                <c:pt idx="983">
                  <c:v>110.874737</c:v>
                </c:pt>
                <c:pt idx="984">
                  <c:v>110.929007</c:v>
                </c:pt>
                <c:pt idx="985">
                  <c:v>110.932221</c:v>
                </c:pt>
                <c:pt idx="986">
                  <c:v>110.895201</c:v>
                </c:pt>
                <c:pt idx="987">
                  <c:v>110.916156</c:v>
                </c:pt>
                <c:pt idx="988">
                  <c:v>110.904995</c:v>
                </c:pt>
                <c:pt idx="989">
                  <c:v>110.910203</c:v>
                </c:pt>
                <c:pt idx="990">
                  <c:v>110.917633</c:v>
                </c:pt>
                <c:pt idx="991">
                  <c:v>110.906222</c:v>
                </c:pt>
                <c:pt idx="992">
                  <c:v>110.870938</c:v>
                </c:pt>
                <c:pt idx="993">
                  <c:v>110.905081</c:v>
                </c:pt>
                <c:pt idx="994">
                  <c:v>110.987415</c:v>
                </c:pt>
                <c:pt idx="995">
                  <c:v>110.938441</c:v>
                </c:pt>
                <c:pt idx="996">
                  <c:v>110.83331800000001</c:v>
                </c:pt>
                <c:pt idx="997">
                  <c:v>110.792783</c:v>
                </c:pt>
                <c:pt idx="998">
                  <c:v>110.807827</c:v>
                </c:pt>
                <c:pt idx="999">
                  <c:v>110.85527999999999</c:v>
                </c:pt>
                <c:pt idx="1000">
                  <c:v>110.846951</c:v>
                </c:pt>
                <c:pt idx="1001">
                  <c:v>110.86830999999999</c:v>
                </c:pt>
                <c:pt idx="1002">
                  <c:v>110.852695</c:v>
                </c:pt>
                <c:pt idx="1003">
                  <c:v>110.801607</c:v>
                </c:pt>
                <c:pt idx="1004">
                  <c:v>110.808909</c:v>
                </c:pt>
                <c:pt idx="1005">
                  <c:v>110.751366</c:v>
                </c:pt>
                <c:pt idx="1006">
                  <c:v>110.73679799999999</c:v>
                </c:pt>
                <c:pt idx="1007">
                  <c:v>110.756649</c:v>
                </c:pt>
                <c:pt idx="1008">
                  <c:v>110.783489</c:v>
                </c:pt>
                <c:pt idx="1009">
                  <c:v>110.810288</c:v>
                </c:pt>
                <c:pt idx="1010">
                  <c:v>110.79077599999999</c:v>
                </c:pt>
                <c:pt idx="1011">
                  <c:v>110.71437299999999</c:v>
                </c:pt>
                <c:pt idx="1012">
                  <c:v>110.651245</c:v>
                </c:pt>
                <c:pt idx="1013">
                  <c:v>110.673327</c:v>
                </c:pt>
                <c:pt idx="1014">
                  <c:v>110.648262</c:v>
                </c:pt>
                <c:pt idx="1015">
                  <c:v>110.617097</c:v>
                </c:pt>
                <c:pt idx="1016">
                  <c:v>110.62364100000001</c:v>
                </c:pt>
                <c:pt idx="1017">
                  <c:v>110.627458</c:v>
                </c:pt>
                <c:pt idx="1018">
                  <c:v>110.582628</c:v>
                </c:pt>
                <c:pt idx="1019">
                  <c:v>110.592856</c:v>
                </c:pt>
                <c:pt idx="1020">
                  <c:v>110.65545899999999</c:v>
                </c:pt>
                <c:pt idx="1021">
                  <c:v>110.64757</c:v>
                </c:pt>
                <c:pt idx="1022">
                  <c:v>110.586978</c:v>
                </c:pt>
                <c:pt idx="1023">
                  <c:v>110.54817199999999</c:v>
                </c:pt>
                <c:pt idx="1024">
                  <c:v>110.560896</c:v>
                </c:pt>
                <c:pt idx="1025">
                  <c:v>110.561306</c:v>
                </c:pt>
                <c:pt idx="1026">
                  <c:v>110.536152</c:v>
                </c:pt>
                <c:pt idx="1027">
                  <c:v>110.556197</c:v>
                </c:pt>
                <c:pt idx="1028">
                  <c:v>110.577111</c:v>
                </c:pt>
                <c:pt idx="1029">
                  <c:v>110.592522</c:v>
                </c:pt>
                <c:pt idx="1030">
                  <c:v>110.570269</c:v>
                </c:pt>
                <c:pt idx="1031">
                  <c:v>110.48655599999999</c:v>
                </c:pt>
                <c:pt idx="1032">
                  <c:v>110.443467</c:v>
                </c:pt>
                <c:pt idx="1033">
                  <c:v>110.50510300000001</c:v>
                </c:pt>
                <c:pt idx="1034">
                  <c:v>110.499708</c:v>
                </c:pt>
                <c:pt idx="1035">
                  <c:v>110.437929</c:v>
                </c:pt>
                <c:pt idx="1036">
                  <c:v>110.485001</c:v>
                </c:pt>
                <c:pt idx="1037">
                  <c:v>110.528802</c:v>
                </c:pt>
                <c:pt idx="1038">
                  <c:v>110.47407800000001</c:v>
                </c:pt>
                <c:pt idx="1039">
                  <c:v>110.47213600000001</c:v>
                </c:pt>
                <c:pt idx="1040">
                  <c:v>110.50985799999999</c:v>
                </c:pt>
                <c:pt idx="1041">
                  <c:v>110.479052</c:v>
                </c:pt>
                <c:pt idx="1042">
                  <c:v>110.424792</c:v>
                </c:pt>
                <c:pt idx="1043">
                  <c:v>110.434389</c:v>
                </c:pt>
                <c:pt idx="1044">
                  <c:v>110.487776</c:v>
                </c:pt>
                <c:pt idx="1045">
                  <c:v>110.508808</c:v>
                </c:pt>
                <c:pt idx="1046">
                  <c:v>110.493351</c:v>
                </c:pt>
                <c:pt idx="1047">
                  <c:v>110.44966599999999</c:v>
                </c:pt>
                <c:pt idx="1048">
                  <c:v>110.39366800000001</c:v>
                </c:pt>
                <c:pt idx="1049">
                  <c:v>110.390666</c:v>
                </c:pt>
                <c:pt idx="1050">
                  <c:v>110.410445</c:v>
                </c:pt>
                <c:pt idx="1051">
                  <c:v>110.476429</c:v>
                </c:pt>
                <c:pt idx="1052">
                  <c:v>110.41169600000001</c:v>
                </c:pt>
                <c:pt idx="1053">
                  <c:v>110.326182</c:v>
                </c:pt>
                <c:pt idx="1054">
                  <c:v>110.31058899999999</c:v>
                </c:pt>
                <c:pt idx="1055">
                  <c:v>110.302238</c:v>
                </c:pt>
                <c:pt idx="1056">
                  <c:v>110.27741399999999</c:v>
                </c:pt>
                <c:pt idx="1057">
                  <c:v>110.282414</c:v>
                </c:pt>
                <c:pt idx="1058">
                  <c:v>110.35251700000001</c:v>
                </c:pt>
                <c:pt idx="1059">
                  <c:v>110.38605699999999</c:v>
                </c:pt>
                <c:pt idx="1060">
                  <c:v>110.404213</c:v>
                </c:pt>
                <c:pt idx="1061">
                  <c:v>110.39312700000001</c:v>
                </c:pt>
                <c:pt idx="1062">
                  <c:v>110.350221</c:v>
                </c:pt>
                <c:pt idx="1063">
                  <c:v>110.29853300000001</c:v>
                </c:pt>
                <c:pt idx="1064">
                  <c:v>110.268411</c:v>
                </c:pt>
                <c:pt idx="1065">
                  <c:v>110.28650399999999</c:v>
                </c:pt>
                <c:pt idx="1066">
                  <c:v>110.289788</c:v>
                </c:pt>
                <c:pt idx="1067">
                  <c:v>110.25761199999999</c:v>
                </c:pt>
                <c:pt idx="1068">
                  <c:v>110.215017</c:v>
                </c:pt>
                <c:pt idx="1069">
                  <c:v>110.199274</c:v>
                </c:pt>
                <c:pt idx="1070">
                  <c:v>110.194653</c:v>
                </c:pt>
                <c:pt idx="1071">
                  <c:v>110.199471</c:v>
                </c:pt>
                <c:pt idx="1072">
                  <c:v>110.19614</c:v>
                </c:pt>
                <c:pt idx="1073">
                  <c:v>110.20451</c:v>
                </c:pt>
                <c:pt idx="1074">
                  <c:v>110.187872</c:v>
                </c:pt>
                <c:pt idx="1075">
                  <c:v>110.11935699999999</c:v>
                </c:pt>
                <c:pt idx="1076">
                  <c:v>110.10262899999999</c:v>
                </c:pt>
                <c:pt idx="1077">
                  <c:v>110.128968</c:v>
                </c:pt>
                <c:pt idx="1078">
                  <c:v>110.159195</c:v>
                </c:pt>
                <c:pt idx="1079">
                  <c:v>110.190044</c:v>
                </c:pt>
                <c:pt idx="1080">
                  <c:v>110.15930400000001</c:v>
                </c:pt>
                <c:pt idx="1081">
                  <c:v>110.122703</c:v>
                </c:pt>
                <c:pt idx="1082">
                  <c:v>110.12872400000001</c:v>
                </c:pt>
                <c:pt idx="1083">
                  <c:v>110.175122</c:v>
                </c:pt>
                <c:pt idx="1084">
                  <c:v>110.20828400000001</c:v>
                </c:pt>
                <c:pt idx="1085">
                  <c:v>110.166934</c:v>
                </c:pt>
                <c:pt idx="1086">
                  <c:v>110.083555</c:v>
                </c:pt>
                <c:pt idx="1087">
                  <c:v>110.08210099999999</c:v>
                </c:pt>
                <c:pt idx="1088">
                  <c:v>110.05176400000001</c:v>
                </c:pt>
                <c:pt idx="1089">
                  <c:v>110.02919199999999</c:v>
                </c:pt>
                <c:pt idx="1090">
                  <c:v>109.962997</c:v>
                </c:pt>
                <c:pt idx="1091">
                  <c:v>109.937076</c:v>
                </c:pt>
                <c:pt idx="1092">
                  <c:v>109.97590700000001</c:v>
                </c:pt>
                <c:pt idx="1093">
                  <c:v>109.99885500000001</c:v>
                </c:pt>
                <c:pt idx="1094">
                  <c:v>109.975685</c:v>
                </c:pt>
                <c:pt idx="1095">
                  <c:v>109.918763</c:v>
                </c:pt>
                <c:pt idx="1096">
                  <c:v>109.952958</c:v>
                </c:pt>
                <c:pt idx="1097">
                  <c:v>109.983374</c:v>
                </c:pt>
                <c:pt idx="1098">
                  <c:v>109.955259</c:v>
                </c:pt>
                <c:pt idx="1099">
                  <c:v>110.02616999999999</c:v>
                </c:pt>
                <c:pt idx="1100">
                  <c:v>110.01774500000001</c:v>
                </c:pt>
                <c:pt idx="1101">
                  <c:v>109.956129</c:v>
                </c:pt>
                <c:pt idx="1102">
                  <c:v>109.835098</c:v>
                </c:pt>
                <c:pt idx="1103">
                  <c:v>109.82279699999999</c:v>
                </c:pt>
                <c:pt idx="1104">
                  <c:v>109.892312</c:v>
                </c:pt>
                <c:pt idx="1105">
                  <c:v>109.88409900000001</c:v>
                </c:pt>
                <c:pt idx="1106">
                  <c:v>109.82814500000001</c:v>
                </c:pt>
                <c:pt idx="1107">
                  <c:v>109.88387400000001</c:v>
                </c:pt>
                <c:pt idx="1108">
                  <c:v>109.964591</c:v>
                </c:pt>
                <c:pt idx="1109">
                  <c:v>110.048761</c:v>
                </c:pt>
                <c:pt idx="1110">
                  <c:v>110.043499</c:v>
                </c:pt>
                <c:pt idx="1111">
                  <c:v>109.93764899999999</c:v>
                </c:pt>
                <c:pt idx="1112">
                  <c:v>109.90046100000001</c:v>
                </c:pt>
                <c:pt idx="1113">
                  <c:v>109.839341</c:v>
                </c:pt>
                <c:pt idx="1114">
                  <c:v>109.8152</c:v>
                </c:pt>
                <c:pt idx="1115">
                  <c:v>109.870563</c:v>
                </c:pt>
                <c:pt idx="1116">
                  <c:v>109.888277</c:v>
                </c:pt>
                <c:pt idx="1117">
                  <c:v>109.892723</c:v>
                </c:pt>
                <c:pt idx="1118">
                  <c:v>109.86476999999999</c:v>
                </c:pt>
                <c:pt idx="1119">
                  <c:v>109.79650599999999</c:v>
                </c:pt>
                <c:pt idx="1120">
                  <c:v>109.705854</c:v>
                </c:pt>
                <c:pt idx="1121">
                  <c:v>109.70898200000001</c:v>
                </c:pt>
                <c:pt idx="1122">
                  <c:v>109.713595</c:v>
                </c:pt>
                <c:pt idx="1123">
                  <c:v>109.724895</c:v>
                </c:pt>
                <c:pt idx="1124">
                  <c:v>109.726286</c:v>
                </c:pt>
                <c:pt idx="1125">
                  <c:v>109.684794</c:v>
                </c:pt>
                <c:pt idx="1126">
                  <c:v>109.634282</c:v>
                </c:pt>
                <c:pt idx="1127">
                  <c:v>109.64530499999999</c:v>
                </c:pt>
                <c:pt idx="1128">
                  <c:v>109.682265</c:v>
                </c:pt>
                <c:pt idx="1129">
                  <c:v>109.666881</c:v>
                </c:pt>
                <c:pt idx="1130">
                  <c:v>109.596813</c:v>
                </c:pt>
                <c:pt idx="1131">
                  <c:v>109.55998700000001</c:v>
                </c:pt>
                <c:pt idx="1132">
                  <c:v>109.57703100000001</c:v>
                </c:pt>
                <c:pt idx="1133">
                  <c:v>109.62273</c:v>
                </c:pt>
                <c:pt idx="1134">
                  <c:v>109.559865</c:v>
                </c:pt>
                <c:pt idx="1135">
                  <c:v>109.54128799999999</c:v>
                </c:pt>
                <c:pt idx="1136">
                  <c:v>109.637111</c:v>
                </c:pt>
                <c:pt idx="1137">
                  <c:v>109.651267</c:v>
                </c:pt>
                <c:pt idx="1138">
                  <c:v>109.59348</c:v>
                </c:pt>
                <c:pt idx="1139">
                  <c:v>109.543561</c:v>
                </c:pt>
                <c:pt idx="1140">
                  <c:v>109.568242</c:v>
                </c:pt>
                <c:pt idx="1141">
                  <c:v>109.56862</c:v>
                </c:pt>
                <c:pt idx="1142">
                  <c:v>109.562174</c:v>
                </c:pt>
                <c:pt idx="1143">
                  <c:v>109.518278</c:v>
                </c:pt>
                <c:pt idx="1144">
                  <c:v>109.47912100000001</c:v>
                </c:pt>
                <c:pt idx="1145">
                  <c:v>109.50978499999999</c:v>
                </c:pt>
                <c:pt idx="1146">
                  <c:v>109.561302</c:v>
                </c:pt>
                <c:pt idx="1147">
                  <c:v>109.514825</c:v>
                </c:pt>
                <c:pt idx="1148">
                  <c:v>109.464033</c:v>
                </c:pt>
                <c:pt idx="1149">
                  <c:v>109.46021500000001</c:v>
                </c:pt>
                <c:pt idx="1150">
                  <c:v>109.447647</c:v>
                </c:pt>
                <c:pt idx="1151">
                  <c:v>109.544055</c:v>
                </c:pt>
                <c:pt idx="1152">
                  <c:v>109.547596</c:v>
                </c:pt>
                <c:pt idx="1153">
                  <c:v>109.471824</c:v>
                </c:pt>
                <c:pt idx="1154">
                  <c:v>109.432331</c:v>
                </c:pt>
                <c:pt idx="1155">
                  <c:v>109.478863</c:v>
                </c:pt>
                <c:pt idx="1156">
                  <c:v>109.45273400000001</c:v>
                </c:pt>
                <c:pt idx="1157">
                  <c:v>109.407068</c:v>
                </c:pt>
                <c:pt idx="1158">
                  <c:v>109.46632099999999</c:v>
                </c:pt>
                <c:pt idx="1159">
                  <c:v>109.416067</c:v>
                </c:pt>
                <c:pt idx="1160">
                  <c:v>109.34334200000001</c:v>
                </c:pt>
                <c:pt idx="1161">
                  <c:v>109.338505</c:v>
                </c:pt>
                <c:pt idx="1162">
                  <c:v>109.369674</c:v>
                </c:pt>
                <c:pt idx="1163">
                  <c:v>109.419676</c:v>
                </c:pt>
                <c:pt idx="1164">
                  <c:v>109.385577</c:v>
                </c:pt>
                <c:pt idx="1165">
                  <c:v>109.371993</c:v>
                </c:pt>
                <c:pt idx="1166">
                  <c:v>109.3836</c:v>
                </c:pt>
                <c:pt idx="1167">
                  <c:v>109.342038</c:v>
                </c:pt>
                <c:pt idx="1168">
                  <c:v>109.318032</c:v>
                </c:pt>
                <c:pt idx="1169">
                  <c:v>109.356173</c:v>
                </c:pt>
                <c:pt idx="1170">
                  <c:v>109.415916</c:v>
                </c:pt>
                <c:pt idx="1171">
                  <c:v>109.37523400000001</c:v>
                </c:pt>
                <c:pt idx="1172">
                  <c:v>109.347961</c:v>
                </c:pt>
                <c:pt idx="1173">
                  <c:v>109.419997</c:v>
                </c:pt>
                <c:pt idx="1174">
                  <c:v>109.36251799999999</c:v>
                </c:pt>
                <c:pt idx="1175">
                  <c:v>109.30105399999999</c:v>
                </c:pt>
                <c:pt idx="1176">
                  <c:v>109.34939</c:v>
                </c:pt>
                <c:pt idx="1177">
                  <c:v>109.39781600000001</c:v>
                </c:pt>
                <c:pt idx="1178">
                  <c:v>109.36785500000001</c:v>
                </c:pt>
                <c:pt idx="1179">
                  <c:v>109.302848</c:v>
                </c:pt>
                <c:pt idx="1180">
                  <c:v>109.268165</c:v>
                </c:pt>
                <c:pt idx="1181">
                  <c:v>109.27383500000001</c:v>
                </c:pt>
                <c:pt idx="1182">
                  <c:v>109.20408500000001</c:v>
                </c:pt>
                <c:pt idx="1183">
                  <c:v>109.21497599999999</c:v>
                </c:pt>
                <c:pt idx="1184">
                  <c:v>109.23549800000001</c:v>
                </c:pt>
                <c:pt idx="1185">
                  <c:v>109.23251999999999</c:v>
                </c:pt>
                <c:pt idx="1186">
                  <c:v>109.256074</c:v>
                </c:pt>
                <c:pt idx="1187">
                  <c:v>109.301282</c:v>
                </c:pt>
                <c:pt idx="1188">
                  <c:v>109.328675</c:v>
                </c:pt>
                <c:pt idx="1189">
                  <c:v>109.28152799999999</c:v>
                </c:pt>
                <c:pt idx="1190">
                  <c:v>109.25151700000001</c:v>
                </c:pt>
                <c:pt idx="1191">
                  <c:v>109.283806</c:v>
                </c:pt>
                <c:pt idx="1192">
                  <c:v>109.258353</c:v>
                </c:pt>
                <c:pt idx="1193">
                  <c:v>109.12394</c:v>
                </c:pt>
                <c:pt idx="1194">
                  <c:v>109.07365799999999</c:v>
                </c:pt>
                <c:pt idx="1195">
                  <c:v>109.161706</c:v>
                </c:pt>
                <c:pt idx="1196">
                  <c:v>109.187202</c:v>
                </c:pt>
                <c:pt idx="1197">
                  <c:v>109.191669</c:v>
                </c:pt>
                <c:pt idx="1198">
                  <c:v>109.1708</c:v>
                </c:pt>
                <c:pt idx="1199">
                  <c:v>109.125265</c:v>
                </c:pt>
                <c:pt idx="1200">
                  <c:v>109.064835</c:v>
                </c:pt>
                <c:pt idx="1201">
                  <c:v>108.978714</c:v>
                </c:pt>
                <c:pt idx="1202">
                  <c:v>108.982342</c:v>
                </c:pt>
                <c:pt idx="1203">
                  <c:v>109.091847</c:v>
                </c:pt>
                <c:pt idx="1204">
                  <c:v>109.177938</c:v>
                </c:pt>
                <c:pt idx="1205">
                  <c:v>109.169584</c:v>
                </c:pt>
                <c:pt idx="1206">
                  <c:v>109.106576</c:v>
                </c:pt>
                <c:pt idx="1207">
                  <c:v>109.056251</c:v>
                </c:pt>
                <c:pt idx="1208">
                  <c:v>109.118452</c:v>
                </c:pt>
                <c:pt idx="1209">
                  <c:v>109.12576799999999</c:v>
                </c:pt>
                <c:pt idx="1210">
                  <c:v>109.08882699999999</c:v>
                </c:pt>
                <c:pt idx="1211">
                  <c:v>109.08518100000001</c:v>
                </c:pt>
                <c:pt idx="1212">
                  <c:v>109.027894</c:v>
                </c:pt>
                <c:pt idx="1213">
                  <c:v>109.05812899999999</c:v>
                </c:pt>
                <c:pt idx="1214">
                  <c:v>109.000139</c:v>
                </c:pt>
                <c:pt idx="1215">
                  <c:v>108.97382500000001</c:v>
                </c:pt>
                <c:pt idx="1216">
                  <c:v>108.99537100000001</c:v>
                </c:pt>
                <c:pt idx="1217">
                  <c:v>109.000163</c:v>
                </c:pt>
                <c:pt idx="1218">
                  <c:v>109.019087</c:v>
                </c:pt>
                <c:pt idx="1219">
                  <c:v>109.039445</c:v>
                </c:pt>
                <c:pt idx="1220">
                  <c:v>109.04373699999999</c:v>
                </c:pt>
                <c:pt idx="1221">
                  <c:v>109.013402</c:v>
                </c:pt>
                <c:pt idx="1222">
                  <c:v>108.966504</c:v>
                </c:pt>
                <c:pt idx="1223">
                  <c:v>109.01577399999999</c:v>
                </c:pt>
                <c:pt idx="1224">
                  <c:v>109.036587</c:v>
                </c:pt>
                <c:pt idx="1225">
                  <c:v>108.942784</c:v>
                </c:pt>
                <c:pt idx="1226">
                  <c:v>108.943662</c:v>
                </c:pt>
                <c:pt idx="1227">
                  <c:v>108.967682</c:v>
                </c:pt>
                <c:pt idx="1228">
                  <c:v>108.962856</c:v>
                </c:pt>
                <c:pt idx="1229">
                  <c:v>108.93749099999999</c:v>
                </c:pt>
                <c:pt idx="1230">
                  <c:v>108.875112</c:v>
                </c:pt>
                <c:pt idx="1231">
                  <c:v>108.832735</c:v>
                </c:pt>
                <c:pt idx="1232">
                  <c:v>108.807062</c:v>
                </c:pt>
                <c:pt idx="1233">
                  <c:v>108.861377</c:v>
                </c:pt>
                <c:pt idx="1234">
                  <c:v>108.932964</c:v>
                </c:pt>
                <c:pt idx="1235">
                  <c:v>108.874802</c:v>
                </c:pt>
                <c:pt idx="1236">
                  <c:v>108.807762</c:v>
                </c:pt>
                <c:pt idx="1237">
                  <c:v>108.81303200000001</c:v>
                </c:pt>
                <c:pt idx="1238">
                  <c:v>108.854916</c:v>
                </c:pt>
                <c:pt idx="1239">
                  <c:v>108.85213</c:v>
                </c:pt>
                <c:pt idx="1240">
                  <c:v>108.803343</c:v>
                </c:pt>
                <c:pt idx="1241">
                  <c:v>108.82513</c:v>
                </c:pt>
                <c:pt idx="1242">
                  <c:v>108.82186</c:v>
                </c:pt>
                <c:pt idx="1243">
                  <c:v>108.791223</c:v>
                </c:pt>
                <c:pt idx="1244">
                  <c:v>108.814897</c:v>
                </c:pt>
                <c:pt idx="1245">
                  <c:v>108.800691</c:v>
                </c:pt>
                <c:pt idx="1246">
                  <c:v>108.87769400000001</c:v>
                </c:pt>
                <c:pt idx="1247">
                  <c:v>108.87123</c:v>
                </c:pt>
                <c:pt idx="1248">
                  <c:v>108.845189</c:v>
                </c:pt>
                <c:pt idx="1249">
                  <c:v>108.867589</c:v>
                </c:pt>
                <c:pt idx="1250">
                  <c:v>108.82181799999999</c:v>
                </c:pt>
                <c:pt idx="1251">
                  <c:v>108.790316</c:v>
                </c:pt>
                <c:pt idx="1252">
                  <c:v>108.779464</c:v>
                </c:pt>
                <c:pt idx="1253">
                  <c:v>108.72921599999999</c:v>
                </c:pt>
                <c:pt idx="1254">
                  <c:v>108.655996</c:v>
                </c:pt>
                <c:pt idx="1255">
                  <c:v>108.705243</c:v>
                </c:pt>
                <c:pt idx="1256">
                  <c:v>108.69423500000001</c:v>
                </c:pt>
                <c:pt idx="1257">
                  <c:v>108.667711</c:v>
                </c:pt>
                <c:pt idx="1258">
                  <c:v>108.764589</c:v>
                </c:pt>
                <c:pt idx="1259">
                  <c:v>108.829697</c:v>
                </c:pt>
                <c:pt idx="1260">
                  <c:v>108.731076</c:v>
                </c:pt>
                <c:pt idx="1261">
                  <c:v>108.61252</c:v>
                </c:pt>
                <c:pt idx="1262">
                  <c:v>108.615071</c:v>
                </c:pt>
                <c:pt idx="1263">
                  <c:v>108.702673</c:v>
                </c:pt>
                <c:pt idx="1264">
                  <c:v>108.76884800000001</c:v>
                </c:pt>
                <c:pt idx="1265">
                  <c:v>108.73954999999999</c:v>
                </c:pt>
                <c:pt idx="1266">
                  <c:v>108.680153</c:v>
                </c:pt>
                <c:pt idx="1267">
                  <c:v>108.684969</c:v>
                </c:pt>
                <c:pt idx="1268">
                  <c:v>108.751722</c:v>
                </c:pt>
                <c:pt idx="1269">
                  <c:v>108.718327</c:v>
                </c:pt>
                <c:pt idx="1270">
                  <c:v>108.64838399999999</c:v>
                </c:pt>
                <c:pt idx="1271">
                  <c:v>108.65995599999999</c:v>
                </c:pt>
                <c:pt idx="1272">
                  <c:v>108.703351</c:v>
                </c:pt>
                <c:pt idx="1273">
                  <c:v>108.636448</c:v>
                </c:pt>
                <c:pt idx="1274">
                  <c:v>108.616095</c:v>
                </c:pt>
                <c:pt idx="1275">
                  <c:v>108.66117800000001</c:v>
                </c:pt>
                <c:pt idx="1276">
                  <c:v>108.66783700000001</c:v>
                </c:pt>
                <c:pt idx="1277">
                  <c:v>108.64598599999999</c:v>
                </c:pt>
                <c:pt idx="1278">
                  <c:v>108.607607</c:v>
                </c:pt>
                <c:pt idx="1279">
                  <c:v>108.541505</c:v>
                </c:pt>
                <c:pt idx="1280">
                  <c:v>108.59316099999999</c:v>
                </c:pt>
                <c:pt idx="1281">
                  <c:v>108.666715</c:v>
                </c:pt>
                <c:pt idx="1282">
                  <c:v>108.65338199999999</c:v>
                </c:pt>
                <c:pt idx="1283">
                  <c:v>108.649356</c:v>
                </c:pt>
                <c:pt idx="1284">
                  <c:v>108.609495</c:v>
                </c:pt>
                <c:pt idx="1285">
                  <c:v>108.58620999999999</c:v>
                </c:pt>
                <c:pt idx="1286">
                  <c:v>108.60047</c:v>
                </c:pt>
                <c:pt idx="1287">
                  <c:v>108.56932500000001</c:v>
                </c:pt>
                <c:pt idx="1288">
                  <c:v>108.555195</c:v>
                </c:pt>
                <c:pt idx="1289">
                  <c:v>108.58427399999999</c:v>
                </c:pt>
                <c:pt idx="1290">
                  <c:v>108.559061</c:v>
                </c:pt>
                <c:pt idx="1291">
                  <c:v>108.54151299999999</c:v>
                </c:pt>
                <c:pt idx="1292">
                  <c:v>108.52672200000001</c:v>
                </c:pt>
                <c:pt idx="1293">
                  <c:v>108.531825</c:v>
                </c:pt>
                <c:pt idx="1294">
                  <c:v>108.48506399999999</c:v>
                </c:pt>
                <c:pt idx="1295">
                  <c:v>108.53431500000001</c:v>
                </c:pt>
                <c:pt idx="1296">
                  <c:v>108.636287</c:v>
                </c:pt>
                <c:pt idx="1297">
                  <c:v>108.597387</c:v>
                </c:pt>
                <c:pt idx="1298">
                  <c:v>108.581998</c:v>
                </c:pt>
                <c:pt idx="1299">
                  <c:v>108.649244</c:v>
                </c:pt>
                <c:pt idx="1300">
                  <c:v>108.560318</c:v>
                </c:pt>
                <c:pt idx="1301">
                  <c:v>108.446754</c:v>
                </c:pt>
                <c:pt idx="1302">
                  <c:v>108.422803</c:v>
                </c:pt>
                <c:pt idx="1303">
                  <c:v>108.551784</c:v>
                </c:pt>
                <c:pt idx="1304">
                  <c:v>108.675962</c:v>
                </c:pt>
                <c:pt idx="1305">
                  <c:v>108.68029900000001</c:v>
                </c:pt>
                <c:pt idx="1306">
                  <c:v>108.593024</c:v>
                </c:pt>
                <c:pt idx="1307">
                  <c:v>108.54630299999999</c:v>
                </c:pt>
                <c:pt idx="1308">
                  <c:v>108.555221</c:v>
                </c:pt>
                <c:pt idx="1309">
                  <c:v>108.57844299999999</c:v>
                </c:pt>
                <c:pt idx="1310">
                  <c:v>108.528226</c:v>
                </c:pt>
                <c:pt idx="1311">
                  <c:v>108.420265</c:v>
                </c:pt>
                <c:pt idx="1312">
                  <c:v>108.439869</c:v>
                </c:pt>
                <c:pt idx="1313">
                  <c:v>108.47923900000001</c:v>
                </c:pt>
                <c:pt idx="1314">
                  <c:v>108.43955099999999</c:v>
                </c:pt>
                <c:pt idx="1315">
                  <c:v>108.40763099999999</c:v>
                </c:pt>
                <c:pt idx="1316">
                  <c:v>108.476051</c:v>
                </c:pt>
                <c:pt idx="1317">
                  <c:v>108.546021</c:v>
                </c:pt>
                <c:pt idx="1318">
                  <c:v>108.60566300000001</c:v>
                </c:pt>
                <c:pt idx="1319">
                  <c:v>108.63140799999999</c:v>
                </c:pt>
                <c:pt idx="1320">
                  <c:v>108.642897</c:v>
                </c:pt>
                <c:pt idx="1321">
                  <c:v>108.483689</c:v>
                </c:pt>
                <c:pt idx="1322">
                  <c:v>108.383708</c:v>
                </c:pt>
                <c:pt idx="1323">
                  <c:v>108.406677</c:v>
                </c:pt>
                <c:pt idx="1324">
                  <c:v>108.472646</c:v>
                </c:pt>
                <c:pt idx="1325">
                  <c:v>108.552627</c:v>
                </c:pt>
                <c:pt idx="1326">
                  <c:v>108.556428</c:v>
                </c:pt>
                <c:pt idx="1327">
                  <c:v>108.471</c:v>
                </c:pt>
                <c:pt idx="1328">
                  <c:v>108.412803</c:v>
                </c:pt>
                <c:pt idx="1329">
                  <c:v>108.481499</c:v>
                </c:pt>
                <c:pt idx="1330">
                  <c:v>108.45916699999999</c:v>
                </c:pt>
                <c:pt idx="1331">
                  <c:v>108.346672</c:v>
                </c:pt>
                <c:pt idx="1332">
                  <c:v>108.256784</c:v>
                </c:pt>
                <c:pt idx="1333">
                  <c:v>108.35810499999999</c:v>
                </c:pt>
                <c:pt idx="1334">
                  <c:v>108.452718</c:v>
                </c:pt>
                <c:pt idx="1335">
                  <c:v>108.46067600000001</c:v>
                </c:pt>
                <c:pt idx="1336">
                  <c:v>108.50549599999999</c:v>
                </c:pt>
                <c:pt idx="1337">
                  <c:v>108.542603</c:v>
                </c:pt>
                <c:pt idx="1338">
                  <c:v>108.48249800000001</c:v>
                </c:pt>
                <c:pt idx="1339">
                  <c:v>108.45192400000001</c:v>
                </c:pt>
                <c:pt idx="1340">
                  <c:v>108.49233599999999</c:v>
                </c:pt>
                <c:pt idx="1341">
                  <c:v>108.48327500000001</c:v>
                </c:pt>
                <c:pt idx="1342">
                  <c:v>108.38059699999999</c:v>
                </c:pt>
                <c:pt idx="1343">
                  <c:v>108.556551</c:v>
                </c:pt>
                <c:pt idx="1344">
                  <c:v>108.601108</c:v>
                </c:pt>
                <c:pt idx="1345">
                  <c:v>108.54625900000001</c:v>
                </c:pt>
                <c:pt idx="1346">
                  <c:v>108.447518</c:v>
                </c:pt>
                <c:pt idx="1347">
                  <c:v>108.45037600000001</c:v>
                </c:pt>
                <c:pt idx="1348">
                  <c:v>108.487837</c:v>
                </c:pt>
                <c:pt idx="1349">
                  <c:v>108.51941100000001</c:v>
                </c:pt>
                <c:pt idx="1350">
                  <c:v>108.503745</c:v>
                </c:pt>
                <c:pt idx="1351">
                  <c:v>108.47646400000001</c:v>
                </c:pt>
                <c:pt idx="1352">
                  <c:v>108.375373</c:v>
                </c:pt>
                <c:pt idx="1353">
                  <c:v>108.40871300000001</c:v>
                </c:pt>
                <c:pt idx="1354">
                  <c:v>108.44762799999999</c:v>
                </c:pt>
                <c:pt idx="1355">
                  <c:v>108.330147</c:v>
                </c:pt>
                <c:pt idx="1356">
                  <c:v>108.399691</c:v>
                </c:pt>
                <c:pt idx="1357">
                  <c:v>108.410319</c:v>
                </c:pt>
                <c:pt idx="1358">
                  <c:v>108.229125</c:v>
                </c:pt>
                <c:pt idx="1359">
                  <c:v>108.215199</c:v>
                </c:pt>
                <c:pt idx="1360">
                  <c:v>108.42182099999999</c:v>
                </c:pt>
                <c:pt idx="1361">
                  <c:v>108.561571</c:v>
                </c:pt>
                <c:pt idx="1362">
                  <c:v>108.596777</c:v>
                </c:pt>
                <c:pt idx="1363">
                  <c:v>108.333716</c:v>
                </c:pt>
                <c:pt idx="1364">
                  <c:v>108.11628399999999</c:v>
                </c:pt>
                <c:pt idx="1365">
                  <c:v>108.387157</c:v>
                </c:pt>
                <c:pt idx="1366">
                  <c:v>108.42632399999999</c:v>
                </c:pt>
                <c:pt idx="1367">
                  <c:v>108.45207499999999</c:v>
                </c:pt>
                <c:pt idx="1368">
                  <c:v>108.411214</c:v>
                </c:pt>
                <c:pt idx="1369">
                  <c:v>108.329408</c:v>
                </c:pt>
                <c:pt idx="1370">
                  <c:v>108.27925999999999</c:v>
                </c:pt>
                <c:pt idx="1371">
                  <c:v>108.315506</c:v>
                </c:pt>
                <c:pt idx="1372">
                  <c:v>108.321551</c:v>
                </c:pt>
                <c:pt idx="1373">
                  <c:v>108.120823</c:v>
                </c:pt>
                <c:pt idx="1374">
                  <c:v>107.765075</c:v>
                </c:pt>
                <c:pt idx="1375">
                  <c:v>108.091854</c:v>
                </c:pt>
                <c:pt idx="1376">
                  <c:v>108.462929</c:v>
                </c:pt>
                <c:pt idx="1377">
                  <c:v>108.39412</c:v>
                </c:pt>
                <c:pt idx="1378">
                  <c:v>108.325237</c:v>
                </c:pt>
                <c:pt idx="1379">
                  <c:v>108.470727</c:v>
                </c:pt>
                <c:pt idx="1380">
                  <c:v>108.501204</c:v>
                </c:pt>
                <c:pt idx="1381">
                  <c:v>108.402021</c:v>
                </c:pt>
                <c:pt idx="1382">
                  <c:v>108.326393</c:v>
                </c:pt>
                <c:pt idx="1383">
                  <c:v>108.348249</c:v>
                </c:pt>
                <c:pt idx="1384">
                  <c:v>108.285635</c:v>
                </c:pt>
                <c:pt idx="1385">
                  <c:v>108.19584500000001</c:v>
                </c:pt>
                <c:pt idx="1386">
                  <c:v>108.367424</c:v>
                </c:pt>
                <c:pt idx="1387">
                  <c:v>108.28161900000001</c:v>
                </c:pt>
                <c:pt idx="1388">
                  <c:v>108.025811</c:v>
                </c:pt>
                <c:pt idx="1389">
                  <c:v>108.153665</c:v>
                </c:pt>
                <c:pt idx="1390">
                  <c:v>108.234829</c:v>
                </c:pt>
                <c:pt idx="1391">
                  <c:v>108.367065</c:v>
                </c:pt>
                <c:pt idx="1392">
                  <c:v>108.483155</c:v>
                </c:pt>
                <c:pt idx="1393">
                  <c:v>108.537655</c:v>
                </c:pt>
                <c:pt idx="1394">
                  <c:v>108.455214</c:v>
                </c:pt>
                <c:pt idx="1395">
                  <c:v>108.308008</c:v>
                </c:pt>
                <c:pt idx="1396">
                  <c:v>108.182686</c:v>
                </c:pt>
                <c:pt idx="1397">
                  <c:v>108.34392099999999</c:v>
                </c:pt>
                <c:pt idx="1398">
                  <c:v>108.47844499999999</c:v>
                </c:pt>
                <c:pt idx="1399">
                  <c:v>108.41283199999999</c:v>
                </c:pt>
                <c:pt idx="1400">
                  <c:v>108.345287</c:v>
                </c:pt>
                <c:pt idx="1401">
                  <c:v>108.328014</c:v>
                </c:pt>
                <c:pt idx="1402">
                  <c:v>108.364632</c:v>
                </c:pt>
                <c:pt idx="1403">
                  <c:v>108.407639</c:v>
                </c:pt>
                <c:pt idx="1404">
                  <c:v>108.406064</c:v>
                </c:pt>
                <c:pt idx="1405">
                  <c:v>108.40640999999999</c:v>
                </c:pt>
                <c:pt idx="1406">
                  <c:v>108.293762</c:v>
                </c:pt>
                <c:pt idx="1407">
                  <c:v>108.31149499999999</c:v>
                </c:pt>
                <c:pt idx="1408">
                  <c:v>108.427384</c:v>
                </c:pt>
                <c:pt idx="1409">
                  <c:v>108.38081699999999</c:v>
                </c:pt>
                <c:pt idx="1410">
                  <c:v>108.431066</c:v>
                </c:pt>
                <c:pt idx="1411">
                  <c:v>108.467028</c:v>
                </c:pt>
                <c:pt idx="1412">
                  <c:v>108.427724</c:v>
                </c:pt>
                <c:pt idx="1413">
                  <c:v>108.33167899999999</c:v>
                </c:pt>
                <c:pt idx="1414">
                  <c:v>108.343351</c:v>
                </c:pt>
                <c:pt idx="1415">
                  <c:v>108.41392999999999</c:v>
                </c:pt>
                <c:pt idx="1416">
                  <c:v>108.36396000000001</c:v>
                </c:pt>
                <c:pt idx="1417">
                  <c:v>108.221999</c:v>
                </c:pt>
                <c:pt idx="1418">
                  <c:v>108.143114</c:v>
                </c:pt>
                <c:pt idx="1419">
                  <c:v>107.938024</c:v>
                </c:pt>
                <c:pt idx="1420">
                  <c:v>108.12168800000001</c:v>
                </c:pt>
                <c:pt idx="1421">
                  <c:v>108.317162</c:v>
                </c:pt>
                <c:pt idx="1422">
                  <c:v>108.374077</c:v>
                </c:pt>
                <c:pt idx="1423">
                  <c:v>108.015432</c:v>
                </c:pt>
                <c:pt idx="1424">
                  <c:v>107.68423199999999</c:v>
                </c:pt>
                <c:pt idx="1425">
                  <c:v>107.886523</c:v>
                </c:pt>
                <c:pt idx="1426">
                  <c:v>107.861639</c:v>
                </c:pt>
                <c:pt idx="1427">
                  <c:v>107.991567</c:v>
                </c:pt>
                <c:pt idx="1428">
                  <c:v>108.122417</c:v>
                </c:pt>
                <c:pt idx="1429">
                  <c:v>108.309011</c:v>
                </c:pt>
                <c:pt idx="1430">
                  <c:v>108.39824299999999</c:v>
                </c:pt>
                <c:pt idx="1431">
                  <c:v>108.338379</c:v>
                </c:pt>
                <c:pt idx="1432">
                  <c:v>108.34242</c:v>
                </c:pt>
                <c:pt idx="1433">
                  <c:v>108.45072399999999</c:v>
                </c:pt>
                <c:pt idx="1434">
                  <c:v>108.361902</c:v>
                </c:pt>
                <c:pt idx="1435">
                  <c:v>108.38829200000001</c:v>
                </c:pt>
                <c:pt idx="1436">
                  <c:v>108.447964</c:v>
                </c:pt>
                <c:pt idx="1437">
                  <c:v>108.494579</c:v>
                </c:pt>
                <c:pt idx="1438">
                  <c:v>108.511465</c:v>
                </c:pt>
                <c:pt idx="1439">
                  <c:v>108.49571400000001</c:v>
                </c:pt>
                <c:pt idx="1440">
                  <c:v>108.58744799999999</c:v>
                </c:pt>
                <c:pt idx="1441">
                  <c:v>108.61174099999999</c:v>
                </c:pt>
                <c:pt idx="1442">
                  <c:v>108.592052</c:v>
                </c:pt>
                <c:pt idx="1443">
                  <c:v>108.647019</c:v>
                </c:pt>
                <c:pt idx="1444">
                  <c:v>108.557157</c:v>
                </c:pt>
                <c:pt idx="1445">
                  <c:v>108.468784</c:v>
                </c:pt>
                <c:pt idx="1446">
                  <c:v>108.47496700000001</c:v>
                </c:pt>
                <c:pt idx="1447">
                  <c:v>108.52562</c:v>
                </c:pt>
                <c:pt idx="1448">
                  <c:v>108.49449300000001</c:v>
                </c:pt>
                <c:pt idx="1449">
                  <c:v>108.507159</c:v>
                </c:pt>
                <c:pt idx="1450">
                  <c:v>108.47396999999999</c:v>
                </c:pt>
                <c:pt idx="1451">
                  <c:v>108.54085600000001</c:v>
                </c:pt>
                <c:pt idx="1452">
                  <c:v>108.534982</c:v>
                </c:pt>
                <c:pt idx="1453">
                  <c:v>108.32759</c:v>
                </c:pt>
                <c:pt idx="1454">
                  <c:v>108.504598</c:v>
                </c:pt>
                <c:pt idx="1455">
                  <c:v>108.550847</c:v>
                </c:pt>
                <c:pt idx="1456">
                  <c:v>108.413673</c:v>
                </c:pt>
                <c:pt idx="1457">
                  <c:v>108.551562</c:v>
                </c:pt>
                <c:pt idx="1458">
                  <c:v>108.596761</c:v>
                </c:pt>
                <c:pt idx="1459">
                  <c:v>108.527728</c:v>
                </c:pt>
                <c:pt idx="1460">
                  <c:v>108.352572</c:v>
                </c:pt>
                <c:pt idx="1461">
                  <c:v>108.359944</c:v>
                </c:pt>
                <c:pt idx="1462">
                  <c:v>108.54065199999999</c:v>
                </c:pt>
                <c:pt idx="1463">
                  <c:v>108.413786</c:v>
                </c:pt>
                <c:pt idx="1464">
                  <c:v>108.386235</c:v>
                </c:pt>
                <c:pt idx="1465">
                  <c:v>108.523605</c:v>
                </c:pt>
                <c:pt idx="1466">
                  <c:v>108.473378</c:v>
                </c:pt>
                <c:pt idx="1467">
                  <c:v>108.464254</c:v>
                </c:pt>
                <c:pt idx="1468">
                  <c:v>108.44996</c:v>
                </c:pt>
                <c:pt idx="1469">
                  <c:v>108.487635</c:v>
                </c:pt>
                <c:pt idx="1470">
                  <c:v>108.540741</c:v>
                </c:pt>
                <c:pt idx="1471">
                  <c:v>108.437523</c:v>
                </c:pt>
                <c:pt idx="1472">
                  <c:v>108.305671</c:v>
                </c:pt>
                <c:pt idx="1473">
                  <c:v>108.329847</c:v>
                </c:pt>
                <c:pt idx="1474">
                  <c:v>108.3471</c:v>
                </c:pt>
                <c:pt idx="1475">
                  <c:v>108.29338199999999</c:v>
                </c:pt>
                <c:pt idx="1476">
                  <c:v>108.372801</c:v>
                </c:pt>
                <c:pt idx="1477">
                  <c:v>108.4773</c:v>
                </c:pt>
                <c:pt idx="1478">
                  <c:v>108.465917</c:v>
                </c:pt>
                <c:pt idx="1479">
                  <c:v>108.191985</c:v>
                </c:pt>
                <c:pt idx="1480">
                  <c:v>107.605497</c:v>
                </c:pt>
                <c:pt idx="1481">
                  <c:v>108.127949</c:v>
                </c:pt>
                <c:pt idx="1482">
                  <c:v>108.437254</c:v>
                </c:pt>
                <c:pt idx="1483">
                  <c:v>108.44148</c:v>
                </c:pt>
                <c:pt idx="1484">
                  <c:v>108.329651</c:v>
                </c:pt>
                <c:pt idx="1485">
                  <c:v>108.223011</c:v>
                </c:pt>
                <c:pt idx="1486">
                  <c:v>108.291577</c:v>
                </c:pt>
                <c:pt idx="1487">
                  <c:v>108.477228</c:v>
                </c:pt>
                <c:pt idx="1488">
                  <c:v>108.29495</c:v>
                </c:pt>
                <c:pt idx="1489">
                  <c:v>108.28219300000001</c:v>
                </c:pt>
                <c:pt idx="1490">
                  <c:v>108.346794</c:v>
                </c:pt>
                <c:pt idx="1491">
                  <c:v>108.331723</c:v>
                </c:pt>
                <c:pt idx="1492">
                  <c:v>108.46355200000001</c:v>
                </c:pt>
                <c:pt idx="1493">
                  <c:v>108.42416900000001</c:v>
                </c:pt>
                <c:pt idx="1494">
                  <c:v>108.300658</c:v>
                </c:pt>
                <c:pt idx="1495">
                  <c:v>108.37150800000001</c:v>
                </c:pt>
                <c:pt idx="1496">
                  <c:v>108.325283</c:v>
                </c:pt>
                <c:pt idx="1497">
                  <c:v>108.34634800000001</c:v>
                </c:pt>
                <c:pt idx="1498">
                  <c:v>108.455339</c:v>
                </c:pt>
                <c:pt idx="1499">
                  <c:v>108.35648500000001</c:v>
                </c:pt>
                <c:pt idx="1500">
                  <c:v>108.269032</c:v>
                </c:pt>
                <c:pt idx="1501">
                  <c:v>108.38990800000001</c:v>
                </c:pt>
                <c:pt idx="1502">
                  <c:v>108.495852</c:v>
                </c:pt>
                <c:pt idx="1503">
                  <c:v>108.474879</c:v>
                </c:pt>
                <c:pt idx="1504">
                  <c:v>108.354797</c:v>
                </c:pt>
                <c:pt idx="1505">
                  <c:v>108.31657800000001</c:v>
                </c:pt>
                <c:pt idx="1506">
                  <c:v>108.285093</c:v>
                </c:pt>
                <c:pt idx="1507">
                  <c:v>108.27494799999999</c:v>
                </c:pt>
                <c:pt idx="1508">
                  <c:v>108.305347</c:v>
                </c:pt>
                <c:pt idx="1509">
                  <c:v>108.262923</c:v>
                </c:pt>
                <c:pt idx="1510">
                  <c:v>108.317178</c:v>
                </c:pt>
                <c:pt idx="1511">
                  <c:v>108.45975</c:v>
                </c:pt>
                <c:pt idx="1512">
                  <c:v>108.410877</c:v>
                </c:pt>
                <c:pt idx="1513">
                  <c:v>108.297799</c:v>
                </c:pt>
                <c:pt idx="1514">
                  <c:v>108.280125</c:v>
                </c:pt>
                <c:pt idx="1515">
                  <c:v>108.300552</c:v>
                </c:pt>
                <c:pt idx="1516">
                  <c:v>108.307641</c:v>
                </c:pt>
                <c:pt idx="1517">
                  <c:v>108.318513</c:v>
                </c:pt>
                <c:pt idx="1518">
                  <c:v>108.428742</c:v>
                </c:pt>
                <c:pt idx="1519">
                  <c:v>108.41406600000001</c:v>
                </c:pt>
                <c:pt idx="1520">
                  <c:v>108.252467</c:v>
                </c:pt>
                <c:pt idx="1521">
                  <c:v>108.185451</c:v>
                </c:pt>
                <c:pt idx="1522">
                  <c:v>108.27279799999999</c:v>
                </c:pt>
                <c:pt idx="1523">
                  <c:v>108.338267</c:v>
                </c:pt>
                <c:pt idx="1524">
                  <c:v>108.404343</c:v>
                </c:pt>
                <c:pt idx="1525">
                  <c:v>108.40971</c:v>
                </c:pt>
                <c:pt idx="1526">
                  <c:v>108.303747</c:v>
                </c:pt>
                <c:pt idx="1527">
                  <c:v>108.33413899999999</c:v>
                </c:pt>
                <c:pt idx="1528">
                  <c:v>108.32449099999999</c:v>
                </c:pt>
                <c:pt idx="1529">
                  <c:v>108.252825</c:v>
                </c:pt>
                <c:pt idx="1530">
                  <c:v>108.25511899999999</c:v>
                </c:pt>
                <c:pt idx="1531">
                  <c:v>108.26031500000001</c:v>
                </c:pt>
                <c:pt idx="1532">
                  <c:v>108.303642</c:v>
                </c:pt>
                <c:pt idx="1533">
                  <c:v>108.322562</c:v>
                </c:pt>
                <c:pt idx="1534">
                  <c:v>108.256349</c:v>
                </c:pt>
                <c:pt idx="1535">
                  <c:v>108.28156799999999</c:v>
                </c:pt>
                <c:pt idx="1536">
                  <c:v>108.283883</c:v>
                </c:pt>
                <c:pt idx="1537">
                  <c:v>108.280719</c:v>
                </c:pt>
                <c:pt idx="1538">
                  <c:v>108.293362</c:v>
                </c:pt>
                <c:pt idx="1539">
                  <c:v>108.243332</c:v>
                </c:pt>
                <c:pt idx="1540">
                  <c:v>108.20818800000001</c:v>
                </c:pt>
                <c:pt idx="1541">
                  <c:v>108.27426800000001</c:v>
                </c:pt>
                <c:pt idx="1542">
                  <c:v>108.243424</c:v>
                </c:pt>
                <c:pt idx="1543">
                  <c:v>108.251633</c:v>
                </c:pt>
                <c:pt idx="1544">
                  <c:v>108.252965</c:v>
                </c:pt>
                <c:pt idx="1545">
                  <c:v>108.216747</c:v>
                </c:pt>
                <c:pt idx="1546">
                  <c:v>108.20776600000001</c:v>
                </c:pt>
                <c:pt idx="1547">
                  <c:v>108.179928</c:v>
                </c:pt>
                <c:pt idx="1548">
                  <c:v>108.244029</c:v>
                </c:pt>
                <c:pt idx="1549">
                  <c:v>108.298689</c:v>
                </c:pt>
                <c:pt idx="1550">
                  <c:v>108.24974899999999</c:v>
                </c:pt>
                <c:pt idx="1551">
                  <c:v>108.22964399999999</c:v>
                </c:pt>
                <c:pt idx="1552">
                  <c:v>108.29167099999999</c:v>
                </c:pt>
                <c:pt idx="1553">
                  <c:v>108.254152</c:v>
                </c:pt>
                <c:pt idx="1554">
                  <c:v>108.187915</c:v>
                </c:pt>
                <c:pt idx="1555">
                  <c:v>108.16552900000001</c:v>
                </c:pt>
                <c:pt idx="1556">
                  <c:v>108.1309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4D1E-498B-A6C1-B654C2EDF5C7}"/>
            </c:ext>
          </c:extLst>
        </c:ser>
        <c:ser>
          <c:idx val="1"/>
          <c:order val="1"/>
          <c:tx>
            <c:strRef>
              <c:f>'Fig 2 a'!$E$10</c:f>
              <c:strCache>
                <c:ptCount val="1"/>
                <c:pt idx="0">
                  <c:v>S-P-1.4</c:v>
                </c:pt>
              </c:strCache>
            </c:strRef>
          </c:tx>
          <c:spPr>
            <a:ln w="28575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2 a'!$D$11:$D$1567</c:f>
              <c:numCache>
                <c:formatCode>General</c:formatCode>
                <c:ptCount val="1557"/>
                <c:pt idx="0">
                  <c:v>999.12668799999994</c:v>
                </c:pt>
                <c:pt idx="1">
                  <c:v>1001.055504</c:v>
                </c:pt>
                <c:pt idx="2">
                  <c:v>1002.98432</c:v>
                </c:pt>
                <c:pt idx="3">
                  <c:v>1004.913136</c:v>
                </c:pt>
                <c:pt idx="4">
                  <c:v>1006.841952</c:v>
                </c:pt>
                <c:pt idx="5">
                  <c:v>1008.770768</c:v>
                </c:pt>
                <c:pt idx="6">
                  <c:v>1010.699584</c:v>
                </c:pt>
                <c:pt idx="7">
                  <c:v>1012.6284000000001</c:v>
                </c:pt>
                <c:pt idx="8">
                  <c:v>1014.557216</c:v>
                </c:pt>
                <c:pt idx="9">
                  <c:v>1016.486032</c:v>
                </c:pt>
                <c:pt idx="10">
                  <c:v>1018.414848</c:v>
                </c:pt>
                <c:pt idx="11">
                  <c:v>1020.343664</c:v>
                </c:pt>
                <c:pt idx="12">
                  <c:v>1022.27248</c:v>
                </c:pt>
                <c:pt idx="13">
                  <c:v>1024.201296</c:v>
                </c:pt>
                <c:pt idx="14">
                  <c:v>1026.1301120000001</c:v>
                </c:pt>
                <c:pt idx="15">
                  <c:v>1028.0589279999999</c:v>
                </c:pt>
                <c:pt idx="16">
                  <c:v>1029.987744</c:v>
                </c:pt>
                <c:pt idx="17">
                  <c:v>1031.9165599999999</c:v>
                </c:pt>
                <c:pt idx="18">
                  <c:v>1033.845376</c:v>
                </c:pt>
                <c:pt idx="19">
                  <c:v>1035.7741920000001</c:v>
                </c:pt>
                <c:pt idx="20">
                  <c:v>1037.703008</c:v>
                </c:pt>
                <c:pt idx="21">
                  <c:v>1039.6318240000001</c:v>
                </c:pt>
                <c:pt idx="22">
                  <c:v>1041.5606399999999</c:v>
                </c:pt>
                <c:pt idx="23">
                  <c:v>1043.489456</c:v>
                </c:pt>
                <c:pt idx="24">
                  <c:v>1045.4182719999999</c:v>
                </c:pt>
                <c:pt idx="25">
                  <c:v>1047.347088</c:v>
                </c:pt>
                <c:pt idx="26">
                  <c:v>1049.2759040000001</c:v>
                </c:pt>
                <c:pt idx="27">
                  <c:v>1051.20472</c:v>
                </c:pt>
                <c:pt idx="28">
                  <c:v>1053.133536</c:v>
                </c:pt>
                <c:pt idx="29">
                  <c:v>1055.0623519999999</c:v>
                </c:pt>
                <c:pt idx="30">
                  <c:v>1056.991168</c:v>
                </c:pt>
                <c:pt idx="31">
                  <c:v>1058.9199840000001</c:v>
                </c:pt>
                <c:pt idx="32">
                  <c:v>1060.8488</c:v>
                </c:pt>
                <c:pt idx="33">
                  <c:v>1062.7776160000001</c:v>
                </c:pt>
                <c:pt idx="34">
                  <c:v>1064.7064319999999</c:v>
                </c:pt>
                <c:pt idx="35">
                  <c:v>1066.635248</c:v>
                </c:pt>
                <c:pt idx="36">
                  <c:v>1068.5640639999999</c:v>
                </c:pt>
                <c:pt idx="37">
                  <c:v>1070.49288</c:v>
                </c:pt>
                <c:pt idx="38">
                  <c:v>1072.4216960000001</c:v>
                </c:pt>
                <c:pt idx="39">
                  <c:v>1074.350512</c:v>
                </c:pt>
                <c:pt idx="40">
                  <c:v>1076.2793280000001</c:v>
                </c:pt>
                <c:pt idx="41">
                  <c:v>1078.2081439999999</c:v>
                </c:pt>
                <c:pt idx="42">
                  <c:v>1080.13696</c:v>
                </c:pt>
                <c:pt idx="43">
                  <c:v>1082.0657759999999</c:v>
                </c:pt>
                <c:pt idx="44">
                  <c:v>1083.994592</c:v>
                </c:pt>
                <c:pt idx="45">
                  <c:v>1085.9234080000001</c:v>
                </c:pt>
                <c:pt idx="46">
                  <c:v>1087.852224</c:v>
                </c:pt>
                <c:pt idx="47">
                  <c:v>1089.7810400000001</c:v>
                </c:pt>
                <c:pt idx="48">
                  <c:v>1091.7098559999999</c:v>
                </c:pt>
                <c:pt idx="49">
                  <c:v>1093.638672</c:v>
                </c:pt>
                <c:pt idx="50">
                  <c:v>1095.5674879999999</c:v>
                </c:pt>
                <c:pt idx="51">
                  <c:v>1097.496304</c:v>
                </c:pt>
                <c:pt idx="52">
                  <c:v>1099.4251200000001</c:v>
                </c:pt>
                <c:pt idx="53">
                  <c:v>1101.353936</c:v>
                </c:pt>
                <c:pt idx="54">
                  <c:v>1103.2827520000001</c:v>
                </c:pt>
                <c:pt idx="55">
                  <c:v>1105.2115679999999</c:v>
                </c:pt>
                <c:pt idx="56">
                  <c:v>1107.140384</c:v>
                </c:pt>
                <c:pt idx="57">
                  <c:v>1109.0691999999999</c:v>
                </c:pt>
                <c:pt idx="58">
                  <c:v>1110.998016</c:v>
                </c:pt>
                <c:pt idx="59">
                  <c:v>1112.9268320000001</c:v>
                </c:pt>
                <c:pt idx="60">
                  <c:v>1114.855648</c:v>
                </c:pt>
                <c:pt idx="61">
                  <c:v>1116.7844640000001</c:v>
                </c:pt>
                <c:pt idx="62">
                  <c:v>1118.7132799999999</c:v>
                </c:pt>
                <c:pt idx="63">
                  <c:v>1120.642096</c:v>
                </c:pt>
                <c:pt idx="64">
                  <c:v>1122.5709119999999</c:v>
                </c:pt>
                <c:pt idx="65">
                  <c:v>1124.499728</c:v>
                </c:pt>
                <c:pt idx="66">
                  <c:v>1126.4285440000001</c:v>
                </c:pt>
                <c:pt idx="67">
                  <c:v>1128.35736</c:v>
                </c:pt>
                <c:pt idx="68">
                  <c:v>1130.2861760000001</c:v>
                </c:pt>
                <c:pt idx="69">
                  <c:v>1132.2149919999999</c:v>
                </c:pt>
                <c:pt idx="70">
                  <c:v>1134.143808</c:v>
                </c:pt>
                <c:pt idx="71">
                  <c:v>1136.0726239999999</c:v>
                </c:pt>
                <c:pt idx="72">
                  <c:v>1138.00144</c:v>
                </c:pt>
                <c:pt idx="73">
                  <c:v>1139.9302560000001</c:v>
                </c:pt>
                <c:pt idx="74">
                  <c:v>1141.859072</c:v>
                </c:pt>
                <c:pt idx="75">
                  <c:v>1143.7878880000001</c:v>
                </c:pt>
                <c:pt idx="76">
                  <c:v>1145.7167039999999</c:v>
                </c:pt>
                <c:pt idx="77">
                  <c:v>1147.64552</c:v>
                </c:pt>
                <c:pt idx="78">
                  <c:v>1149.5743359999999</c:v>
                </c:pt>
                <c:pt idx="79">
                  <c:v>1151.503152</c:v>
                </c:pt>
                <c:pt idx="80">
                  <c:v>1153.4319680000001</c:v>
                </c:pt>
                <c:pt idx="81">
                  <c:v>1155.360784</c:v>
                </c:pt>
                <c:pt idx="82">
                  <c:v>1157.2896000000001</c:v>
                </c:pt>
                <c:pt idx="83">
                  <c:v>1159.2184159999999</c:v>
                </c:pt>
                <c:pt idx="84">
                  <c:v>1161.147232</c:v>
                </c:pt>
                <c:pt idx="85">
                  <c:v>1163.0760479999999</c:v>
                </c:pt>
                <c:pt idx="86">
                  <c:v>1165.004864</c:v>
                </c:pt>
                <c:pt idx="87">
                  <c:v>1166.9336800000001</c:v>
                </c:pt>
                <c:pt idx="88">
                  <c:v>1168.862496</c:v>
                </c:pt>
                <c:pt idx="89">
                  <c:v>1170.7913120000001</c:v>
                </c:pt>
                <c:pt idx="90">
                  <c:v>1172.7201279999999</c:v>
                </c:pt>
                <c:pt idx="91">
                  <c:v>1174.648944</c:v>
                </c:pt>
                <c:pt idx="92">
                  <c:v>1176.5777599999999</c:v>
                </c:pt>
                <c:pt idx="93">
                  <c:v>1178.506576</c:v>
                </c:pt>
                <c:pt idx="94">
                  <c:v>1180.4353920000001</c:v>
                </c:pt>
                <c:pt idx="95">
                  <c:v>1182.364208</c:v>
                </c:pt>
                <c:pt idx="96">
                  <c:v>1184.2930240000001</c:v>
                </c:pt>
                <c:pt idx="97">
                  <c:v>1186.2218399999999</c:v>
                </c:pt>
                <c:pt idx="98">
                  <c:v>1188.150656</c:v>
                </c:pt>
                <c:pt idx="99">
                  <c:v>1190.0794719999999</c:v>
                </c:pt>
                <c:pt idx="100">
                  <c:v>1192.008288</c:v>
                </c:pt>
                <c:pt idx="101">
                  <c:v>1193.9371040000001</c:v>
                </c:pt>
                <c:pt idx="102">
                  <c:v>1195.86592</c:v>
                </c:pt>
                <c:pt idx="103">
                  <c:v>1197.7947360000001</c:v>
                </c:pt>
                <c:pt idx="104">
                  <c:v>1199.7235519999999</c:v>
                </c:pt>
                <c:pt idx="105">
                  <c:v>1201.652368</c:v>
                </c:pt>
                <c:pt idx="106">
                  <c:v>1203.5811839999999</c:v>
                </c:pt>
                <c:pt idx="107">
                  <c:v>1205.51</c:v>
                </c:pt>
                <c:pt idx="108">
                  <c:v>1207.4388160000001</c:v>
                </c:pt>
                <c:pt idx="109">
                  <c:v>1209.367632</c:v>
                </c:pt>
                <c:pt idx="110">
                  <c:v>1211.2964480000001</c:v>
                </c:pt>
                <c:pt idx="111">
                  <c:v>1213.2252639999999</c:v>
                </c:pt>
                <c:pt idx="112">
                  <c:v>1215.15408</c:v>
                </c:pt>
                <c:pt idx="113">
                  <c:v>1217.0828959999999</c:v>
                </c:pt>
                <c:pt idx="114">
                  <c:v>1219.011712</c:v>
                </c:pt>
                <c:pt idx="115">
                  <c:v>1220.9405280000001</c:v>
                </c:pt>
                <c:pt idx="116">
                  <c:v>1222.869344</c:v>
                </c:pt>
                <c:pt idx="117">
                  <c:v>1224.7981600000001</c:v>
                </c:pt>
                <c:pt idx="118">
                  <c:v>1226.7269759999999</c:v>
                </c:pt>
                <c:pt idx="119">
                  <c:v>1228.655792</c:v>
                </c:pt>
                <c:pt idx="120">
                  <c:v>1230.5846079999999</c:v>
                </c:pt>
                <c:pt idx="121">
                  <c:v>1232.513424</c:v>
                </c:pt>
                <c:pt idx="122">
                  <c:v>1234.4422400000001</c:v>
                </c:pt>
                <c:pt idx="123">
                  <c:v>1236.371056</c:v>
                </c:pt>
                <c:pt idx="124">
                  <c:v>1238.2998720000001</c:v>
                </c:pt>
                <c:pt idx="125">
                  <c:v>1240.2286879999999</c:v>
                </c:pt>
                <c:pt idx="126">
                  <c:v>1242.157504</c:v>
                </c:pt>
                <c:pt idx="127">
                  <c:v>1244.0863199999999</c:v>
                </c:pt>
                <c:pt idx="128">
                  <c:v>1246.015136</c:v>
                </c:pt>
                <c:pt idx="129">
                  <c:v>1247.9439520000001</c:v>
                </c:pt>
                <c:pt idx="130">
                  <c:v>1249.872768</c:v>
                </c:pt>
                <c:pt idx="131">
                  <c:v>1251.801584</c:v>
                </c:pt>
                <c:pt idx="132">
                  <c:v>1253.7303999999999</c:v>
                </c:pt>
                <c:pt idx="133">
                  <c:v>1255.659216</c:v>
                </c:pt>
                <c:pt idx="134">
                  <c:v>1257.5880320000001</c:v>
                </c:pt>
                <c:pt idx="135">
                  <c:v>1259.516848</c:v>
                </c:pt>
                <c:pt idx="136">
                  <c:v>1261.4456640000001</c:v>
                </c:pt>
                <c:pt idx="137">
                  <c:v>1263.3744799999999</c:v>
                </c:pt>
                <c:pt idx="138">
                  <c:v>1265.303296</c:v>
                </c:pt>
                <c:pt idx="139">
                  <c:v>1267.2321119999999</c:v>
                </c:pt>
                <c:pt idx="140">
                  <c:v>1269.160928</c:v>
                </c:pt>
                <c:pt idx="141">
                  <c:v>1271.0897440000001</c:v>
                </c:pt>
                <c:pt idx="142">
                  <c:v>1273.01856</c:v>
                </c:pt>
                <c:pt idx="143">
                  <c:v>1274.9473760000001</c:v>
                </c:pt>
                <c:pt idx="144">
                  <c:v>1276.8761919999999</c:v>
                </c:pt>
                <c:pt idx="145">
                  <c:v>1278.805008</c:v>
                </c:pt>
                <c:pt idx="146">
                  <c:v>1280.7338239999999</c:v>
                </c:pt>
                <c:pt idx="147">
                  <c:v>1282.66264</c:v>
                </c:pt>
                <c:pt idx="148">
                  <c:v>1284.5914560000001</c:v>
                </c:pt>
                <c:pt idx="149">
                  <c:v>1286.520272</c:v>
                </c:pt>
                <c:pt idx="150">
                  <c:v>1288.4490880000001</c:v>
                </c:pt>
                <c:pt idx="151">
                  <c:v>1290.3779039999999</c:v>
                </c:pt>
                <c:pt idx="152">
                  <c:v>1292.30672</c:v>
                </c:pt>
                <c:pt idx="153">
                  <c:v>1294.2355359999999</c:v>
                </c:pt>
                <c:pt idx="154">
                  <c:v>1296.164352</c:v>
                </c:pt>
                <c:pt idx="155">
                  <c:v>1298.0931680000001</c:v>
                </c:pt>
                <c:pt idx="156">
                  <c:v>1300.021984</c:v>
                </c:pt>
                <c:pt idx="157">
                  <c:v>1301.9508000000001</c:v>
                </c:pt>
                <c:pt idx="158">
                  <c:v>1303.8796159999999</c:v>
                </c:pt>
                <c:pt idx="159">
                  <c:v>1305.808432</c:v>
                </c:pt>
                <c:pt idx="160">
                  <c:v>1307.7372479999999</c:v>
                </c:pt>
                <c:pt idx="161">
                  <c:v>1309.666064</c:v>
                </c:pt>
                <c:pt idx="162">
                  <c:v>1311.5948800000001</c:v>
                </c:pt>
                <c:pt idx="163">
                  <c:v>1313.523696</c:v>
                </c:pt>
                <c:pt idx="164">
                  <c:v>1315.4525120000001</c:v>
                </c:pt>
                <c:pt idx="165">
                  <c:v>1317.3813279999999</c:v>
                </c:pt>
                <c:pt idx="166">
                  <c:v>1319.310144</c:v>
                </c:pt>
                <c:pt idx="167">
                  <c:v>1321.2389599999999</c:v>
                </c:pt>
                <c:pt idx="168">
                  <c:v>1323.167776</c:v>
                </c:pt>
                <c:pt idx="169">
                  <c:v>1325.0965920000001</c:v>
                </c:pt>
                <c:pt idx="170">
                  <c:v>1327.025408</c:v>
                </c:pt>
                <c:pt idx="171">
                  <c:v>1328.9542240000001</c:v>
                </c:pt>
                <c:pt idx="172">
                  <c:v>1330.8830399999999</c:v>
                </c:pt>
                <c:pt idx="173">
                  <c:v>1332.811856</c:v>
                </c:pt>
                <c:pt idx="174">
                  <c:v>1334.7406719999999</c:v>
                </c:pt>
                <c:pt idx="175">
                  <c:v>1336.669488</c:v>
                </c:pt>
                <c:pt idx="176">
                  <c:v>1338.5983040000001</c:v>
                </c:pt>
                <c:pt idx="177">
                  <c:v>1340.52712</c:v>
                </c:pt>
                <c:pt idx="178">
                  <c:v>1342.4559360000001</c:v>
                </c:pt>
                <c:pt idx="179">
                  <c:v>1344.3847519999999</c:v>
                </c:pt>
                <c:pt idx="180">
                  <c:v>1346.313568</c:v>
                </c:pt>
                <c:pt idx="181">
                  <c:v>1348.2423839999999</c:v>
                </c:pt>
                <c:pt idx="182">
                  <c:v>1350.1712</c:v>
                </c:pt>
                <c:pt idx="183">
                  <c:v>1352.1000160000001</c:v>
                </c:pt>
                <c:pt idx="184">
                  <c:v>1354.028832</c:v>
                </c:pt>
                <c:pt idx="185">
                  <c:v>1355.9576480000001</c:v>
                </c:pt>
                <c:pt idx="186">
                  <c:v>1357.8864639999999</c:v>
                </c:pt>
                <c:pt idx="187">
                  <c:v>1359.81528</c:v>
                </c:pt>
                <c:pt idx="188">
                  <c:v>1361.7440959999999</c:v>
                </c:pt>
                <c:pt idx="189">
                  <c:v>1363.672912</c:v>
                </c:pt>
                <c:pt idx="190">
                  <c:v>1365.6017280000001</c:v>
                </c:pt>
                <c:pt idx="191">
                  <c:v>1367.530544</c:v>
                </c:pt>
                <c:pt idx="192">
                  <c:v>1369.4593600000001</c:v>
                </c:pt>
                <c:pt idx="193">
                  <c:v>1371.3881759999999</c:v>
                </c:pt>
                <c:pt idx="194">
                  <c:v>1373.316992</c:v>
                </c:pt>
                <c:pt idx="195">
                  <c:v>1375.2458079999999</c:v>
                </c:pt>
                <c:pt idx="196">
                  <c:v>1377.174624</c:v>
                </c:pt>
                <c:pt idx="197">
                  <c:v>1379.1034400000001</c:v>
                </c:pt>
                <c:pt idx="198">
                  <c:v>1381.032256</c:v>
                </c:pt>
                <c:pt idx="199">
                  <c:v>1382.9610720000001</c:v>
                </c:pt>
                <c:pt idx="200">
                  <c:v>1384.8898879999999</c:v>
                </c:pt>
                <c:pt idx="201">
                  <c:v>1386.818704</c:v>
                </c:pt>
                <c:pt idx="202">
                  <c:v>1388.7475199999999</c:v>
                </c:pt>
                <c:pt idx="203">
                  <c:v>1390.676336</c:v>
                </c:pt>
                <c:pt idx="204">
                  <c:v>1392.6051520000001</c:v>
                </c:pt>
                <c:pt idx="205">
                  <c:v>1394.533968</c:v>
                </c:pt>
                <c:pt idx="206">
                  <c:v>1396.4627840000001</c:v>
                </c:pt>
                <c:pt idx="207">
                  <c:v>1398.3915999999999</c:v>
                </c:pt>
                <c:pt idx="208">
                  <c:v>1400.320416</c:v>
                </c:pt>
                <c:pt idx="209">
                  <c:v>1402.2492319999999</c:v>
                </c:pt>
                <c:pt idx="210">
                  <c:v>1404.178048</c:v>
                </c:pt>
                <c:pt idx="211">
                  <c:v>1406.1068640000001</c:v>
                </c:pt>
                <c:pt idx="212">
                  <c:v>1408.03568</c:v>
                </c:pt>
                <c:pt idx="213">
                  <c:v>1409.9644960000001</c:v>
                </c:pt>
                <c:pt idx="214">
                  <c:v>1411.8933119999999</c:v>
                </c:pt>
                <c:pt idx="215">
                  <c:v>1413.822128</c:v>
                </c:pt>
                <c:pt idx="216">
                  <c:v>1415.7509439999999</c:v>
                </c:pt>
                <c:pt idx="217">
                  <c:v>1417.67976</c:v>
                </c:pt>
                <c:pt idx="218">
                  <c:v>1419.6085760000001</c:v>
                </c:pt>
                <c:pt idx="219">
                  <c:v>1421.537392</c:v>
                </c:pt>
                <c:pt idx="220">
                  <c:v>1423.4662080000001</c:v>
                </c:pt>
                <c:pt idx="221">
                  <c:v>1425.3950239999999</c:v>
                </c:pt>
                <c:pt idx="222">
                  <c:v>1427.32384</c:v>
                </c:pt>
                <c:pt idx="223">
                  <c:v>1429.2526559999999</c:v>
                </c:pt>
                <c:pt idx="224">
                  <c:v>1431.181472</c:v>
                </c:pt>
                <c:pt idx="225">
                  <c:v>1433.1102880000001</c:v>
                </c:pt>
                <c:pt idx="226">
                  <c:v>1435.039104</c:v>
                </c:pt>
                <c:pt idx="227">
                  <c:v>1436.96792</c:v>
                </c:pt>
                <c:pt idx="228">
                  <c:v>1438.8967359999999</c:v>
                </c:pt>
                <c:pt idx="229">
                  <c:v>1440.825552</c:v>
                </c:pt>
                <c:pt idx="230">
                  <c:v>1442.7543680000001</c:v>
                </c:pt>
                <c:pt idx="231">
                  <c:v>1444.683184</c:v>
                </c:pt>
                <c:pt idx="232">
                  <c:v>1446.6120000000001</c:v>
                </c:pt>
                <c:pt idx="233">
                  <c:v>1448.5408159999999</c:v>
                </c:pt>
                <c:pt idx="234">
                  <c:v>1450.469632</c:v>
                </c:pt>
                <c:pt idx="235">
                  <c:v>1452.3984479999999</c:v>
                </c:pt>
                <c:pt idx="236">
                  <c:v>1454.327264</c:v>
                </c:pt>
                <c:pt idx="237">
                  <c:v>1456.2560800000001</c:v>
                </c:pt>
                <c:pt idx="238">
                  <c:v>1458.184896</c:v>
                </c:pt>
                <c:pt idx="239">
                  <c:v>1460.1137120000001</c:v>
                </c:pt>
                <c:pt idx="240">
                  <c:v>1462.0425279999999</c:v>
                </c:pt>
                <c:pt idx="241">
                  <c:v>1463.971344</c:v>
                </c:pt>
                <c:pt idx="242">
                  <c:v>1465.9001599999999</c:v>
                </c:pt>
                <c:pt idx="243">
                  <c:v>1467.828976</c:v>
                </c:pt>
                <c:pt idx="244">
                  <c:v>1469.7577920000001</c:v>
                </c:pt>
                <c:pt idx="245">
                  <c:v>1471.686608</c:v>
                </c:pt>
                <c:pt idx="246">
                  <c:v>1473.6154240000001</c:v>
                </c:pt>
                <c:pt idx="247">
                  <c:v>1475.5442399999999</c:v>
                </c:pt>
                <c:pt idx="248">
                  <c:v>1477.473056</c:v>
                </c:pt>
                <c:pt idx="249">
                  <c:v>1479.4018719999999</c:v>
                </c:pt>
                <c:pt idx="250">
                  <c:v>1481.330688</c:v>
                </c:pt>
                <c:pt idx="251">
                  <c:v>1483.2595040000001</c:v>
                </c:pt>
                <c:pt idx="252">
                  <c:v>1485.18832</c:v>
                </c:pt>
                <c:pt idx="253">
                  <c:v>1487.1171360000001</c:v>
                </c:pt>
                <c:pt idx="254">
                  <c:v>1489.0459519999999</c:v>
                </c:pt>
                <c:pt idx="255">
                  <c:v>1490.974768</c:v>
                </c:pt>
                <c:pt idx="256">
                  <c:v>1492.9035839999999</c:v>
                </c:pt>
                <c:pt idx="257">
                  <c:v>1494.8324</c:v>
                </c:pt>
                <c:pt idx="258">
                  <c:v>1496.7612160000001</c:v>
                </c:pt>
                <c:pt idx="259">
                  <c:v>1498.690032</c:v>
                </c:pt>
                <c:pt idx="260">
                  <c:v>1500.6188480000001</c:v>
                </c:pt>
                <c:pt idx="261">
                  <c:v>1502.5476639999999</c:v>
                </c:pt>
                <c:pt idx="262">
                  <c:v>1504.47648</c:v>
                </c:pt>
                <c:pt idx="263">
                  <c:v>1506.4052959999999</c:v>
                </c:pt>
                <c:pt idx="264">
                  <c:v>1508.334112</c:v>
                </c:pt>
                <c:pt idx="265">
                  <c:v>1510.2629280000001</c:v>
                </c:pt>
                <c:pt idx="266">
                  <c:v>1512.191744</c:v>
                </c:pt>
                <c:pt idx="267">
                  <c:v>1514.1205600000001</c:v>
                </c:pt>
                <c:pt idx="268">
                  <c:v>1516.0493759999999</c:v>
                </c:pt>
                <c:pt idx="269">
                  <c:v>1517.978192</c:v>
                </c:pt>
                <c:pt idx="270">
                  <c:v>1519.9070079999999</c:v>
                </c:pt>
                <c:pt idx="271">
                  <c:v>1521.835824</c:v>
                </c:pt>
                <c:pt idx="272">
                  <c:v>1523.7646400000001</c:v>
                </c:pt>
                <c:pt idx="273">
                  <c:v>1525.693456</c:v>
                </c:pt>
                <c:pt idx="274">
                  <c:v>1527.6222720000001</c:v>
                </c:pt>
                <c:pt idx="275">
                  <c:v>1529.5510879999999</c:v>
                </c:pt>
                <c:pt idx="276">
                  <c:v>1531.479904</c:v>
                </c:pt>
                <c:pt idx="277">
                  <c:v>1533.4087199999999</c:v>
                </c:pt>
                <c:pt idx="278">
                  <c:v>1535.337536</c:v>
                </c:pt>
                <c:pt idx="279">
                  <c:v>1537.2663520000001</c:v>
                </c:pt>
                <c:pt idx="280">
                  <c:v>1539.195168</c:v>
                </c:pt>
                <c:pt idx="281">
                  <c:v>1541.1239840000001</c:v>
                </c:pt>
                <c:pt idx="282">
                  <c:v>1543.0527999999999</c:v>
                </c:pt>
                <c:pt idx="283">
                  <c:v>1544.981616</c:v>
                </c:pt>
                <c:pt idx="284">
                  <c:v>1546.9104319999999</c:v>
                </c:pt>
                <c:pt idx="285">
                  <c:v>1548.839248</c:v>
                </c:pt>
                <c:pt idx="286">
                  <c:v>1550.7680640000001</c:v>
                </c:pt>
                <c:pt idx="287">
                  <c:v>1552.69688</c:v>
                </c:pt>
                <c:pt idx="288">
                  <c:v>1554.6256960000001</c:v>
                </c:pt>
                <c:pt idx="289">
                  <c:v>1556.5545119999999</c:v>
                </c:pt>
                <c:pt idx="290">
                  <c:v>1558.483328</c:v>
                </c:pt>
                <c:pt idx="291">
                  <c:v>1560.4121439999999</c:v>
                </c:pt>
                <c:pt idx="292">
                  <c:v>1562.34096</c:v>
                </c:pt>
                <c:pt idx="293">
                  <c:v>1564.2697760000001</c:v>
                </c:pt>
                <c:pt idx="294">
                  <c:v>1566.198592</c:v>
                </c:pt>
                <c:pt idx="295">
                  <c:v>1568.1274080000001</c:v>
                </c:pt>
                <c:pt idx="296">
                  <c:v>1570.0562239999999</c:v>
                </c:pt>
                <c:pt idx="297">
                  <c:v>1571.98504</c:v>
                </c:pt>
                <c:pt idx="298">
                  <c:v>1573.9138559999999</c:v>
                </c:pt>
                <c:pt idx="299">
                  <c:v>1575.842672</c:v>
                </c:pt>
                <c:pt idx="300">
                  <c:v>1577.7714880000001</c:v>
                </c:pt>
                <c:pt idx="301">
                  <c:v>1579.700304</c:v>
                </c:pt>
                <c:pt idx="302">
                  <c:v>1581.6291200000001</c:v>
                </c:pt>
                <c:pt idx="303">
                  <c:v>1583.5579359999999</c:v>
                </c:pt>
                <c:pt idx="304">
                  <c:v>1585.486752</c:v>
                </c:pt>
                <c:pt idx="305">
                  <c:v>1587.4155679999999</c:v>
                </c:pt>
                <c:pt idx="306">
                  <c:v>1589.344384</c:v>
                </c:pt>
                <c:pt idx="307">
                  <c:v>1591.2732000000001</c:v>
                </c:pt>
                <c:pt idx="308">
                  <c:v>1593.202016</c:v>
                </c:pt>
                <c:pt idx="309">
                  <c:v>1595.1308320000001</c:v>
                </c:pt>
                <c:pt idx="310">
                  <c:v>1597.0596479999999</c:v>
                </c:pt>
                <c:pt idx="311">
                  <c:v>1598.988464</c:v>
                </c:pt>
                <c:pt idx="312">
                  <c:v>1600.9172799999999</c:v>
                </c:pt>
                <c:pt idx="313">
                  <c:v>1602.846096</c:v>
                </c:pt>
                <c:pt idx="314">
                  <c:v>1604.7749120000001</c:v>
                </c:pt>
                <c:pt idx="315">
                  <c:v>1606.703728</c:v>
                </c:pt>
                <c:pt idx="316">
                  <c:v>1608.6325440000001</c:v>
                </c:pt>
                <c:pt idx="317">
                  <c:v>1610.5613599999999</c:v>
                </c:pt>
                <c:pt idx="318">
                  <c:v>1612.490176</c:v>
                </c:pt>
                <c:pt idx="319">
                  <c:v>1614.4189919999999</c:v>
                </c:pt>
                <c:pt idx="320">
                  <c:v>1616.347808</c:v>
                </c:pt>
                <c:pt idx="321">
                  <c:v>1618.2766240000001</c:v>
                </c:pt>
                <c:pt idx="322">
                  <c:v>1620.20544</c:v>
                </c:pt>
                <c:pt idx="323">
                  <c:v>1622.1342560000001</c:v>
                </c:pt>
                <c:pt idx="324">
                  <c:v>1624.0630719999999</c:v>
                </c:pt>
                <c:pt idx="325">
                  <c:v>1625.991888</c:v>
                </c:pt>
                <c:pt idx="326">
                  <c:v>1627.9207039999999</c:v>
                </c:pt>
                <c:pt idx="327">
                  <c:v>1629.84952</c:v>
                </c:pt>
                <c:pt idx="328">
                  <c:v>1631.7783360000001</c:v>
                </c:pt>
                <c:pt idx="329">
                  <c:v>1633.707152</c:v>
                </c:pt>
                <c:pt idx="330">
                  <c:v>1635.635968</c:v>
                </c:pt>
                <c:pt idx="331">
                  <c:v>1637.5647839999999</c:v>
                </c:pt>
                <c:pt idx="332">
                  <c:v>1639.4936</c:v>
                </c:pt>
                <c:pt idx="333">
                  <c:v>1641.4224160000001</c:v>
                </c:pt>
                <c:pt idx="334">
                  <c:v>1643.351232</c:v>
                </c:pt>
                <c:pt idx="335">
                  <c:v>1645.2800480000001</c:v>
                </c:pt>
                <c:pt idx="336">
                  <c:v>1647.2088639999999</c:v>
                </c:pt>
                <c:pt idx="337">
                  <c:v>1649.13768</c:v>
                </c:pt>
                <c:pt idx="338">
                  <c:v>1651.0664959999999</c:v>
                </c:pt>
                <c:pt idx="339">
                  <c:v>1652.995312</c:v>
                </c:pt>
                <c:pt idx="340">
                  <c:v>1654.9241280000001</c:v>
                </c:pt>
                <c:pt idx="341">
                  <c:v>1656.852944</c:v>
                </c:pt>
                <c:pt idx="342">
                  <c:v>1658.7817600000001</c:v>
                </c:pt>
                <c:pt idx="343">
                  <c:v>1660.7105759999999</c:v>
                </c:pt>
                <c:pt idx="344">
                  <c:v>1662.639392</c:v>
                </c:pt>
                <c:pt idx="345">
                  <c:v>1664.5682079999999</c:v>
                </c:pt>
                <c:pt idx="346">
                  <c:v>1666.497024</c:v>
                </c:pt>
                <c:pt idx="347">
                  <c:v>1668.4258400000001</c:v>
                </c:pt>
                <c:pt idx="348">
                  <c:v>1670.354656</c:v>
                </c:pt>
                <c:pt idx="349">
                  <c:v>1672.2834720000001</c:v>
                </c:pt>
                <c:pt idx="350">
                  <c:v>1674.2122879999999</c:v>
                </c:pt>
                <c:pt idx="351">
                  <c:v>1676.141104</c:v>
                </c:pt>
                <c:pt idx="352">
                  <c:v>1678.0699199999999</c:v>
                </c:pt>
                <c:pt idx="353">
                  <c:v>1679.998736</c:v>
                </c:pt>
                <c:pt idx="354">
                  <c:v>1681.9275520000001</c:v>
                </c:pt>
                <c:pt idx="355">
                  <c:v>1683.856368</c:v>
                </c:pt>
                <c:pt idx="356">
                  <c:v>1685.7851840000001</c:v>
                </c:pt>
                <c:pt idx="357">
                  <c:v>1687.7139999999999</c:v>
                </c:pt>
                <c:pt idx="358">
                  <c:v>1689.642816</c:v>
                </c:pt>
                <c:pt idx="359">
                  <c:v>1691.5716319999999</c:v>
                </c:pt>
                <c:pt idx="360">
                  <c:v>1693.500448</c:v>
                </c:pt>
                <c:pt idx="361">
                  <c:v>1695.4292640000001</c:v>
                </c:pt>
                <c:pt idx="362">
                  <c:v>1697.35808</c:v>
                </c:pt>
                <c:pt idx="363">
                  <c:v>1699.2868960000001</c:v>
                </c:pt>
                <c:pt idx="364">
                  <c:v>1701.2157119999999</c:v>
                </c:pt>
                <c:pt idx="365">
                  <c:v>1703.144528</c:v>
                </c:pt>
                <c:pt idx="366">
                  <c:v>1705.0733439999999</c:v>
                </c:pt>
                <c:pt idx="367">
                  <c:v>1707.00216</c:v>
                </c:pt>
                <c:pt idx="368">
                  <c:v>1708.9309760000001</c:v>
                </c:pt>
                <c:pt idx="369">
                  <c:v>1710.859792</c:v>
                </c:pt>
                <c:pt idx="370">
                  <c:v>1712.7886080000001</c:v>
                </c:pt>
                <c:pt idx="371">
                  <c:v>1714.7174239999999</c:v>
                </c:pt>
                <c:pt idx="372">
                  <c:v>1716.64624</c:v>
                </c:pt>
                <c:pt idx="373">
                  <c:v>1718.5750559999999</c:v>
                </c:pt>
                <c:pt idx="374">
                  <c:v>1720.503872</c:v>
                </c:pt>
                <c:pt idx="375">
                  <c:v>1722.4326880000001</c:v>
                </c:pt>
                <c:pt idx="376">
                  <c:v>1724.361504</c:v>
                </c:pt>
                <c:pt idx="377">
                  <c:v>1726.2903200000001</c:v>
                </c:pt>
                <c:pt idx="378">
                  <c:v>1728.2191359999999</c:v>
                </c:pt>
                <c:pt idx="379">
                  <c:v>1730.147952</c:v>
                </c:pt>
                <c:pt idx="380">
                  <c:v>1732.0767679999999</c:v>
                </c:pt>
                <c:pt idx="381">
                  <c:v>1734.005584</c:v>
                </c:pt>
                <c:pt idx="382">
                  <c:v>1735.9344000000001</c:v>
                </c:pt>
                <c:pt idx="383">
                  <c:v>1737.863216</c:v>
                </c:pt>
                <c:pt idx="384">
                  <c:v>1739.7920320000001</c:v>
                </c:pt>
                <c:pt idx="385">
                  <c:v>1741.7208479999999</c:v>
                </c:pt>
                <c:pt idx="386">
                  <c:v>1743.649664</c:v>
                </c:pt>
                <c:pt idx="387">
                  <c:v>1745.5784799999999</c:v>
                </c:pt>
                <c:pt idx="388">
                  <c:v>1747.507296</c:v>
                </c:pt>
                <c:pt idx="389">
                  <c:v>1749.4361120000001</c:v>
                </c:pt>
                <c:pt idx="390">
                  <c:v>1751.364928</c:v>
                </c:pt>
                <c:pt idx="391">
                  <c:v>1753.2937440000001</c:v>
                </c:pt>
                <c:pt idx="392">
                  <c:v>1755.2225599999999</c:v>
                </c:pt>
                <c:pt idx="393">
                  <c:v>1757.151376</c:v>
                </c:pt>
                <c:pt idx="394">
                  <c:v>1759.0801919999999</c:v>
                </c:pt>
                <c:pt idx="395">
                  <c:v>1761.009008</c:v>
                </c:pt>
                <c:pt idx="396">
                  <c:v>1762.9378240000001</c:v>
                </c:pt>
                <c:pt idx="397">
                  <c:v>1764.86664</c:v>
                </c:pt>
                <c:pt idx="398">
                  <c:v>1766.7954560000001</c:v>
                </c:pt>
                <c:pt idx="399">
                  <c:v>1768.7242719999999</c:v>
                </c:pt>
                <c:pt idx="400">
                  <c:v>1770.653088</c:v>
                </c:pt>
                <c:pt idx="401">
                  <c:v>1772.5819039999999</c:v>
                </c:pt>
                <c:pt idx="402">
                  <c:v>1774.51072</c:v>
                </c:pt>
                <c:pt idx="403">
                  <c:v>1776.4395360000001</c:v>
                </c:pt>
                <c:pt idx="404">
                  <c:v>1778.368352</c:v>
                </c:pt>
                <c:pt idx="405">
                  <c:v>1780.2971680000001</c:v>
                </c:pt>
                <c:pt idx="406">
                  <c:v>1782.2259839999999</c:v>
                </c:pt>
                <c:pt idx="407">
                  <c:v>1784.1548</c:v>
                </c:pt>
                <c:pt idx="408">
                  <c:v>1786.0836159999999</c:v>
                </c:pt>
                <c:pt idx="409">
                  <c:v>1788.012432</c:v>
                </c:pt>
                <c:pt idx="410">
                  <c:v>1789.9412480000001</c:v>
                </c:pt>
                <c:pt idx="411">
                  <c:v>1791.870064</c:v>
                </c:pt>
                <c:pt idx="412">
                  <c:v>1793.7988800000001</c:v>
                </c:pt>
                <c:pt idx="413">
                  <c:v>1795.7276959999999</c:v>
                </c:pt>
                <c:pt idx="414">
                  <c:v>1797.656512</c:v>
                </c:pt>
                <c:pt idx="415">
                  <c:v>1799.5853279999999</c:v>
                </c:pt>
                <c:pt idx="416">
                  <c:v>1801.514144</c:v>
                </c:pt>
                <c:pt idx="417">
                  <c:v>1803.4429600000001</c:v>
                </c:pt>
                <c:pt idx="418">
                  <c:v>1805.371776</c:v>
                </c:pt>
                <c:pt idx="419">
                  <c:v>1807.3005920000001</c:v>
                </c:pt>
                <c:pt idx="420">
                  <c:v>1809.2294079999999</c:v>
                </c:pt>
                <c:pt idx="421">
                  <c:v>1811.158224</c:v>
                </c:pt>
                <c:pt idx="422">
                  <c:v>1813.0870399999999</c:v>
                </c:pt>
                <c:pt idx="423">
                  <c:v>1815.015856</c:v>
                </c:pt>
                <c:pt idx="424">
                  <c:v>1816.9446720000001</c:v>
                </c:pt>
                <c:pt idx="425">
                  <c:v>1818.873488</c:v>
                </c:pt>
                <c:pt idx="426">
                  <c:v>1820.802304</c:v>
                </c:pt>
                <c:pt idx="427">
                  <c:v>1822.7311199999999</c:v>
                </c:pt>
                <c:pt idx="428">
                  <c:v>1824.659936</c:v>
                </c:pt>
                <c:pt idx="429">
                  <c:v>1826.5887520000001</c:v>
                </c:pt>
                <c:pt idx="430">
                  <c:v>1828.517568</c:v>
                </c:pt>
                <c:pt idx="431">
                  <c:v>1830.4463840000001</c:v>
                </c:pt>
                <c:pt idx="432">
                  <c:v>1832.3751999999999</c:v>
                </c:pt>
                <c:pt idx="433">
                  <c:v>1834.304016</c:v>
                </c:pt>
                <c:pt idx="434">
                  <c:v>1836.2328319999999</c:v>
                </c:pt>
                <c:pt idx="435">
                  <c:v>1838.161648</c:v>
                </c:pt>
                <c:pt idx="436">
                  <c:v>1840.0904640000001</c:v>
                </c:pt>
                <c:pt idx="437">
                  <c:v>1842.01928</c:v>
                </c:pt>
                <c:pt idx="438">
                  <c:v>1843.9480960000001</c:v>
                </c:pt>
                <c:pt idx="439">
                  <c:v>1845.8769119999999</c:v>
                </c:pt>
                <c:pt idx="440">
                  <c:v>1847.805728</c:v>
                </c:pt>
                <c:pt idx="441">
                  <c:v>1849.7345439999999</c:v>
                </c:pt>
                <c:pt idx="442">
                  <c:v>1851.66336</c:v>
                </c:pt>
                <c:pt idx="443">
                  <c:v>1853.5921760000001</c:v>
                </c:pt>
                <c:pt idx="444">
                  <c:v>1855.520992</c:v>
                </c:pt>
                <c:pt idx="445">
                  <c:v>1857.4498080000001</c:v>
                </c:pt>
                <c:pt idx="446">
                  <c:v>1859.3786239999999</c:v>
                </c:pt>
                <c:pt idx="447">
                  <c:v>1861.30744</c:v>
                </c:pt>
                <c:pt idx="448">
                  <c:v>1863.2362559999999</c:v>
                </c:pt>
                <c:pt idx="449">
                  <c:v>1865.165072</c:v>
                </c:pt>
                <c:pt idx="450">
                  <c:v>1867.0938880000001</c:v>
                </c:pt>
                <c:pt idx="451">
                  <c:v>1869.022704</c:v>
                </c:pt>
                <c:pt idx="452">
                  <c:v>1870.9515200000001</c:v>
                </c:pt>
                <c:pt idx="453">
                  <c:v>1872.8803359999999</c:v>
                </c:pt>
                <c:pt idx="454">
                  <c:v>1874.809152</c:v>
                </c:pt>
                <c:pt idx="455">
                  <c:v>1876.7379679999999</c:v>
                </c:pt>
                <c:pt idx="456">
                  <c:v>1878.666784</c:v>
                </c:pt>
                <c:pt idx="457">
                  <c:v>1880.5956000000001</c:v>
                </c:pt>
                <c:pt idx="458">
                  <c:v>1882.524416</c:v>
                </c:pt>
                <c:pt idx="459">
                  <c:v>1884.4532320000001</c:v>
                </c:pt>
                <c:pt idx="460">
                  <c:v>1886.3820479999999</c:v>
                </c:pt>
                <c:pt idx="461">
                  <c:v>1888.310864</c:v>
                </c:pt>
                <c:pt idx="462">
                  <c:v>1890.2396799999999</c:v>
                </c:pt>
                <c:pt idx="463">
                  <c:v>1892.168496</c:v>
                </c:pt>
                <c:pt idx="464">
                  <c:v>1894.0973120000001</c:v>
                </c:pt>
                <c:pt idx="465">
                  <c:v>1896.026128</c:v>
                </c:pt>
                <c:pt idx="466">
                  <c:v>1897.9549440000001</c:v>
                </c:pt>
                <c:pt idx="467">
                  <c:v>1899.8837599999999</c:v>
                </c:pt>
                <c:pt idx="468">
                  <c:v>1901.812576</c:v>
                </c:pt>
                <c:pt idx="469">
                  <c:v>1903.7413919999999</c:v>
                </c:pt>
                <c:pt idx="470">
                  <c:v>1905.670208</c:v>
                </c:pt>
                <c:pt idx="471">
                  <c:v>1907.5990240000001</c:v>
                </c:pt>
                <c:pt idx="472">
                  <c:v>1909.52784</c:v>
                </c:pt>
                <c:pt idx="473">
                  <c:v>1911.4566560000001</c:v>
                </c:pt>
                <c:pt idx="474">
                  <c:v>1913.3854719999999</c:v>
                </c:pt>
                <c:pt idx="475">
                  <c:v>1915.314288</c:v>
                </c:pt>
                <c:pt idx="476">
                  <c:v>1917.2431039999999</c:v>
                </c:pt>
                <c:pt idx="477">
                  <c:v>1919.17192</c:v>
                </c:pt>
                <c:pt idx="478">
                  <c:v>1921.1007360000001</c:v>
                </c:pt>
                <c:pt idx="479">
                  <c:v>1923.029552</c:v>
                </c:pt>
                <c:pt idx="480">
                  <c:v>1924.9583680000001</c:v>
                </c:pt>
                <c:pt idx="481">
                  <c:v>1926.8871839999999</c:v>
                </c:pt>
                <c:pt idx="482">
                  <c:v>1928.816</c:v>
                </c:pt>
                <c:pt idx="483">
                  <c:v>1930.7448159999999</c:v>
                </c:pt>
                <c:pt idx="484">
                  <c:v>1932.673632</c:v>
                </c:pt>
                <c:pt idx="485">
                  <c:v>1934.6024480000001</c:v>
                </c:pt>
                <c:pt idx="486">
                  <c:v>1936.531264</c:v>
                </c:pt>
                <c:pt idx="487">
                  <c:v>1938.4600800000001</c:v>
                </c:pt>
                <c:pt idx="488">
                  <c:v>1940.3888959999999</c:v>
                </c:pt>
                <c:pt idx="489">
                  <c:v>1942.317712</c:v>
                </c:pt>
                <c:pt idx="490">
                  <c:v>1944.2465279999999</c:v>
                </c:pt>
                <c:pt idx="491">
                  <c:v>1946.175344</c:v>
                </c:pt>
                <c:pt idx="492">
                  <c:v>1948.1041600000001</c:v>
                </c:pt>
                <c:pt idx="493">
                  <c:v>1950.032976</c:v>
                </c:pt>
                <c:pt idx="494">
                  <c:v>1951.9617920000001</c:v>
                </c:pt>
                <c:pt idx="495">
                  <c:v>1953.8906079999999</c:v>
                </c:pt>
                <c:pt idx="496">
                  <c:v>1955.819424</c:v>
                </c:pt>
                <c:pt idx="497">
                  <c:v>1957.7482399999999</c:v>
                </c:pt>
                <c:pt idx="498">
                  <c:v>1959.677056</c:v>
                </c:pt>
                <c:pt idx="499">
                  <c:v>1961.6058720000001</c:v>
                </c:pt>
                <c:pt idx="500">
                  <c:v>1963.534688</c:v>
                </c:pt>
                <c:pt idx="501">
                  <c:v>1965.4635040000001</c:v>
                </c:pt>
                <c:pt idx="502">
                  <c:v>1967.3923199999999</c:v>
                </c:pt>
                <c:pt idx="503">
                  <c:v>1969.321136</c:v>
                </c:pt>
                <c:pt idx="504">
                  <c:v>1971.2499519999999</c:v>
                </c:pt>
                <c:pt idx="505">
                  <c:v>1973.178768</c:v>
                </c:pt>
                <c:pt idx="506">
                  <c:v>1975.1075840000001</c:v>
                </c:pt>
                <c:pt idx="507">
                  <c:v>1977.0364</c:v>
                </c:pt>
                <c:pt idx="508">
                  <c:v>1978.9652160000001</c:v>
                </c:pt>
                <c:pt idx="509">
                  <c:v>1980.8940319999999</c:v>
                </c:pt>
                <c:pt idx="510">
                  <c:v>1982.822848</c:v>
                </c:pt>
                <c:pt idx="511">
                  <c:v>1984.7516639999999</c:v>
                </c:pt>
                <c:pt idx="512">
                  <c:v>1986.68048</c:v>
                </c:pt>
                <c:pt idx="513">
                  <c:v>1988.6092960000001</c:v>
                </c:pt>
                <c:pt idx="514">
                  <c:v>1990.538112</c:v>
                </c:pt>
                <c:pt idx="515">
                  <c:v>1992.4669280000001</c:v>
                </c:pt>
                <c:pt idx="516">
                  <c:v>1994.3957439999999</c:v>
                </c:pt>
                <c:pt idx="517">
                  <c:v>1996.32456</c:v>
                </c:pt>
                <c:pt idx="518">
                  <c:v>1998.2533759999999</c:v>
                </c:pt>
                <c:pt idx="519">
                  <c:v>2000.182192</c:v>
                </c:pt>
                <c:pt idx="520">
                  <c:v>2002.1110080000001</c:v>
                </c:pt>
                <c:pt idx="521">
                  <c:v>2004.039824</c:v>
                </c:pt>
                <c:pt idx="522">
                  <c:v>2005.9686400000001</c:v>
                </c:pt>
                <c:pt idx="523">
                  <c:v>2007.8974559999999</c:v>
                </c:pt>
                <c:pt idx="524">
                  <c:v>2009.826272</c:v>
                </c:pt>
                <c:pt idx="525">
                  <c:v>2011.7550879999999</c:v>
                </c:pt>
                <c:pt idx="526">
                  <c:v>2013.683904</c:v>
                </c:pt>
                <c:pt idx="527">
                  <c:v>2015.6127200000001</c:v>
                </c:pt>
                <c:pt idx="528">
                  <c:v>2017.541536</c:v>
                </c:pt>
                <c:pt idx="529">
                  <c:v>2019.470352</c:v>
                </c:pt>
                <c:pt idx="530">
                  <c:v>2021.3991679999999</c:v>
                </c:pt>
                <c:pt idx="531">
                  <c:v>2023.327984</c:v>
                </c:pt>
                <c:pt idx="532">
                  <c:v>2025.2568000000001</c:v>
                </c:pt>
                <c:pt idx="533">
                  <c:v>2027.185616</c:v>
                </c:pt>
                <c:pt idx="534">
                  <c:v>2029.1144320000001</c:v>
                </c:pt>
                <c:pt idx="535">
                  <c:v>2031.0432479999999</c:v>
                </c:pt>
                <c:pt idx="536">
                  <c:v>2032.972064</c:v>
                </c:pt>
                <c:pt idx="537">
                  <c:v>2034.9008799999999</c:v>
                </c:pt>
                <c:pt idx="538">
                  <c:v>2036.829696</c:v>
                </c:pt>
                <c:pt idx="539">
                  <c:v>2038.7585120000001</c:v>
                </c:pt>
                <c:pt idx="540">
                  <c:v>2040.687328</c:v>
                </c:pt>
                <c:pt idx="541">
                  <c:v>2042.6161440000001</c:v>
                </c:pt>
                <c:pt idx="542">
                  <c:v>2044.5449599999999</c:v>
                </c:pt>
                <c:pt idx="543">
                  <c:v>2046.473776</c:v>
                </c:pt>
                <c:pt idx="544">
                  <c:v>2048.4025919999999</c:v>
                </c:pt>
                <c:pt idx="545">
                  <c:v>2050.331408</c:v>
                </c:pt>
                <c:pt idx="546">
                  <c:v>2052.2602240000001</c:v>
                </c:pt>
                <c:pt idx="547">
                  <c:v>2054.1890400000002</c:v>
                </c:pt>
                <c:pt idx="548">
                  <c:v>2056.1178559999998</c:v>
                </c:pt>
                <c:pt idx="549">
                  <c:v>2058.0466719999999</c:v>
                </c:pt>
                <c:pt idx="550">
                  <c:v>2059.975488</c:v>
                </c:pt>
                <c:pt idx="551">
                  <c:v>2061.9043040000001</c:v>
                </c:pt>
                <c:pt idx="552">
                  <c:v>2063.8331199999998</c:v>
                </c:pt>
                <c:pt idx="553">
                  <c:v>2065.7619359999999</c:v>
                </c:pt>
                <c:pt idx="554">
                  <c:v>2067.690752</c:v>
                </c:pt>
                <c:pt idx="555">
                  <c:v>2069.6195680000001</c:v>
                </c:pt>
                <c:pt idx="556">
                  <c:v>2071.5483840000002</c:v>
                </c:pt>
                <c:pt idx="557">
                  <c:v>2073.4771999999998</c:v>
                </c:pt>
                <c:pt idx="558">
                  <c:v>2075.4060159999999</c:v>
                </c:pt>
                <c:pt idx="559">
                  <c:v>2077.334832</c:v>
                </c:pt>
                <c:pt idx="560">
                  <c:v>2079.2636480000001</c:v>
                </c:pt>
                <c:pt idx="561">
                  <c:v>2081.1924640000002</c:v>
                </c:pt>
                <c:pt idx="562">
                  <c:v>2083.1212799999998</c:v>
                </c:pt>
                <c:pt idx="563">
                  <c:v>2085.0500959999999</c:v>
                </c:pt>
                <c:pt idx="564">
                  <c:v>2086.978912</c:v>
                </c:pt>
                <c:pt idx="565">
                  <c:v>2088.9077280000001</c:v>
                </c:pt>
                <c:pt idx="566">
                  <c:v>2090.8365439999998</c:v>
                </c:pt>
                <c:pt idx="567">
                  <c:v>2092.7653599999999</c:v>
                </c:pt>
                <c:pt idx="568">
                  <c:v>2094.694176</c:v>
                </c:pt>
                <c:pt idx="569">
                  <c:v>2096.6229920000001</c:v>
                </c:pt>
                <c:pt idx="570">
                  <c:v>2098.5518080000002</c:v>
                </c:pt>
                <c:pt idx="571">
                  <c:v>2100.4806239999998</c:v>
                </c:pt>
                <c:pt idx="572">
                  <c:v>2102.4094399999999</c:v>
                </c:pt>
                <c:pt idx="573">
                  <c:v>2104.338256</c:v>
                </c:pt>
                <c:pt idx="574">
                  <c:v>2106.2670720000001</c:v>
                </c:pt>
                <c:pt idx="575">
                  <c:v>2108.1958880000002</c:v>
                </c:pt>
                <c:pt idx="576">
                  <c:v>2110.1247039999998</c:v>
                </c:pt>
                <c:pt idx="577">
                  <c:v>2112.0535199999999</c:v>
                </c:pt>
                <c:pt idx="578">
                  <c:v>2113.982336</c:v>
                </c:pt>
                <c:pt idx="579">
                  <c:v>2115.9111520000001</c:v>
                </c:pt>
                <c:pt idx="580">
                  <c:v>2117.8399680000002</c:v>
                </c:pt>
                <c:pt idx="581">
                  <c:v>2119.7687839999999</c:v>
                </c:pt>
                <c:pt idx="582">
                  <c:v>2121.6976</c:v>
                </c:pt>
                <c:pt idx="583">
                  <c:v>2123.6264160000001</c:v>
                </c:pt>
                <c:pt idx="584">
                  <c:v>2125.5552320000002</c:v>
                </c:pt>
                <c:pt idx="585">
                  <c:v>2127.4840479999998</c:v>
                </c:pt>
                <c:pt idx="586">
                  <c:v>2129.4128639999999</c:v>
                </c:pt>
                <c:pt idx="587">
                  <c:v>2131.34168</c:v>
                </c:pt>
                <c:pt idx="588">
                  <c:v>2133.2704960000001</c:v>
                </c:pt>
                <c:pt idx="589">
                  <c:v>2135.1993120000002</c:v>
                </c:pt>
                <c:pt idx="590">
                  <c:v>2137.1281279999998</c:v>
                </c:pt>
                <c:pt idx="591">
                  <c:v>2139.0569439999999</c:v>
                </c:pt>
                <c:pt idx="592">
                  <c:v>2140.98576</c:v>
                </c:pt>
                <c:pt idx="593">
                  <c:v>2142.9145760000001</c:v>
                </c:pt>
                <c:pt idx="594">
                  <c:v>2144.8433920000002</c:v>
                </c:pt>
                <c:pt idx="595">
                  <c:v>2146.7722079999999</c:v>
                </c:pt>
                <c:pt idx="596">
                  <c:v>2148.701024</c:v>
                </c:pt>
                <c:pt idx="597">
                  <c:v>2150.6298400000001</c:v>
                </c:pt>
                <c:pt idx="598">
                  <c:v>2152.5586560000002</c:v>
                </c:pt>
                <c:pt idx="599">
                  <c:v>2154.4874719999998</c:v>
                </c:pt>
                <c:pt idx="600">
                  <c:v>2156.4162879999999</c:v>
                </c:pt>
                <c:pt idx="601">
                  <c:v>2158.345104</c:v>
                </c:pt>
                <c:pt idx="602">
                  <c:v>2160.2739200000001</c:v>
                </c:pt>
                <c:pt idx="603">
                  <c:v>2162.2027360000002</c:v>
                </c:pt>
                <c:pt idx="604">
                  <c:v>2164.1315519999998</c:v>
                </c:pt>
                <c:pt idx="605">
                  <c:v>2166.0603679999999</c:v>
                </c:pt>
                <c:pt idx="606">
                  <c:v>2167.989184</c:v>
                </c:pt>
                <c:pt idx="607">
                  <c:v>2169.9180000000001</c:v>
                </c:pt>
                <c:pt idx="608">
                  <c:v>2171.8468160000002</c:v>
                </c:pt>
                <c:pt idx="609">
                  <c:v>2173.7756319999999</c:v>
                </c:pt>
                <c:pt idx="610">
                  <c:v>2175.704448</c:v>
                </c:pt>
                <c:pt idx="611">
                  <c:v>2177.6332640000001</c:v>
                </c:pt>
                <c:pt idx="612">
                  <c:v>2179.5620800000002</c:v>
                </c:pt>
                <c:pt idx="613">
                  <c:v>2181.4908959999998</c:v>
                </c:pt>
                <c:pt idx="614">
                  <c:v>2183.4197119999999</c:v>
                </c:pt>
                <c:pt idx="615">
                  <c:v>2185.348528</c:v>
                </c:pt>
                <c:pt idx="616">
                  <c:v>2187.2773440000001</c:v>
                </c:pt>
                <c:pt idx="617">
                  <c:v>2189.2061600000002</c:v>
                </c:pt>
                <c:pt idx="618">
                  <c:v>2191.1349759999998</c:v>
                </c:pt>
                <c:pt idx="619">
                  <c:v>2193.0637919999999</c:v>
                </c:pt>
                <c:pt idx="620">
                  <c:v>2194.992608</c:v>
                </c:pt>
                <c:pt idx="621">
                  <c:v>2196.9214240000001</c:v>
                </c:pt>
                <c:pt idx="622">
                  <c:v>2198.8502400000002</c:v>
                </c:pt>
                <c:pt idx="623">
                  <c:v>2200.7790559999999</c:v>
                </c:pt>
                <c:pt idx="624">
                  <c:v>2202.707872</c:v>
                </c:pt>
                <c:pt idx="625">
                  <c:v>2204.636688</c:v>
                </c:pt>
                <c:pt idx="626">
                  <c:v>2206.5655040000001</c:v>
                </c:pt>
                <c:pt idx="627">
                  <c:v>2208.4943199999998</c:v>
                </c:pt>
                <c:pt idx="628">
                  <c:v>2210.4231359999999</c:v>
                </c:pt>
                <c:pt idx="629">
                  <c:v>2212.351952</c:v>
                </c:pt>
                <c:pt idx="630">
                  <c:v>2214.2807680000001</c:v>
                </c:pt>
                <c:pt idx="631">
                  <c:v>2216.2095840000002</c:v>
                </c:pt>
                <c:pt idx="632">
                  <c:v>2218.1383999999998</c:v>
                </c:pt>
                <c:pt idx="633">
                  <c:v>2220.0672159999999</c:v>
                </c:pt>
                <c:pt idx="634">
                  <c:v>2221.996032</c:v>
                </c:pt>
                <c:pt idx="635">
                  <c:v>2223.9248480000001</c:v>
                </c:pt>
                <c:pt idx="636">
                  <c:v>2225.8536640000002</c:v>
                </c:pt>
                <c:pt idx="637">
                  <c:v>2227.7824799999999</c:v>
                </c:pt>
                <c:pt idx="638">
                  <c:v>2229.7112959999999</c:v>
                </c:pt>
                <c:pt idx="639">
                  <c:v>2231.640112</c:v>
                </c:pt>
                <c:pt idx="640">
                  <c:v>2233.5689280000001</c:v>
                </c:pt>
                <c:pt idx="641">
                  <c:v>2235.4977439999998</c:v>
                </c:pt>
                <c:pt idx="642">
                  <c:v>2237.4265599999999</c:v>
                </c:pt>
                <c:pt idx="643">
                  <c:v>2239.355376</c:v>
                </c:pt>
                <c:pt idx="644">
                  <c:v>2241.2841920000001</c:v>
                </c:pt>
                <c:pt idx="645">
                  <c:v>2243.2130080000002</c:v>
                </c:pt>
                <c:pt idx="646">
                  <c:v>2245.1418239999998</c:v>
                </c:pt>
                <c:pt idx="647">
                  <c:v>2247.0706399999999</c:v>
                </c:pt>
                <c:pt idx="648">
                  <c:v>2248.999456</c:v>
                </c:pt>
                <c:pt idx="649">
                  <c:v>2250.9282720000001</c:v>
                </c:pt>
                <c:pt idx="650">
                  <c:v>2252.8570880000002</c:v>
                </c:pt>
                <c:pt idx="651">
                  <c:v>2254.7859039999998</c:v>
                </c:pt>
                <c:pt idx="652">
                  <c:v>2256.7147199999999</c:v>
                </c:pt>
                <c:pt idx="653">
                  <c:v>2258.643536</c:v>
                </c:pt>
                <c:pt idx="654">
                  <c:v>2260.5723520000001</c:v>
                </c:pt>
                <c:pt idx="655">
                  <c:v>2262.5011679999998</c:v>
                </c:pt>
                <c:pt idx="656">
                  <c:v>2264.4299839999999</c:v>
                </c:pt>
                <c:pt idx="657">
                  <c:v>2266.3588</c:v>
                </c:pt>
                <c:pt idx="658">
                  <c:v>2268.2876160000001</c:v>
                </c:pt>
                <c:pt idx="659">
                  <c:v>2270.2164320000002</c:v>
                </c:pt>
                <c:pt idx="660">
                  <c:v>2272.1452479999998</c:v>
                </c:pt>
                <c:pt idx="661">
                  <c:v>2274.0740639999999</c:v>
                </c:pt>
                <c:pt idx="662">
                  <c:v>2276.00288</c:v>
                </c:pt>
                <c:pt idx="663">
                  <c:v>2277.9316960000001</c:v>
                </c:pt>
                <c:pt idx="664">
                  <c:v>2279.8605120000002</c:v>
                </c:pt>
                <c:pt idx="665">
                  <c:v>2281.7893279999998</c:v>
                </c:pt>
                <c:pt idx="666">
                  <c:v>2283.7181439999999</c:v>
                </c:pt>
                <c:pt idx="667">
                  <c:v>2285.64696</c:v>
                </c:pt>
                <c:pt idx="668">
                  <c:v>2287.5757760000001</c:v>
                </c:pt>
                <c:pt idx="669">
                  <c:v>2289.5045919999998</c:v>
                </c:pt>
                <c:pt idx="670">
                  <c:v>2291.4334079999999</c:v>
                </c:pt>
                <c:pt idx="671">
                  <c:v>2293.362224</c:v>
                </c:pt>
                <c:pt idx="672">
                  <c:v>2295.2910400000001</c:v>
                </c:pt>
                <c:pt idx="673">
                  <c:v>2297.2198560000002</c:v>
                </c:pt>
                <c:pt idx="674">
                  <c:v>2299.1486719999998</c:v>
                </c:pt>
                <c:pt idx="675">
                  <c:v>2301.0774879999999</c:v>
                </c:pt>
                <c:pt idx="676">
                  <c:v>2303.006304</c:v>
                </c:pt>
                <c:pt idx="677">
                  <c:v>2304.9351200000001</c:v>
                </c:pt>
                <c:pt idx="678">
                  <c:v>2306.8639360000002</c:v>
                </c:pt>
                <c:pt idx="679">
                  <c:v>2308.7927519999998</c:v>
                </c:pt>
                <c:pt idx="680">
                  <c:v>2310.7215679999999</c:v>
                </c:pt>
                <c:pt idx="681">
                  <c:v>2312.650384</c:v>
                </c:pt>
                <c:pt idx="682">
                  <c:v>2314.5792000000001</c:v>
                </c:pt>
                <c:pt idx="683">
                  <c:v>2316.5080160000002</c:v>
                </c:pt>
                <c:pt idx="684">
                  <c:v>2318.4368319999999</c:v>
                </c:pt>
                <c:pt idx="685">
                  <c:v>2320.365648</c:v>
                </c:pt>
                <c:pt idx="686">
                  <c:v>2322.2944640000001</c:v>
                </c:pt>
                <c:pt idx="687">
                  <c:v>2324.2232800000002</c:v>
                </c:pt>
                <c:pt idx="688">
                  <c:v>2326.1520959999998</c:v>
                </c:pt>
                <c:pt idx="689">
                  <c:v>2328.0809119999999</c:v>
                </c:pt>
                <c:pt idx="690">
                  <c:v>2330.009728</c:v>
                </c:pt>
                <c:pt idx="691">
                  <c:v>2331.9385440000001</c:v>
                </c:pt>
                <c:pt idx="692">
                  <c:v>2333.8673600000002</c:v>
                </c:pt>
                <c:pt idx="693">
                  <c:v>2335.7961759999998</c:v>
                </c:pt>
                <c:pt idx="694">
                  <c:v>2337.7249919999999</c:v>
                </c:pt>
                <c:pt idx="695">
                  <c:v>2339.653808</c:v>
                </c:pt>
                <c:pt idx="696">
                  <c:v>2341.5826240000001</c:v>
                </c:pt>
                <c:pt idx="697">
                  <c:v>2343.5114400000002</c:v>
                </c:pt>
                <c:pt idx="698">
                  <c:v>2345.4402559999999</c:v>
                </c:pt>
                <c:pt idx="699">
                  <c:v>2347.369072</c:v>
                </c:pt>
                <c:pt idx="700">
                  <c:v>2349.2978880000001</c:v>
                </c:pt>
                <c:pt idx="701">
                  <c:v>2351.2267040000002</c:v>
                </c:pt>
                <c:pt idx="702">
                  <c:v>2353.1555199999998</c:v>
                </c:pt>
                <c:pt idx="703">
                  <c:v>2355.0843359999999</c:v>
                </c:pt>
                <c:pt idx="704">
                  <c:v>2357.013152</c:v>
                </c:pt>
                <c:pt idx="705">
                  <c:v>2358.9419680000001</c:v>
                </c:pt>
                <c:pt idx="706">
                  <c:v>2360.8707840000002</c:v>
                </c:pt>
                <c:pt idx="707">
                  <c:v>2362.7995999999998</c:v>
                </c:pt>
                <c:pt idx="708">
                  <c:v>2364.7284159999999</c:v>
                </c:pt>
                <c:pt idx="709">
                  <c:v>2366.657232</c:v>
                </c:pt>
                <c:pt idx="710">
                  <c:v>2368.5860480000001</c:v>
                </c:pt>
                <c:pt idx="711">
                  <c:v>2370.5148640000002</c:v>
                </c:pt>
                <c:pt idx="712">
                  <c:v>2372.4436799999999</c:v>
                </c:pt>
                <c:pt idx="713">
                  <c:v>2374.372496</c:v>
                </c:pt>
                <c:pt idx="714">
                  <c:v>2376.3013120000001</c:v>
                </c:pt>
                <c:pt idx="715">
                  <c:v>2378.2301280000001</c:v>
                </c:pt>
                <c:pt idx="716">
                  <c:v>2380.1589439999998</c:v>
                </c:pt>
                <c:pt idx="717">
                  <c:v>2382.0877599999999</c:v>
                </c:pt>
                <c:pt idx="718">
                  <c:v>2384.016576</c:v>
                </c:pt>
                <c:pt idx="719">
                  <c:v>2385.9453920000001</c:v>
                </c:pt>
                <c:pt idx="720">
                  <c:v>2387.8742080000002</c:v>
                </c:pt>
                <c:pt idx="721">
                  <c:v>2389.8030239999998</c:v>
                </c:pt>
                <c:pt idx="722">
                  <c:v>2391.7318399999999</c:v>
                </c:pt>
                <c:pt idx="723">
                  <c:v>2393.660656</c:v>
                </c:pt>
                <c:pt idx="724">
                  <c:v>2395.5894720000001</c:v>
                </c:pt>
                <c:pt idx="725">
                  <c:v>2397.5182880000002</c:v>
                </c:pt>
                <c:pt idx="726">
                  <c:v>2399.4471039999999</c:v>
                </c:pt>
                <c:pt idx="727">
                  <c:v>2401.37592</c:v>
                </c:pt>
                <c:pt idx="728">
                  <c:v>2403.304736</c:v>
                </c:pt>
                <c:pt idx="729">
                  <c:v>2405.2335520000001</c:v>
                </c:pt>
                <c:pt idx="730">
                  <c:v>2407.1623679999998</c:v>
                </c:pt>
                <c:pt idx="731">
                  <c:v>2409.0911839999999</c:v>
                </c:pt>
                <c:pt idx="732">
                  <c:v>2411.02</c:v>
                </c:pt>
                <c:pt idx="733">
                  <c:v>2412.9488160000001</c:v>
                </c:pt>
                <c:pt idx="734">
                  <c:v>2414.8776320000002</c:v>
                </c:pt>
                <c:pt idx="735">
                  <c:v>2416.8064479999998</c:v>
                </c:pt>
                <c:pt idx="736">
                  <c:v>2418.7352639999999</c:v>
                </c:pt>
                <c:pt idx="737">
                  <c:v>2420.66408</c:v>
                </c:pt>
                <c:pt idx="738">
                  <c:v>2422.5928960000001</c:v>
                </c:pt>
                <c:pt idx="739">
                  <c:v>2424.5217120000002</c:v>
                </c:pt>
                <c:pt idx="740">
                  <c:v>2426.4505279999998</c:v>
                </c:pt>
                <c:pt idx="741">
                  <c:v>2428.3793439999999</c:v>
                </c:pt>
                <c:pt idx="742">
                  <c:v>2430.30816</c:v>
                </c:pt>
                <c:pt idx="743">
                  <c:v>2432.2369760000001</c:v>
                </c:pt>
                <c:pt idx="744">
                  <c:v>2434.1657919999998</c:v>
                </c:pt>
                <c:pt idx="745">
                  <c:v>2436.0946079999999</c:v>
                </c:pt>
                <c:pt idx="746">
                  <c:v>2438.023424</c:v>
                </c:pt>
                <c:pt idx="747">
                  <c:v>2439.9522400000001</c:v>
                </c:pt>
                <c:pt idx="748">
                  <c:v>2441.8810560000002</c:v>
                </c:pt>
                <c:pt idx="749">
                  <c:v>2443.8098719999998</c:v>
                </c:pt>
                <c:pt idx="750">
                  <c:v>2445.7386879999999</c:v>
                </c:pt>
                <c:pt idx="751">
                  <c:v>2447.667504</c:v>
                </c:pt>
                <c:pt idx="752">
                  <c:v>2449.5963200000001</c:v>
                </c:pt>
                <c:pt idx="753">
                  <c:v>2451.5251360000002</c:v>
                </c:pt>
                <c:pt idx="754">
                  <c:v>2453.4539519999998</c:v>
                </c:pt>
                <c:pt idx="755">
                  <c:v>2455.3827679999999</c:v>
                </c:pt>
                <c:pt idx="756">
                  <c:v>2457.311584</c:v>
                </c:pt>
                <c:pt idx="757">
                  <c:v>2459.2404000000001</c:v>
                </c:pt>
                <c:pt idx="758">
                  <c:v>2461.1692159999998</c:v>
                </c:pt>
                <c:pt idx="759">
                  <c:v>2463.0980319999999</c:v>
                </c:pt>
                <c:pt idx="760">
                  <c:v>2465.026848</c:v>
                </c:pt>
                <c:pt idx="761">
                  <c:v>2466.9556640000001</c:v>
                </c:pt>
                <c:pt idx="762">
                  <c:v>2468.8844800000002</c:v>
                </c:pt>
                <c:pt idx="763">
                  <c:v>2470.8132959999998</c:v>
                </c:pt>
                <c:pt idx="764">
                  <c:v>2472.7421119999999</c:v>
                </c:pt>
                <c:pt idx="765">
                  <c:v>2474.670928</c:v>
                </c:pt>
                <c:pt idx="766">
                  <c:v>2476.5997440000001</c:v>
                </c:pt>
                <c:pt idx="767">
                  <c:v>2478.5285600000002</c:v>
                </c:pt>
                <c:pt idx="768">
                  <c:v>2480.4573759999998</c:v>
                </c:pt>
                <c:pt idx="769">
                  <c:v>2482.3861919999999</c:v>
                </c:pt>
                <c:pt idx="770">
                  <c:v>2484.315008</c:v>
                </c:pt>
                <c:pt idx="771">
                  <c:v>2486.2438240000001</c:v>
                </c:pt>
                <c:pt idx="772">
                  <c:v>2488.1726399999998</c:v>
                </c:pt>
                <c:pt idx="773">
                  <c:v>2490.1014559999999</c:v>
                </c:pt>
                <c:pt idx="774">
                  <c:v>2492.030272</c:v>
                </c:pt>
                <c:pt idx="775">
                  <c:v>2493.9590880000001</c:v>
                </c:pt>
                <c:pt idx="776">
                  <c:v>2495.8879040000002</c:v>
                </c:pt>
                <c:pt idx="777">
                  <c:v>2497.8167199999998</c:v>
                </c:pt>
                <c:pt idx="778">
                  <c:v>2499.7455359999999</c:v>
                </c:pt>
                <c:pt idx="779">
                  <c:v>2501.674352</c:v>
                </c:pt>
                <c:pt idx="780">
                  <c:v>2503.6031680000001</c:v>
                </c:pt>
                <c:pt idx="781">
                  <c:v>2505.5319840000002</c:v>
                </c:pt>
                <c:pt idx="782">
                  <c:v>2507.4607999999998</c:v>
                </c:pt>
                <c:pt idx="783">
                  <c:v>2509.3896159999999</c:v>
                </c:pt>
                <c:pt idx="784">
                  <c:v>2511.318432</c:v>
                </c:pt>
                <c:pt idx="785">
                  <c:v>2513.2472480000001</c:v>
                </c:pt>
                <c:pt idx="786">
                  <c:v>2515.1760640000002</c:v>
                </c:pt>
                <c:pt idx="787">
                  <c:v>2517.1048799999999</c:v>
                </c:pt>
                <c:pt idx="788">
                  <c:v>2519.033696</c:v>
                </c:pt>
                <c:pt idx="789">
                  <c:v>2520.9625120000001</c:v>
                </c:pt>
                <c:pt idx="790">
                  <c:v>2522.8913280000002</c:v>
                </c:pt>
                <c:pt idx="791">
                  <c:v>2524.8201439999998</c:v>
                </c:pt>
                <c:pt idx="792">
                  <c:v>2526.7489599999999</c:v>
                </c:pt>
                <c:pt idx="793">
                  <c:v>2528.677776</c:v>
                </c:pt>
                <c:pt idx="794">
                  <c:v>2530.6065920000001</c:v>
                </c:pt>
                <c:pt idx="795">
                  <c:v>2532.5354080000002</c:v>
                </c:pt>
                <c:pt idx="796">
                  <c:v>2534.4642239999998</c:v>
                </c:pt>
                <c:pt idx="797">
                  <c:v>2536.3930399999999</c:v>
                </c:pt>
                <c:pt idx="798">
                  <c:v>2538.321856</c:v>
                </c:pt>
                <c:pt idx="799">
                  <c:v>2540.2506720000001</c:v>
                </c:pt>
                <c:pt idx="800">
                  <c:v>2542.1794880000002</c:v>
                </c:pt>
                <c:pt idx="801">
                  <c:v>2544.1083039999999</c:v>
                </c:pt>
                <c:pt idx="802">
                  <c:v>2546.03712</c:v>
                </c:pt>
                <c:pt idx="803">
                  <c:v>2547.9659360000001</c:v>
                </c:pt>
                <c:pt idx="804">
                  <c:v>2549.8947520000002</c:v>
                </c:pt>
                <c:pt idx="805">
                  <c:v>2551.8235679999998</c:v>
                </c:pt>
                <c:pt idx="806">
                  <c:v>2553.7523839999999</c:v>
                </c:pt>
                <c:pt idx="807">
                  <c:v>2555.6812</c:v>
                </c:pt>
                <c:pt idx="808">
                  <c:v>2557.6100160000001</c:v>
                </c:pt>
                <c:pt idx="809">
                  <c:v>2559.5388320000002</c:v>
                </c:pt>
                <c:pt idx="810">
                  <c:v>2561.4676479999998</c:v>
                </c:pt>
                <c:pt idx="811">
                  <c:v>2563.3964639999999</c:v>
                </c:pt>
                <c:pt idx="812">
                  <c:v>2565.32528</c:v>
                </c:pt>
                <c:pt idx="813">
                  <c:v>2567.2540960000001</c:v>
                </c:pt>
                <c:pt idx="814">
                  <c:v>2569.1829120000002</c:v>
                </c:pt>
                <c:pt idx="815">
                  <c:v>2571.1117279999999</c:v>
                </c:pt>
                <c:pt idx="816">
                  <c:v>2573.040544</c:v>
                </c:pt>
                <c:pt idx="817">
                  <c:v>2574.9693600000001</c:v>
                </c:pt>
                <c:pt idx="818">
                  <c:v>2576.8981760000001</c:v>
                </c:pt>
                <c:pt idx="819">
                  <c:v>2578.8269919999998</c:v>
                </c:pt>
                <c:pt idx="820">
                  <c:v>2580.7558079999999</c:v>
                </c:pt>
                <c:pt idx="821">
                  <c:v>2582.684624</c:v>
                </c:pt>
                <c:pt idx="822">
                  <c:v>2584.6134400000001</c:v>
                </c:pt>
                <c:pt idx="823">
                  <c:v>2586.5422560000002</c:v>
                </c:pt>
                <c:pt idx="824">
                  <c:v>2588.4710719999998</c:v>
                </c:pt>
                <c:pt idx="825">
                  <c:v>2590.3998879999999</c:v>
                </c:pt>
                <c:pt idx="826">
                  <c:v>2592.328704</c:v>
                </c:pt>
                <c:pt idx="827">
                  <c:v>2594.2575200000001</c:v>
                </c:pt>
                <c:pt idx="828">
                  <c:v>2596.1863360000002</c:v>
                </c:pt>
                <c:pt idx="829">
                  <c:v>2598.1151519999999</c:v>
                </c:pt>
                <c:pt idx="830">
                  <c:v>2600.0439679999999</c:v>
                </c:pt>
                <c:pt idx="831">
                  <c:v>2601.972784</c:v>
                </c:pt>
                <c:pt idx="832">
                  <c:v>2603.9016000000001</c:v>
                </c:pt>
                <c:pt idx="833">
                  <c:v>2605.8304159999998</c:v>
                </c:pt>
                <c:pt idx="834">
                  <c:v>2607.7592319999999</c:v>
                </c:pt>
                <c:pt idx="835">
                  <c:v>2609.688048</c:v>
                </c:pt>
                <c:pt idx="836">
                  <c:v>2611.6168640000001</c:v>
                </c:pt>
                <c:pt idx="837">
                  <c:v>2613.5456800000002</c:v>
                </c:pt>
                <c:pt idx="838">
                  <c:v>2615.4744959999998</c:v>
                </c:pt>
                <c:pt idx="839">
                  <c:v>2617.4033119999999</c:v>
                </c:pt>
                <c:pt idx="840">
                  <c:v>2619.332128</c:v>
                </c:pt>
                <c:pt idx="841">
                  <c:v>2621.2609440000001</c:v>
                </c:pt>
                <c:pt idx="842">
                  <c:v>2623.1897600000002</c:v>
                </c:pt>
                <c:pt idx="843">
                  <c:v>2625.1185759999998</c:v>
                </c:pt>
                <c:pt idx="844">
                  <c:v>2627.0473919999999</c:v>
                </c:pt>
                <c:pt idx="845">
                  <c:v>2628.976208</c:v>
                </c:pt>
                <c:pt idx="846">
                  <c:v>2630.9050240000001</c:v>
                </c:pt>
                <c:pt idx="847">
                  <c:v>2632.8338399999998</c:v>
                </c:pt>
                <c:pt idx="848">
                  <c:v>2634.7626559999999</c:v>
                </c:pt>
                <c:pt idx="849">
                  <c:v>2636.691472</c:v>
                </c:pt>
                <c:pt idx="850">
                  <c:v>2638.6202880000001</c:v>
                </c:pt>
                <c:pt idx="851">
                  <c:v>2640.5491040000002</c:v>
                </c:pt>
                <c:pt idx="852">
                  <c:v>2642.4779199999998</c:v>
                </c:pt>
                <c:pt idx="853">
                  <c:v>2644.4067359999999</c:v>
                </c:pt>
                <c:pt idx="854">
                  <c:v>2646.335552</c:v>
                </c:pt>
                <c:pt idx="855">
                  <c:v>2648.2643680000001</c:v>
                </c:pt>
                <c:pt idx="856">
                  <c:v>2650.1931840000002</c:v>
                </c:pt>
                <c:pt idx="857">
                  <c:v>2652.1219999999998</c:v>
                </c:pt>
                <c:pt idx="858">
                  <c:v>2654.0508159999999</c:v>
                </c:pt>
                <c:pt idx="859">
                  <c:v>2655.979632</c:v>
                </c:pt>
                <c:pt idx="860">
                  <c:v>2657.9084480000001</c:v>
                </c:pt>
                <c:pt idx="861">
                  <c:v>2659.8372639999998</c:v>
                </c:pt>
                <c:pt idx="862">
                  <c:v>2661.7660799999999</c:v>
                </c:pt>
                <c:pt idx="863">
                  <c:v>2663.694896</c:v>
                </c:pt>
                <c:pt idx="864">
                  <c:v>2665.6237120000001</c:v>
                </c:pt>
                <c:pt idx="865">
                  <c:v>2667.5525280000002</c:v>
                </c:pt>
                <c:pt idx="866">
                  <c:v>2669.4813439999998</c:v>
                </c:pt>
                <c:pt idx="867">
                  <c:v>2671.4101599999999</c:v>
                </c:pt>
                <c:pt idx="868">
                  <c:v>2673.338976</c:v>
                </c:pt>
                <c:pt idx="869">
                  <c:v>2675.2677920000001</c:v>
                </c:pt>
                <c:pt idx="870">
                  <c:v>2677.1966080000002</c:v>
                </c:pt>
                <c:pt idx="871">
                  <c:v>2679.1254239999998</c:v>
                </c:pt>
                <c:pt idx="872">
                  <c:v>2681.0542399999999</c:v>
                </c:pt>
                <c:pt idx="873">
                  <c:v>2682.983056</c:v>
                </c:pt>
                <c:pt idx="874">
                  <c:v>2684.9118720000001</c:v>
                </c:pt>
                <c:pt idx="875">
                  <c:v>2686.8406880000002</c:v>
                </c:pt>
                <c:pt idx="876">
                  <c:v>2688.7695039999999</c:v>
                </c:pt>
                <c:pt idx="877">
                  <c:v>2690.69832</c:v>
                </c:pt>
                <c:pt idx="878">
                  <c:v>2692.6271360000001</c:v>
                </c:pt>
                <c:pt idx="879">
                  <c:v>2694.5559520000002</c:v>
                </c:pt>
                <c:pt idx="880">
                  <c:v>2696.4847679999998</c:v>
                </c:pt>
                <c:pt idx="881">
                  <c:v>2698.4135839999999</c:v>
                </c:pt>
                <c:pt idx="882">
                  <c:v>2700.3424</c:v>
                </c:pt>
                <c:pt idx="883">
                  <c:v>2702.2712160000001</c:v>
                </c:pt>
                <c:pt idx="884">
                  <c:v>2704.2000320000002</c:v>
                </c:pt>
                <c:pt idx="885">
                  <c:v>2706.1288479999998</c:v>
                </c:pt>
                <c:pt idx="886">
                  <c:v>2708.0576639999999</c:v>
                </c:pt>
                <c:pt idx="887">
                  <c:v>2709.98648</c:v>
                </c:pt>
                <c:pt idx="888">
                  <c:v>2711.9152960000001</c:v>
                </c:pt>
                <c:pt idx="889">
                  <c:v>2713.8441120000002</c:v>
                </c:pt>
                <c:pt idx="890">
                  <c:v>2715.7729279999999</c:v>
                </c:pt>
                <c:pt idx="891">
                  <c:v>2717.701744</c:v>
                </c:pt>
                <c:pt idx="892">
                  <c:v>2719.6305600000001</c:v>
                </c:pt>
                <c:pt idx="893">
                  <c:v>2721.5593760000002</c:v>
                </c:pt>
                <c:pt idx="894">
                  <c:v>2723.4881919999998</c:v>
                </c:pt>
                <c:pt idx="895">
                  <c:v>2725.4170079999999</c:v>
                </c:pt>
                <c:pt idx="896">
                  <c:v>2727.345824</c:v>
                </c:pt>
                <c:pt idx="897">
                  <c:v>2729.2746400000001</c:v>
                </c:pt>
                <c:pt idx="898">
                  <c:v>2731.2034560000002</c:v>
                </c:pt>
                <c:pt idx="899">
                  <c:v>2733.1322719999998</c:v>
                </c:pt>
                <c:pt idx="900">
                  <c:v>2735.0610879999999</c:v>
                </c:pt>
                <c:pt idx="901">
                  <c:v>2736.989904</c:v>
                </c:pt>
                <c:pt idx="902">
                  <c:v>2738.9187200000001</c:v>
                </c:pt>
                <c:pt idx="903">
                  <c:v>2740.8475360000002</c:v>
                </c:pt>
                <c:pt idx="904">
                  <c:v>2742.7763519999999</c:v>
                </c:pt>
                <c:pt idx="905">
                  <c:v>2744.705168</c:v>
                </c:pt>
                <c:pt idx="906">
                  <c:v>2746.6339840000001</c:v>
                </c:pt>
                <c:pt idx="907">
                  <c:v>2748.5628000000002</c:v>
                </c:pt>
                <c:pt idx="908">
                  <c:v>2750.4916159999998</c:v>
                </c:pt>
                <c:pt idx="909">
                  <c:v>2752.4204319999999</c:v>
                </c:pt>
                <c:pt idx="910">
                  <c:v>2754.349248</c:v>
                </c:pt>
                <c:pt idx="911">
                  <c:v>2756.2780640000001</c:v>
                </c:pt>
                <c:pt idx="912">
                  <c:v>2758.2068800000002</c:v>
                </c:pt>
                <c:pt idx="913">
                  <c:v>2760.1356959999998</c:v>
                </c:pt>
                <c:pt idx="914">
                  <c:v>2762.0645119999999</c:v>
                </c:pt>
                <c:pt idx="915">
                  <c:v>2763.993328</c:v>
                </c:pt>
                <c:pt idx="916">
                  <c:v>2765.9221440000001</c:v>
                </c:pt>
                <c:pt idx="917">
                  <c:v>2767.8509600000002</c:v>
                </c:pt>
                <c:pt idx="918">
                  <c:v>2769.7797759999999</c:v>
                </c:pt>
                <c:pt idx="919">
                  <c:v>2771.708592</c:v>
                </c:pt>
                <c:pt idx="920">
                  <c:v>2773.6374080000001</c:v>
                </c:pt>
                <c:pt idx="921">
                  <c:v>2775.5662240000001</c:v>
                </c:pt>
                <c:pt idx="922">
                  <c:v>2777.4950399999998</c:v>
                </c:pt>
                <c:pt idx="923">
                  <c:v>2779.4238559999999</c:v>
                </c:pt>
                <c:pt idx="924">
                  <c:v>2781.352672</c:v>
                </c:pt>
                <c:pt idx="925">
                  <c:v>2783.2814880000001</c:v>
                </c:pt>
                <c:pt idx="926">
                  <c:v>2785.2103040000002</c:v>
                </c:pt>
                <c:pt idx="927">
                  <c:v>2787.1391199999998</c:v>
                </c:pt>
                <c:pt idx="928">
                  <c:v>2789.0679359999999</c:v>
                </c:pt>
                <c:pt idx="929">
                  <c:v>2790.996752</c:v>
                </c:pt>
                <c:pt idx="930">
                  <c:v>2792.9255680000001</c:v>
                </c:pt>
                <c:pt idx="931">
                  <c:v>2794.8543840000002</c:v>
                </c:pt>
                <c:pt idx="932">
                  <c:v>2796.7831999999999</c:v>
                </c:pt>
                <c:pt idx="933">
                  <c:v>2798.7120159999999</c:v>
                </c:pt>
                <c:pt idx="934">
                  <c:v>2800.640832</c:v>
                </c:pt>
                <c:pt idx="935">
                  <c:v>2802.5696480000001</c:v>
                </c:pt>
                <c:pt idx="936">
                  <c:v>2804.4984639999998</c:v>
                </c:pt>
                <c:pt idx="937">
                  <c:v>2806.4272799999999</c:v>
                </c:pt>
                <c:pt idx="938">
                  <c:v>2808.356096</c:v>
                </c:pt>
                <c:pt idx="939">
                  <c:v>2810.2849120000001</c:v>
                </c:pt>
                <c:pt idx="940">
                  <c:v>2812.2137280000002</c:v>
                </c:pt>
                <c:pt idx="941">
                  <c:v>2814.1425439999998</c:v>
                </c:pt>
                <c:pt idx="942">
                  <c:v>2816.0713599999999</c:v>
                </c:pt>
                <c:pt idx="943">
                  <c:v>2818.000176</c:v>
                </c:pt>
                <c:pt idx="944">
                  <c:v>2819.9289920000001</c:v>
                </c:pt>
                <c:pt idx="945">
                  <c:v>2821.8578080000002</c:v>
                </c:pt>
                <c:pt idx="946">
                  <c:v>2823.7866239999998</c:v>
                </c:pt>
                <c:pt idx="947">
                  <c:v>2825.7154399999999</c:v>
                </c:pt>
                <c:pt idx="948">
                  <c:v>2827.644256</c:v>
                </c:pt>
                <c:pt idx="949">
                  <c:v>2829.5730720000001</c:v>
                </c:pt>
                <c:pt idx="950">
                  <c:v>2831.5018879999998</c:v>
                </c:pt>
                <c:pt idx="951">
                  <c:v>2833.4307039999999</c:v>
                </c:pt>
                <c:pt idx="952">
                  <c:v>2835.35952</c:v>
                </c:pt>
                <c:pt idx="953">
                  <c:v>2837.2883360000001</c:v>
                </c:pt>
                <c:pt idx="954">
                  <c:v>2839.2171520000002</c:v>
                </c:pt>
                <c:pt idx="955">
                  <c:v>2841.1459679999998</c:v>
                </c:pt>
                <c:pt idx="956">
                  <c:v>2843.0747839999999</c:v>
                </c:pt>
                <c:pt idx="957">
                  <c:v>2845.0036</c:v>
                </c:pt>
                <c:pt idx="958">
                  <c:v>2846.9324160000001</c:v>
                </c:pt>
                <c:pt idx="959">
                  <c:v>2848.8612320000002</c:v>
                </c:pt>
                <c:pt idx="960">
                  <c:v>2850.7900479999998</c:v>
                </c:pt>
                <c:pt idx="961">
                  <c:v>2852.7188639999999</c:v>
                </c:pt>
                <c:pt idx="962">
                  <c:v>2854.64768</c:v>
                </c:pt>
                <c:pt idx="963">
                  <c:v>2856.5764960000001</c:v>
                </c:pt>
                <c:pt idx="964">
                  <c:v>2858.5053119999998</c:v>
                </c:pt>
                <c:pt idx="965">
                  <c:v>2860.4341279999999</c:v>
                </c:pt>
                <c:pt idx="966">
                  <c:v>2862.362944</c:v>
                </c:pt>
                <c:pt idx="967">
                  <c:v>2864.2917600000001</c:v>
                </c:pt>
                <c:pt idx="968">
                  <c:v>2866.2205760000002</c:v>
                </c:pt>
                <c:pt idx="969">
                  <c:v>2868.1493919999998</c:v>
                </c:pt>
                <c:pt idx="970">
                  <c:v>2870.0782079999999</c:v>
                </c:pt>
                <c:pt idx="971">
                  <c:v>2872.007024</c:v>
                </c:pt>
                <c:pt idx="972">
                  <c:v>2873.9358400000001</c:v>
                </c:pt>
                <c:pt idx="973">
                  <c:v>2875.8646560000002</c:v>
                </c:pt>
                <c:pt idx="974">
                  <c:v>2877.7934719999998</c:v>
                </c:pt>
                <c:pt idx="975">
                  <c:v>2879.7222879999999</c:v>
                </c:pt>
                <c:pt idx="976">
                  <c:v>2881.651104</c:v>
                </c:pt>
                <c:pt idx="977">
                  <c:v>2883.5799200000001</c:v>
                </c:pt>
                <c:pt idx="978">
                  <c:v>2885.5087360000002</c:v>
                </c:pt>
                <c:pt idx="979">
                  <c:v>2887.4375519999999</c:v>
                </c:pt>
                <c:pt idx="980">
                  <c:v>2889.366368</c:v>
                </c:pt>
                <c:pt idx="981">
                  <c:v>2891.2951840000001</c:v>
                </c:pt>
                <c:pt idx="982">
                  <c:v>2893.2240000000002</c:v>
                </c:pt>
                <c:pt idx="983">
                  <c:v>2895.1528159999998</c:v>
                </c:pt>
                <c:pt idx="984">
                  <c:v>2897.0816319999999</c:v>
                </c:pt>
                <c:pt idx="985">
                  <c:v>2899.010448</c:v>
                </c:pt>
                <c:pt idx="986">
                  <c:v>2900.9392640000001</c:v>
                </c:pt>
                <c:pt idx="987">
                  <c:v>2902.8680800000002</c:v>
                </c:pt>
                <c:pt idx="988">
                  <c:v>2904.7968959999998</c:v>
                </c:pt>
                <c:pt idx="989">
                  <c:v>2906.7257119999999</c:v>
                </c:pt>
                <c:pt idx="990">
                  <c:v>2908.654528</c:v>
                </c:pt>
                <c:pt idx="991">
                  <c:v>2910.5833440000001</c:v>
                </c:pt>
                <c:pt idx="992">
                  <c:v>2912.5121600000002</c:v>
                </c:pt>
                <c:pt idx="993">
                  <c:v>2914.4409759999999</c:v>
                </c:pt>
                <c:pt idx="994">
                  <c:v>2916.369792</c:v>
                </c:pt>
                <c:pt idx="995">
                  <c:v>2918.2986080000001</c:v>
                </c:pt>
                <c:pt idx="996">
                  <c:v>2920.2274240000002</c:v>
                </c:pt>
                <c:pt idx="997">
                  <c:v>2922.1562399999998</c:v>
                </c:pt>
                <c:pt idx="998">
                  <c:v>2924.0850559999999</c:v>
                </c:pt>
                <c:pt idx="999">
                  <c:v>2926.013872</c:v>
                </c:pt>
                <c:pt idx="1000">
                  <c:v>2927.9426880000001</c:v>
                </c:pt>
                <c:pt idx="1001">
                  <c:v>2929.8715040000002</c:v>
                </c:pt>
                <c:pt idx="1002">
                  <c:v>2931.8003199999998</c:v>
                </c:pt>
                <c:pt idx="1003">
                  <c:v>2933.7291359999999</c:v>
                </c:pt>
                <c:pt idx="1004">
                  <c:v>2935.657952</c:v>
                </c:pt>
                <c:pt idx="1005">
                  <c:v>2937.5867680000001</c:v>
                </c:pt>
                <c:pt idx="1006">
                  <c:v>2939.5155840000002</c:v>
                </c:pt>
                <c:pt idx="1007">
                  <c:v>2941.4443999999999</c:v>
                </c:pt>
                <c:pt idx="1008">
                  <c:v>2943.373216</c:v>
                </c:pt>
                <c:pt idx="1009">
                  <c:v>2945.3020320000001</c:v>
                </c:pt>
                <c:pt idx="1010">
                  <c:v>2947.2308480000002</c:v>
                </c:pt>
                <c:pt idx="1011">
                  <c:v>2949.1596639999998</c:v>
                </c:pt>
                <c:pt idx="1012">
                  <c:v>2951.0884799999999</c:v>
                </c:pt>
                <c:pt idx="1013">
                  <c:v>2953.017296</c:v>
                </c:pt>
                <c:pt idx="1014">
                  <c:v>2954.9461120000001</c:v>
                </c:pt>
                <c:pt idx="1015">
                  <c:v>2956.8749280000002</c:v>
                </c:pt>
                <c:pt idx="1016">
                  <c:v>2958.8037439999998</c:v>
                </c:pt>
                <c:pt idx="1017">
                  <c:v>2960.7325599999999</c:v>
                </c:pt>
                <c:pt idx="1018">
                  <c:v>2962.661376</c:v>
                </c:pt>
                <c:pt idx="1019">
                  <c:v>2964.5901920000001</c:v>
                </c:pt>
                <c:pt idx="1020">
                  <c:v>2966.5190080000002</c:v>
                </c:pt>
                <c:pt idx="1021">
                  <c:v>2968.4478239999999</c:v>
                </c:pt>
                <c:pt idx="1022">
                  <c:v>2970.37664</c:v>
                </c:pt>
                <c:pt idx="1023">
                  <c:v>2972.305456</c:v>
                </c:pt>
                <c:pt idx="1024">
                  <c:v>2974.2342720000001</c:v>
                </c:pt>
                <c:pt idx="1025">
                  <c:v>2976.1630879999998</c:v>
                </c:pt>
                <c:pt idx="1026">
                  <c:v>2978.0919039999999</c:v>
                </c:pt>
                <c:pt idx="1027">
                  <c:v>2980.02072</c:v>
                </c:pt>
                <c:pt idx="1028">
                  <c:v>2981.9495360000001</c:v>
                </c:pt>
                <c:pt idx="1029">
                  <c:v>2983.8783520000002</c:v>
                </c:pt>
                <c:pt idx="1030">
                  <c:v>2985.8071679999998</c:v>
                </c:pt>
                <c:pt idx="1031">
                  <c:v>2987.7359839999999</c:v>
                </c:pt>
                <c:pt idx="1032">
                  <c:v>2989.6648</c:v>
                </c:pt>
                <c:pt idx="1033">
                  <c:v>2991.5936160000001</c:v>
                </c:pt>
                <c:pt idx="1034">
                  <c:v>2993.5224320000002</c:v>
                </c:pt>
                <c:pt idx="1035">
                  <c:v>2995.4512479999999</c:v>
                </c:pt>
                <c:pt idx="1036">
                  <c:v>2997.3800639999999</c:v>
                </c:pt>
                <c:pt idx="1037">
                  <c:v>2999.30888</c:v>
                </c:pt>
                <c:pt idx="1038">
                  <c:v>3001.2376960000001</c:v>
                </c:pt>
                <c:pt idx="1039">
                  <c:v>3003.1665119999998</c:v>
                </c:pt>
                <c:pt idx="1040">
                  <c:v>3005.0953279999999</c:v>
                </c:pt>
                <c:pt idx="1041">
                  <c:v>3007.024144</c:v>
                </c:pt>
                <c:pt idx="1042">
                  <c:v>3008.9529600000001</c:v>
                </c:pt>
                <c:pt idx="1043">
                  <c:v>3010.8817760000002</c:v>
                </c:pt>
                <c:pt idx="1044">
                  <c:v>3012.8105919999998</c:v>
                </c:pt>
                <c:pt idx="1045">
                  <c:v>3014.7394079999999</c:v>
                </c:pt>
                <c:pt idx="1046">
                  <c:v>3016.668224</c:v>
                </c:pt>
                <c:pt idx="1047">
                  <c:v>3018.5970400000001</c:v>
                </c:pt>
                <c:pt idx="1048">
                  <c:v>3020.5258560000002</c:v>
                </c:pt>
                <c:pt idx="1049">
                  <c:v>3022.4546719999998</c:v>
                </c:pt>
                <c:pt idx="1050">
                  <c:v>3024.3834879999999</c:v>
                </c:pt>
                <c:pt idx="1051">
                  <c:v>3026.312304</c:v>
                </c:pt>
                <c:pt idx="1052">
                  <c:v>3028.2411200000001</c:v>
                </c:pt>
                <c:pt idx="1053">
                  <c:v>3030.1699359999998</c:v>
                </c:pt>
                <c:pt idx="1054">
                  <c:v>3032.0987519999999</c:v>
                </c:pt>
                <c:pt idx="1055">
                  <c:v>3034.027568</c:v>
                </c:pt>
                <c:pt idx="1056">
                  <c:v>3035.9563840000001</c:v>
                </c:pt>
                <c:pt idx="1057">
                  <c:v>3037.8852000000002</c:v>
                </c:pt>
                <c:pt idx="1058">
                  <c:v>3039.8140159999998</c:v>
                </c:pt>
                <c:pt idx="1059">
                  <c:v>3041.7428319999999</c:v>
                </c:pt>
                <c:pt idx="1060">
                  <c:v>3043.671648</c:v>
                </c:pt>
                <c:pt idx="1061">
                  <c:v>3045.6004640000001</c:v>
                </c:pt>
                <c:pt idx="1062">
                  <c:v>3047.5292800000002</c:v>
                </c:pt>
                <c:pt idx="1063">
                  <c:v>3049.4580959999998</c:v>
                </c:pt>
                <c:pt idx="1064">
                  <c:v>3051.3869119999999</c:v>
                </c:pt>
                <c:pt idx="1065">
                  <c:v>3053.315728</c:v>
                </c:pt>
                <c:pt idx="1066">
                  <c:v>3055.2445440000001</c:v>
                </c:pt>
                <c:pt idx="1067">
                  <c:v>3057.1733599999998</c:v>
                </c:pt>
                <c:pt idx="1068">
                  <c:v>3059.1021759999999</c:v>
                </c:pt>
                <c:pt idx="1069">
                  <c:v>3061.030992</c:v>
                </c:pt>
                <c:pt idx="1070">
                  <c:v>3062.9598080000001</c:v>
                </c:pt>
                <c:pt idx="1071">
                  <c:v>3064.8886240000002</c:v>
                </c:pt>
                <c:pt idx="1072">
                  <c:v>3066.8174399999998</c:v>
                </c:pt>
                <c:pt idx="1073">
                  <c:v>3068.7462559999999</c:v>
                </c:pt>
                <c:pt idx="1074">
                  <c:v>3070.675072</c:v>
                </c:pt>
                <c:pt idx="1075">
                  <c:v>3072.6038880000001</c:v>
                </c:pt>
                <c:pt idx="1076">
                  <c:v>3074.5327040000002</c:v>
                </c:pt>
                <c:pt idx="1077">
                  <c:v>3076.4615199999998</c:v>
                </c:pt>
                <c:pt idx="1078">
                  <c:v>3078.3903359999999</c:v>
                </c:pt>
                <c:pt idx="1079">
                  <c:v>3080.319152</c:v>
                </c:pt>
                <c:pt idx="1080">
                  <c:v>3082.2479680000001</c:v>
                </c:pt>
                <c:pt idx="1081">
                  <c:v>3084.1767840000002</c:v>
                </c:pt>
                <c:pt idx="1082">
                  <c:v>3086.1055999999999</c:v>
                </c:pt>
                <c:pt idx="1083">
                  <c:v>3088.034416</c:v>
                </c:pt>
                <c:pt idx="1084">
                  <c:v>3089.9632320000001</c:v>
                </c:pt>
                <c:pt idx="1085">
                  <c:v>3091.8920480000002</c:v>
                </c:pt>
                <c:pt idx="1086">
                  <c:v>3093.8208639999998</c:v>
                </c:pt>
                <c:pt idx="1087">
                  <c:v>3095.7496799999999</c:v>
                </c:pt>
                <c:pt idx="1088">
                  <c:v>3097.678496</c:v>
                </c:pt>
                <c:pt idx="1089">
                  <c:v>3099.6073120000001</c:v>
                </c:pt>
                <c:pt idx="1090">
                  <c:v>3101.5361280000002</c:v>
                </c:pt>
                <c:pt idx="1091">
                  <c:v>3103.4649439999998</c:v>
                </c:pt>
                <c:pt idx="1092">
                  <c:v>3105.3937599999999</c:v>
                </c:pt>
                <c:pt idx="1093">
                  <c:v>3107.322576</c:v>
                </c:pt>
                <c:pt idx="1094">
                  <c:v>3109.2513920000001</c:v>
                </c:pt>
                <c:pt idx="1095">
                  <c:v>3111.1802080000002</c:v>
                </c:pt>
                <c:pt idx="1096">
                  <c:v>3113.1090239999999</c:v>
                </c:pt>
                <c:pt idx="1097">
                  <c:v>3115.03784</c:v>
                </c:pt>
                <c:pt idx="1098">
                  <c:v>3116.9666560000001</c:v>
                </c:pt>
                <c:pt idx="1099">
                  <c:v>3118.8954720000002</c:v>
                </c:pt>
                <c:pt idx="1100">
                  <c:v>3120.8242879999998</c:v>
                </c:pt>
                <c:pt idx="1101">
                  <c:v>3122.7531039999999</c:v>
                </c:pt>
                <c:pt idx="1102">
                  <c:v>3124.68192</c:v>
                </c:pt>
                <c:pt idx="1103">
                  <c:v>3126.6107360000001</c:v>
                </c:pt>
                <c:pt idx="1104">
                  <c:v>3128.5395520000002</c:v>
                </c:pt>
                <c:pt idx="1105">
                  <c:v>3130.4683679999998</c:v>
                </c:pt>
                <c:pt idx="1106">
                  <c:v>3132.3971839999999</c:v>
                </c:pt>
                <c:pt idx="1107">
                  <c:v>3134.326</c:v>
                </c:pt>
                <c:pt idx="1108">
                  <c:v>3136.2548160000001</c:v>
                </c:pt>
                <c:pt idx="1109">
                  <c:v>3138.1836320000002</c:v>
                </c:pt>
                <c:pt idx="1110">
                  <c:v>3140.1124479999999</c:v>
                </c:pt>
                <c:pt idx="1111">
                  <c:v>3142.041264</c:v>
                </c:pt>
                <c:pt idx="1112">
                  <c:v>3143.9700800000001</c:v>
                </c:pt>
                <c:pt idx="1113">
                  <c:v>3145.8988960000001</c:v>
                </c:pt>
                <c:pt idx="1114">
                  <c:v>3147.8277119999998</c:v>
                </c:pt>
                <c:pt idx="1115">
                  <c:v>3149.7565279999999</c:v>
                </c:pt>
                <c:pt idx="1116">
                  <c:v>3151.685344</c:v>
                </c:pt>
                <c:pt idx="1117">
                  <c:v>3153.6141600000001</c:v>
                </c:pt>
                <c:pt idx="1118">
                  <c:v>3155.5429760000002</c:v>
                </c:pt>
                <c:pt idx="1119">
                  <c:v>3157.4717919999998</c:v>
                </c:pt>
                <c:pt idx="1120">
                  <c:v>3159.4006079999999</c:v>
                </c:pt>
                <c:pt idx="1121">
                  <c:v>3161.329424</c:v>
                </c:pt>
                <c:pt idx="1122">
                  <c:v>3163.2582400000001</c:v>
                </c:pt>
                <c:pt idx="1123">
                  <c:v>3165.1870560000002</c:v>
                </c:pt>
                <c:pt idx="1124">
                  <c:v>3167.1158719999999</c:v>
                </c:pt>
                <c:pt idx="1125">
                  <c:v>3169.044688</c:v>
                </c:pt>
                <c:pt idx="1126">
                  <c:v>3170.973504</c:v>
                </c:pt>
                <c:pt idx="1127">
                  <c:v>3172.9023200000001</c:v>
                </c:pt>
                <c:pt idx="1128">
                  <c:v>3174.8311359999998</c:v>
                </c:pt>
                <c:pt idx="1129">
                  <c:v>3176.7599519999999</c:v>
                </c:pt>
                <c:pt idx="1130">
                  <c:v>3178.688768</c:v>
                </c:pt>
                <c:pt idx="1131">
                  <c:v>3180.6175840000001</c:v>
                </c:pt>
                <c:pt idx="1132">
                  <c:v>3182.5464000000002</c:v>
                </c:pt>
                <c:pt idx="1133">
                  <c:v>3184.4752159999998</c:v>
                </c:pt>
                <c:pt idx="1134">
                  <c:v>3186.4040319999999</c:v>
                </c:pt>
                <c:pt idx="1135">
                  <c:v>3188.332848</c:v>
                </c:pt>
                <c:pt idx="1136">
                  <c:v>3190.2616640000001</c:v>
                </c:pt>
                <c:pt idx="1137">
                  <c:v>3192.1904800000002</c:v>
                </c:pt>
                <c:pt idx="1138">
                  <c:v>3194.1192959999998</c:v>
                </c:pt>
                <c:pt idx="1139">
                  <c:v>3196.0481119999999</c:v>
                </c:pt>
                <c:pt idx="1140">
                  <c:v>3197.976928</c:v>
                </c:pt>
                <c:pt idx="1141">
                  <c:v>3199.9057440000001</c:v>
                </c:pt>
                <c:pt idx="1142">
                  <c:v>3201.8345599999998</c:v>
                </c:pt>
                <c:pt idx="1143">
                  <c:v>3203.7633759999999</c:v>
                </c:pt>
                <c:pt idx="1144">
                  <c:v>3205.692192</c:v>
                </c:pt>
                <c:pt idx="1145">
                  <c:v>3207.6210080000001</c:v>
                </c:pt>
                <c:pt idx="1146">
                  <c:v>3209.5498240000002</c:v>
                </c:pt>
                <c:pt idx="1147">
                  <c:v>3211.4786399999998</c:v>
                </c:pt>
                <c:pt idx="1148">
                  <c:v>3213.4074559999999</c:v>
                </c:pt>
                <c:pt idx="1149">
                  <c:v>3215.336272</c:v>
                </c:pt>
                <c:pt idx="1150">
                  <c:v>3217.2650880000001</c:v>
                </c:pt>
                <c:pt idx="1151">
                  <c:v>3219.1939040000002</c:v>
                </c:pt>
                <c:pt idx="1152">
                  <c:v>3221.1227199999998</c:v>
                </c:pt>
                <c:pt idx="1153">
                  <c:v>3223.0515359999999</c:v>
                </c:pt>
                <c:pt idx="1154">
                  <c:v>3224.980352</c:v>
                </c:pt>
                <c:pt idx="1155">
                  <c:v>3226.9091680000001</c:v>
                </c:pt>
                <c:pt idx="1156">
                  <c:v>3228.8379839999998</c:v>
                </c:pt>
                <c:pt idx="1157">
                  <c:v>3230.7667999999999</c:v>
                </c:pt>
                <c:pt idx="1158">
                  <c:v>3232.695616</c:v>
                </c:pt>
                <c:pt idx="1159">
                  <c:v>3234.6244320000001</c:v>
                </c:pt>
                <c:pt idx="1160">
                  <c:v>3236.5532480000002</c:v>
                </c:pt>
                <c:pt idx="1161">
                  <c:v>3238.4820639999998</c:v>
                </c:pt>
                <c:pt idx="1162">
                  <c:v>3240.4108799999999</c:v>
                </c:pt>
                <c:pt idx="1163">
                  <c:v>3242.339696</c:v>
                </c:pt>
                <c:pt idx="1164">
                  <c:v>3244.2685120000001</c:v>
                </c:pt>
                <c:pt idx="1165">
                  <c:v>3246.1973280000002</c:v>
                </c:pt>
                <c:pt idx="1166">
                  <c:v>3248.1261439999998</c:v>
                </c:pt>
                <c:pt idx="1167">
                  <c:v>3250.0549599999999</c:v>
                </c:pt>
                <c:pt idx="1168">
                  <c:v>3251.983776</c:v>
                </c:pt>
                <c:pt idx="1169">
                  <c:v>3253.9125920000001</c:v>
                </c:pt>
                <c:pt idx="1170">
                  <c:v>3255.8414079999998</c:v>
                </c:pt>
                <c:pt idx="1171">
                  <c:v>3257.7702239999999</c:v>
                </c:pt>
                <c:pt idx="1172">
                  <c:v>3259.69904</c:v>
                </c:pt>
                <c:pt idx="1173">
                  <c:v>3261.6278560000001</c:v>
                </c:pt>
                <c:pt idx="1174">
                  <c:v>3263.5566720000002</c:v>
                </c:pt>
                <c:pt idx="1175">
                  <c:v>3265.4854879999998</c:v>
                </c:pt>
                <c:pt idx="1176">
                  <c:v>3267.4143039999999</c:v>
                </c:pt>
                <c:pt idx="1177">
                  <c:v>3269.34312</c:v>
                </c:pt>
                <c:pt idx="1178">
                  <c:v>3271.2719360000001</c:v>
                </c:pt>
                <c:pt idx="1179">
                  <c:v>3273.2007520000002</c:v>
                </c:pt>
                <c:pt idx="1180">
                  <c:v>3275.1295679999998</c:v>
                </c:pt>
                <c:pt idx="1181">
                  <c:v>3277.0583839999999</c:v>
                </c:pt>
                <c:pt idx="1182">
                  <c:v>3278.9872</c:v>
                </c:pt>
                <c:pt idx="1183">
                  <c:v>3280.9160160000001</c:v>
                </c:pt>
                <c:pt idx="1184">
                  <c:v>3282.8448320000002</c:v>
                </c:pt>
                <c:pt idx="1185">
                  <c:v>3284.7736479999999</c:v>
                </c:pt>
                <c:pt idx="1186">
                  <c:v>3286.702464</c:v>
                </c:pt>
                <c:pt idx="1187">
                  <c:v>3288.6312800000001</c:v>
                </c:pt>
                <c:pt idx="1188">
                  <c:v>3290.5600960000002</c:v>
                </c:pt>
                <c:pt idx="1189">
                  <c:v>3292.4889119999998</c:v>
                </c:pt>
                <c:pt idx="1190">
                  <c:v>3294.4177279999999</c:v>
                </c:pt>
                <c:pt idx="1191">
                  <c:v>3296.346544</c:v>
                </c:pt>
                <c:pt idx="1192">
                  <c:v>3298.2753600000001</c:v>
                </c:pt>
                <c:pt idx="1193">
                  <c:v>3300.2041760000002</c:v>
                </c:pt>
                <c:pt idx="1194">
                  <c:v>3302.1329919999998</c:v>
                </c:pt>
                <c:pt idx="1195">
                  <c:v>3304.0618079999999</c:v>
                </c:pt>
                <c:pt idx="1196">
                  <c:v>3305.990624</c:v>
                </c:pt>
                <c:pt idx="1197">
                  <c:v>3307.9194400000001</c:v>
                </c:pt>
                <c:pt idx="1198">
                  <c:v>3309.8482560000002</c:v>
                </c:pt>
                <c:pt idx="1199">
                  <c:v>3311.7770719999999</c:v>
                </c:pt>
                <c:pt idx="1200">
                  <c:v>3313.705888</c:v>
                </c:pt>
                <c:pt idx="1201">
                  <c:v>3315.6347040000001</c:v>
                </c:pt>
                <c:pt idx="1202">
                  <c:v>3317.5635200000002</c:v>
                </c:pt>
                <c:pt idx="1203">
                  <c:v>3319.4923359999998</c:v>
                </c:pt>
                <c:pt idx="1204">
                  <c:v>3321.4211519999999</c:v>
                </c:pt>
                <c:pt idx="1205">
                  <c:v>3323.349968</c:v>
                </c:pt>
                <c:pt idx="1206">
                  <c:v>3325.2787840000001</c:v>
                </c:pt>
                <c:pt idx="1207">
                  <c:v>3327.2076000000002</c:v>
                </c:pt>
                <c:pt idx="1208">
                  <c:v>3329.1364159999998</c:v>
                </c:pt>
                <c:pt idx="1209">
                  <c:v>3331.0652319999999</c:v>
                </c:pt>
                <c:pt idx="1210">
                  <c:v>3332.994048</c:v>
                </c:pt>
                <c:pt idx="1211">
                  <c:v>3334.9228640000001</c:v>
                </c:pt>
                <c:pt idx="1212">
                  <c:v>3336.8516800000002</c:v>
                </c:pt>
                <c:pt idx="1213">
                  <c:v>3338.7804959999999</c:v>
                </c:pt>
                <c:pt idx="1214">
                  <c:v>3340.709312</c:v>
                </c:pt>
                <c:pt idx="1215">
                  <c:v>3342.6381280000001</c:v>
                </c:pt>
                <c:pt idx="1216">
                  <c:v>3344.5669440000001</c:v>
                </c:pt>
                <c:pt idx="1217">
                  <c:v>3346.4957599999998</c:v>
                </c:pt>
                <c:pt idx="1218">
                  <c:v>3348.4245759999999</c:v>
                </c:pt>
                <c:pt idx="1219">
                  <c:v>3350.353392</c:v>
                </c:pt>
                <c:pt idx="1220">
                  <c:v>3352.2822080000001</c:v>
                </c:pt>
                <c:pt idx="1221">
                  <c:v>3354.2110240000002</c:v>
                </c:pt>
                <c:pt idx="1222">
                  <c:v>3356.1398399999998</c:v>
                </c:pt>
                <c:pt idx="1223">
                  <c:v>3358.0686559999999</c:v>
                </c:pt>
                <c:pt idx="1224">
                  <c:v>3359.997472</c:v>
                </c:pt>
                <c:pt idx="1225">
                  <c:v>3361.9262880000001</c:v>
                </c:pt>
                <c:pt idx="1226">
                  <c:v>3363.8551040000002</c:v>
                </c:pt>
                <c:pt idx="1227">
                  <c:v>3365.7839199999999</c:v>
                </c:pt>
                <c:pt idx="1228">
                  <c:v>3367.7127359999999</c:v>
                </c:pt>
                <c:pt idx="1229">
                  <c:v>3369.641552</c:v>
                </c:pt>
                <c:pt idx="1230">
                  <c:v>3371.5703680000001</c:v>
                </c:pt>
                <c:pt idx="1231">
                  <c:v>3373.4991839999998</c:v>
                </c:pt>
                <c:pt idx="1232">
                  <c:v>3375.4279999999999</c:v>
                </c:pt>
                <c:pt idx="1233">
                  <c:v>3377.356816</c:v>
                </c:pt>
                <c:pt idx="1234">
                  <c:v>3379.2856320000001</c:v>
                </c:pt>
                <c:pt idx="1235">
                  <c:v>3381.2144480000002</c:v>
                </c:pt>
                <c:pt idx="1236">
                  <c:v>3383.1432639999998</c:v>
                </c:pt>
                <c:pt idx="1237">
                  <c:v>3385.0720799999999</c:v>
                </c:pt>
                <c:pt idx="1238">
                  <c:v>3387.000896</c:v>
                </c:pt>
                <c:pt idx="1239">
                  <c:v>3388.9297120000001</c:v>
                </c:pt>
                <c:pt idx="1240">
                  <c:v>3390.8585280000002</c:v>
                </c:pt>
                <c:pt idx="1241">
                  <c:v>3392.7873439999998</c:v>
                </c:pt>
                <c:pt idx="1242">
                  <c:v>3394.7161599999999</c:v>
                </c:pt>
                <c:pt idx="1243">
                  <c:v>3396.644976</c:v>
                </c:pt>
                <c:pt idx="1244">
                  <c:v>3398.5737920000001</c:v>
                </c:pt>
                <c:pt idx="1245">
                  <c:v>3400.5026079999998</c:v>
                </c:pt>
                <c:pt idx="1246">
                  <c:v>3402.4314239999999</c:v>
                </c:pt>
                <c:pt idx="1247">
                  <c:v>3404.36024</c:v>
                </c:pt>
                <c:pt idx="1248">
                  <c:v>3406.2890560000001</c:v>
                </c:pt>
                <c:pt idx="1249">
                  <c:v>3408.2178720000002</c:v>
                </c:pt>
                <c:pt idx="1250">
                  <c:v>3410.1466879999998</c:v>
                </c:pt>
                <c:pt idx="1251">
                  <c:v>3412.0755039999999</c:v>
                </c:pt>
                <c:pt idx="1252">
                  <c:v>3414.00432</c:v>
                </c:pt>
                <c:pt idx="1253">
                  <c:v>3415.9331360000001</c:v>
                </c:pt>
                <c:pt idx="1254">
                  <c:v>3417.8619520000002</c:v>
                </c:pt>
                <c:pt idx="1255">
                  <c:v>3419.7907679999998</c:v>
                </c:pt>
                <c:pt idx="1256">
                  <c:v>3421.7195839999999</c:v>
                </c:pt>
                <c:pt idx="1257">
                  <c:v>3423.6484</c:v>
                </c:pt>
                <c:pt idx="1258">
                  <c:v>3425.5772160000001</c:v>
                </c:pt>
                <c:pt idx="1259">
                  <c:v>3427.5060319999998</c:v>
                </c:pt>
                <c:pt idx="1260">
                  <c:v>3429.4348479999999</c:v>
                </c:pt>
                <c:pt idx="1261">
                  <c:v>3431.363664</c:v>
                </c:pt>
                <c:pt idx="1262">
                  <c:v>3433.2924800000001</c:v>
                </c:pt>
                <c:pt idx="1263">
                  <c:v>3435.2212960000002</c:v>
                </c:pt>
                <c:pt idx="1264">
                  <c:v>3437.1501119999998</c:v>
                </c:pt>
                <c:pt idx="1265">
                  <c:v>3439.0789279999999</c:v>
                </c:pt>
                <c:pt idx="1266">
                  <c:v>3441.007744</c:v>
                </c:pt>
                <c:pt idx="1267">
                  <c:v>3442.9365600000001</c:v>
                </c:pt>
                <c:pt idx="1268">
                  <c:v>3444.8653760000002</c:v>
                </c:pt>
                <c:pt idx="1269">
                  <c:v>3446.7941919999998</c:v>
                </c:pt>
                <c:pt idx="1270">
                  <c:v>3448.7230079999999</c:v>
                </c:pt>
                <c:pt idx="1271">
                  <c:v>3450.651824</c:v>
                </c:pt>
                <c:pt idx="1272">
                  <c:v>3452.5806400000001</c:v>
                </c:pt>
                <c:pt idx="1273">
                  <c:v>3454.5094559999998</c:v>
                </c:pt>
                <c:pt idx="1274">
                  <c:v>3456.4382719999999</c:v>
                </c:pt>
                <c:pt idx="1275">
                  <c:v>3458.367088</c:v>
                </c:pt>
                <c:pt idx="1276">
                  <c:v>3460.2959040000001</c:v>
                </c:pt>
                <c:pt idx="1277">
                  <c:v>3462.2247200000002</c:v>
                </c:pt>
                <c:pt idx="1278">
                  <c:v>3464.1535359999998</c:v>
                </c:pt>
                <c:pt idx="1279">
                  <c:v>3466.0823519999999</c:v>
                </c:pt>
                <c:pt idx="1280">
                  <c:v>3468.011168</c:v>
                </c:pt>
                <c:pt idx="1281">
                  <c:v>3469.9399840000001</c:v>
                </c:pt>
                <c:pt idx="1282">
                  <c:v>3471.8688000000002</c:v>
                </c:pt>
                <c:pt idx="1283">
                  <c:v>3473.7976159999998</c:v>
                </c:pt>
                <c:pt idx="1284">
                  <c:v>3475.7264319999999</c:v>
                </c:pt>
                <c:pt idx="1285">
                  <c:v>3477.655248</c:v>
                </c:pt>
                <c:pt idx="1286">
                  <c:v>3479.5840640000001</c:v>
                </c:pt>
                <c:pt idx="1287">
                  <c:v>3481.5128800000002</c:v>
                </c:pt>
                <c:pt idx="1288">
                  <c:v>3483.4416959999999</c:v>
                </c:pt>
                <c:pt idx="1289">
                  <c:v>3485.370512</c:v>
                </c:pt>
                <c:pt idx="1290">
                  <c:v>3487.2993280000001</c:v>
                </c:pt>
                <c:pt idx="1291">
                  <c:v>3489.2281440000002</c:v>
                </c:pt>
                <c:pt idx="1292">
                  <c:v>3491.1569599999998</c:v>
                </c:pt>
                <c:pt idx="1293">
                  <c:v>3493.0857759999999</c:v>
                </c:pt>
                <c:pt idx="1294">
                  <c:v>3495.014592</c:v>
                </c:pt>
                <c:pt idx="1295">
                  <c:v>3496.9434080000001</c:v>
                </c:pt>
                <c:pt idx="1296">
                  <c:v>3498.8722240000002</c:v>
                </c:pt>
                <c:pt idx="1297">
                  <c:v>3500.8010399999998</c:v>
                </c:pt>
                <c:pt idx="1298">
                  <c:v>3502.7298559999999</c:v>
                </c:pt>
                <c:pt idx="1299">
                  <c:v>3504.658672</c:v>
                </c:pt>
                <c:pt idx="1300">
                  <c:v>3506.5874880000001</c:v>
                </c:pt>
                <c:pt idx="1301">
                  <c:v>3508.5163040000002</c:v>
                </c:pt>
                <c:pt idx="1302">
                  <c:v>3510.4451199999999</c:v>
                </c:pt>
                <c:pt idx="1303">
                  <c:v>3512.373936</c:v>
                </c:pt>
                <c:pt idx="1304">
                  <c:v>3514.3027520000001</c:v>
                </c:pt>
                <c:pt idx="1305">
                  <c:v>3516.2315680000002</c:v>
                </c:pt>
                <c:pt idx="1306">
                  <c:v>3518.1603839999998</c:v>
                </c:pt>
                <c:pt idx="1307">
                  <c:v>3520.0891999999999</c:v>
                </c:pt>
                <c:pt idx="1308">
                  <c:v>3522.018016</c:v>
                </c:pt>
                <c:pt idx="1309">
                  <c:v>3523.9468320000001</c:v>
                </c:pt>
                <c:pt idx="1310">
                  <c:v>3525.8756480000002</c:v>
                </c:pt>
                <c:pt idx="1311">
                  <c:v>3527.8044639999998</c:v>
                </c:pt>
                <c:pt idx="1312">
                  <c:v>3529.7332799999999</c:v>
                </c:pt>
                <c:pt idx="1313">
                  <c:v>3531.662096</c:v>
                </c:pt>
                <c:pt idx="1314">
                  <c:v>3533.5909120000001</c:v>
                </c:pt>
                <c:pt idx="1315">
                  <c:v>3535.5197280000002</c:v>
                </c:pt>
                <c:pt idx="1316">
                  <c:v>3537.4485439999999</c:v>
                </c:pt>
                <c:pt idx="1317">
                  <c:v>3539.37736</c:v>
                </c:pt>
                <c:pt idx="1318">
                  <c:v>3541.3061760000001</c:v>
                </c:pt>
                <c:pt idx="1319">
                  <c:v>3543.2349920000001</c:v>
                </c:pt>
                <c:pt idx="1320">
                  <c:v>3545.1638079999998</c:v>
                </c:pt>
                <c:pt idx="1321">
                  <c:v>3547.0926239999999</c:v>
                </c:pt>
                <c:pt idx="1322">
                  <c:v>3549.02144</c:v>
                </c:pt>
                <c:pt idx="1323">
                  <c:v>3550.9502560000001</c:v>
                </c:pt>
                <c:pt idx="1324">
                  <c:v>3552.8790720000002</c:v>
                </c:pt>
                <c:pt idx="1325">
                  <c:v>3554.8078879999998</c:v>
                </c:pt>
                <c:pt idx="1326">
                  <c:v>3556.7367039999999</c:v>
                </c:pt>
                <c:pt idx="1327">
                  <c:v>3558.66552</c:v>
                </c:pt>
                <c:pt idx="1328">
                  <c:v>3560.5943360000001</c:v>
                </c:pt>
                <c:pt idx="1329">
                  <c:v>3562.5231520000002</c:v>
                </c:pt>
                <c:pt idx="1330">
                  <c:v>3564.4519679999999</c:v>
                </c:pt>
                <c:pt idx="1331">
                  <c:v>3566.3807839999999</c:v>
                </c:pt>
                <c:pt idx="1332">
                  <c:v>3568.3096</c:v>
                </c:pt>
                <c:pt idx="1333">
                  <c:v>3570.2384160000001</c:v>
                </c:pt>
                <c:pt idx="1334">
                  <c:v>3572.1672319999998</c:v>
                </c:pt>
                <c:pt idx="1335">
                  <c:v>3574.0960479999999</c:v>
                </c:pt>
                <c:pt idx="1336">
                  <c:v>3576.024864</c:v>
                </c:pt>
                <c:pt idx="1337">
                  <c:v>3577.9536800000001</c:v>
                </c:pt>
                <c:pt idx="1338">
                  <c:v>3579.8824960000002</c:v>
                </c:pt>
                <c:pt idx="1339">
                  <c:v>3581.8113119999998</c:v>
                </c:pt>
                <c:pt idx="1340">
                  <c:v>3583.7401279999999</c:v>
                </c:pt>
                <c:pt idx="1341">
                  <c:v>3585.668944</c:v>
                </c:pt>
                <c:pt idx="1342">
                  <c:v>3587.5977600000001</c:v>
                </c:pt>
                <c:pt idx="1343">
                  <c:v>3589.5265760000002</c:v>
                </c:pt>
                <c:pt idx="1344">
                  <c:v>3591.4553919999998</c:v>
                </c:pt>
                <c:pt idx="1345">
                  <c:v>3593.3842079999999</c:v>
                </c:pt>
                <c:pt idx="1346">
                  <c:v>3595.313024</c:v>
                </c:pt>
                <c:pt idx="1347">
                  <c:v>3597.2418400000001</c:v>
                </c:pt>
                <c:pt idx="1348">
                  <c:v>3599.1706559999998</c:v>
                </c:pt>
                <c:pt idx="1349">
                  <c:v>3601.0994719999999</c:v>
                </c:pt>
                <c:pt idx="1350">
                  <c:v>3603.028288</c:v>
                </c:pt>
                <c:pt idx="1351">
                  <c:v>3604.9571040000001</c:v>
                </c:pt>
                <c:pt idx="1352">
                  <c:v>3606.8859200000002</c:v>
                </c:pt>
                <c:pt idx="1353">
                  <c:v>3608.8147359999998</c:v>
                </c:pt>
                <c:pt idx="1354">
                  <c:v>3610.7435519999999</c:v>
                </c:pt>
                <c:pt idx="1355">
                  <c:v>3612.672368</c:v>
                </c:pt>
                <c:pt idx="1356">
                  <c:v>3614.6011840000001</c:v>
                </c:pt>
                <c:pt idx="1357">
                  <c:v>3616.53</c:v>
                </c:pt>
                <c:pt idx="1358">
                  <c:v>3618.4588159999998</c:v>
                </c:pt>
                <c:pt idx="1359">
                  <c:v>3620.3876319999999</c:v>
                </c:pt>
                <c:pt idx="1360">
                  <c:v>3622.316448</c:v>
                </c:pt>
                <c:pt idx="1361">
                  <c:v>3624.2452640000001</c:v>
                </c:pt>
                <c:pt idx="1362">
                  <c:v>3626.1740799999998</c:v>
                </c:pt>
                <c:pt idx="1363">
                  <c:v>3628.1028959999999</c:v>
                </c:pt>
                <c:pt idx="1364">
                  <c:v>3630.031712</c:v>
                </c:pt>
                <c:pt idx="1365">
                  <c:v>3631.9605280000001</c:v>
                </c:pt>
                <c:pt idx="1366">
                  <c:v>3633.8893440000002</c:v>
                </c:pt>
                <c:pt idx="1367">
                  <c:v>3635.8181599999998</c:v>
                </c:pt>
                <c:pt idx="1368">
                  <c:v>3637.7469759999999</c:v>
                </c:pt>
                <c:pt idx="1369">
                  <c:v>3639.675792</c:v>
                </c:pt>
                <c:pt idx="1370">
                  <c:v>3641.6046080000001</c:v>
                </c:pt>
                <c:pt idx="1371">
                  <c:v>3643.5334240000002</c:v>
                </c:pt>
                <c:pt idx="1372">
                  <c:v>3645.4622399999998</c:v>
                </c:pt>
                <c:pt idx="1373">
                  <c:v>3647.3910559999999</c:v>
                </c:pt>
                <c:pt idx="1374">
                  <c:v>3649.319872</c:v>
                </c:pt>
                <c:pt idx="1375">
                  <c:v>3651.2486880000001</c:v>
                </c:pt>
                <c:pt idx="1376">
                  <c:v>3653.1775040000002</c:v>
                </c:pt>
                <c:pt idx="1377">
                  <c:v>3655.1063199999999</c:v>
                </c:pt>
                <c:pt idx="1378">
                  <c:v>3657.035136</c:v>
                </c:pt>
                <c:pt idx="1379">
                  <c:v>3658.9639520000001</c:v>
                </c:pt>
                <c:pt idx="1380">
                  <c:v>3660.8927680000002</c:v>
                </c:pt>
                <c:pt idx="1381">
                  <c:v>3662.8215839999998</c:v>
                </c:pt>
                <c:pt idx="1382">
                  <c:v>3664.7503999999999</c:v>
                </c:pt>
                <c:pt idx="1383">
                  <c:v>3666.679216</c:v>
                </c:pt>
                <c:pt idx="1384">
                  <c:v>3668.6080320000001</c:v>
                </c:pt>
                <c:pt idx="1385">
                  <c:v>3670.5368480000002</c:v>
                </c:pt>
                <c:pt idx="1386">
                  <c:v>3672.4656639999998</c:v>
                </c:pt>
                <c:pt idx="1387">
                  <c:v>3674.3944799999999</c:v>
                </c:pt>
                <c:pt idx="1388">
                  <c:v>3676.323296</c:v>
                </c:pt>
                <c:pt idx="1389">
                  <c:v>3678.2521120000001</c:v>
                </c:pt>
                <c:pt idx="1390">
                  <c:v>3680.1809280000002</c:v>
                </c:pt>
                <c:pt idx="1391">
                  <c:v>3682.1097439999999</c:v>
                </c:pt>
                <c:pt idx="1392">
                  <c:v>3684.03856</c:v>
                </c:pt>
                <c:pt idx="1393">
                  <c:v>3685.9673760000001</c:v>
                </c:pt>
                <c:pt idx="1394">
                  <c:v>3687.8961920000002</c:v>
                </c:pt>
                <c:pt idx="1395">
                  <c:v>3689.8250079999998</c:v>
                </c:pt>
                <c:pt idx="1396">
                  <c:v>3691.7538239999999</c:v>
                </c:pt>
                <c:pt idx="1397">
                  <c:v>3693.68264</c:v>
                </c:pt>
                <c:pt idx="1398">
                  <c:v>3695.6114560000001</c:v>
                </c:pt>
                <c:pt idx="1399">
                  <c:v>3697.5402720000002</c:v>
                </c:pt>
                <c:pt idx="1400">
                  <c:v>3699.4690879999998</c:v>
                </c:pt>
                <c:pt idx="1401">
                  <c:v>3701.3979039999999</c:v>
                </c:pt>
                <c:pt idx="1402">
                  <c:v>3703.32672</c:v>
                </c:pt>
                <c:pt idx="1403">
                  <c:v>3705.2555360000001</c:v>
                </c:pt>
                <c:pt idx="1404">
                  <c:v>3707.1843520000002</c:v>
                </c:pt>
                <c:pt idx="1405">
                  <c:v>3709.1131679999999</c:v>
                </c:pt>
                <c:pt idx="1406">
                  <c:v>3711.041984</c:v>
                </c:pt>
                <c:pt idx="1407">
                  <c:v>3712.9708000000001</c:v>
                </c:pt>
                <c:pt idx="1408">
                  <c:v>3714.8996160000002</c:v>
                </c:pt>
                <c:pt idx="1409">
                  <c:v>3716.8284319999998</c:v>
                </c:pt>
                <c:pt idx="1410">
                  <c:v>3718.7572479999999</c:v>
                </c:pt>
                <c:pt idx="1411">
                  <c:v>3720.686064</c:v>
                </c:pt>
                <c:pt idx="1412">
                  <c:v>3722.6148800000001</c:v>
                </c:pt>
                <c:pt idx="1413">
                  <c:v>3724.5436960000002</c:v>
                </c:pt>
                <c:pt idx="1414">
                  <c:v>3726.4725119999998</c:v>
                </c:pt>
                <c:pt idx="1415">
                  <c:v>3728.4013279999999</c:v>
                </c:pt>
                <c:pt idx="1416">
                  <c:v>3730.330144</c:v>
                </c:pt>
                <c:pt idx="1417">
                  <c:v>3732.2589600000001</c:v>
                </c:pt>
                <c:pt idx="1418">
                  <c:v>3734.1877760000002</c:v>
                </c:pt>
                <c:pt idx="1419">
                  <c:v>3736.1165919999999</c:v>
                </c:pt>
                <c:pt idx="1420">
                  <c:v>3738.045408</c:v>
                </c:pt>
                <c:pt idx="1421">
                  <c:v>3739.974224</c:v>
                </c:pt>
                <c:pt idx="1422">
                  <c:v>3741.9030400000001</c:v>
                </c:pt>
                <c:pt idx="1423">
                  <c:v>3743.8318559999998</c:v>
                </c:pt>
                <c:pt idx="1424">
                  <c:v>3745.7606719999999</c:v>
                </c:pt>
                <c:pt idx="1425">
                  <c:v>3747.689488</c:v>
                </c:pt>
                <c:pt idx="1426">
                  <c:v>3749.6183040000001</c:v>
                </c:pt>
                <c:pt idx="1427">
                  <c:v>3751.5471200000002</c:v>
                </c:pt>
                <c:pt idx="1428">
                  <c:v>3753.4759359999998</c:v>
                </c:pt>
                <c:pt idx="1429">
                  <c:v>3755.4047519999999</c:v>
                </c:pt>
                <c:pt idx="1430">
                  <c:v>3757.333568</c:v>
                </c:pt>
                <c:pt idx="1431">
                  <c:v>3759.2623840000001</c:v>
                </c:pt>
                <c:pt idx="1432">
                  <c:v>3761.1912000000002</c:v>
                </c:pt>
                <c:pt idx="1433">
                  <c:v>3763.1200159999999</c:v>
                </c:pt>
                <c:pt idx="1434">
                  <c:v>3765.0488319999999</c:v>
                </c:pt>
                <c:pt idx="1435">
                  <c:v>3766.977648</c:v>
                </c:pt>
                <c:pt idx="1436">
                  <c:v>3768.9064640000001</c:v>
                </c:pt>
                <c:pt idx="1437">
                  <c:v>3770.8352799999998</c:v>
                </c:pt>
                <c:pt idx="1438">
                  <c:v>3772.7640959999999</c:v>
                </c:pt>
                <c:pt idx="1439">
                  <c:v>3774.692912</c:v>
                </c:pt>
                <c:pt idx="1440">
                  <c:v>3776.6217280000001</c:v>
                </c:pt>
                <c:pt idx="1441">
                  <c:v>3778.5505440000002</c:v>
                </c:pt>
                <c:pt idx="1442">
                  <c:v>3780.4793599999998</c:v>
                </c:pt>
                <c:pt idx="1443">
                  <c:v>3782.4081759999999</c:v>
                </c:pt>
                <c:pt idx="1444">
                  <c:v>3784.336992</c:v>
                </c:pt>
                <c:pt idx="1445">
                  <c:v>3786.2658080000001</c:v>
                </c:pt>
                <c:pt idx="1446">
                  <c:v>3788.1946240000002</c:v>
                </c:pt>
                <c:pt idx="1447">
                  <c:v>3790.1234399999998</c:v>
                </c:pt>
                <c:pt idx="1448">
                  <c:v>3792.0522559999999</c:v>
                </c:pt>
                <c:pt idx="1449">
                  <c:v>3793.981072</c:v>
                </c:pt>
                <c:pt idx="1450">
                  <c:v>3795.9098880000001</c:v>
                </c:pt>
                <c:pt idx="1451">
                  <c:v>3797.8387039999998</c:v>
                </c:pt>
                <c:pt idx="1452">
                  <c:v>3799.7675199999999</c:v>
                </c:pt>
                <c:pt idx="1453">
                  <c:v>3801.696336</c:v>
                </c:pt>
                <c:pt idx="1454">
                  <c:v>3803.6251520000001</c:v>
                </c:pt>
                <c:pt idx="1455">
                  <c:v>3805.5539680000002</c:v>
                </c:pt>
                <c:pt idx="1456">
                  <c:v>3807.4827839999998</c:v>
                </c:pt>
                <c:pt idx="1457">
                  <c:v>3809.4115999999999</c:v>
                </c:pt>
                <c:pt idx="1458">
                  <c:v>3811.340416</c:v>
                </c:pt>
                <c:pt idx="1459">
                  <c:v>3813.2692320000001</c:v>
                </c:pt>
                <c:pt idx="1460">
                  <c:v>3815.1980480000002</c:v>
                </c:pt>
                <c:pt idx="1461">
                  <c:v>3817.1268639999998</c:v>
                </c:pt>
                <c:pt idx="1462">
                  <c:v>3819.0556799999999</c:v>
                </c:pt>
                <c:pt idx="1463">
                  <c:v>3820.984496</c:v>
                </c:pt>
                <c:pt idx="1464">
                  <c:v>3822.9133120000001</c:v>
                </c:pt>
                <c:pt idx="1465">
                  <c:v>3824.8421279999998</c:v>
                </c:pt>
                <c:pt idx="1466">
                  <c:v>3826.7709439999999</c:v>
                </c:pt>
                <c:pt idx="1467">
                  <c:v>3828.69976</c:v>
                </c:pt>
                <c:pt idx="1468">
                  <c:v>3830.6285760000001</c:v>
                </c:pt>
                <c:pt idx="1469">
                  <c:v>3832.5573920000002</c:v>
                </c:pt>
                <c:pt idx="1470">
                  <c:v>3834.4862079999998</c:v>
                </c:pt>
                <c:pt idx="1471">
                  <c:v>3836.4150239999999</c:v>
                </c:pt>
                <c:pt idx="1472">
                  <c:v>3838.34384</c:v>
                </c:pt>
                <c:pt idx="1473">
                  <c:v>3840.2726560000001</c:v>
                </c:pt>
                <c:pt idx="1474">
                  <c:v>3842.2014720000002</c:v>
                </c:pt>
                <c:pt idx="1475">
                  <c:v>3844.1302879999998</c:v>
                </c:pt>
                <c:pt idx="1476">
                  <c:v>3846.0591039999999</c:v>
                </c:pt>
                <c:pt idx="1477">
                  <c:v>3847.98792</c:v>
                </c:pt>
                <c:pt idx="1478">
                  <c:v>3849.9167360000001</c:v>
                </c:pt>
                <c:pt idx="1479">
                  <c:v>3851.8455520000002</c:v>
                </c:pt>
                <c:pt idx="1480">
                  <c:v>3853.7743679999999</c:v>
                </c:pt>
                <c:pt idx="1481">
                  <c:v>3855.703184</c:v>
                </c:pt>
                <c:pt idx="1482">
                  <c:v>3857.6320000000001</c:v>
                </c:pt>
                <c:pt idx="1483">
                  <c:v>3859.5608160000002</c:v>
                </c:pt>
                <c:pt idx="1484">
                  <c:v>3861.4896319999998</c:v>
                </c:pt>
                <c:pt idx="1485">
                  <c:v>3863.4184479999999</c:v>
                </c:pt>
                <c:pt idx="1486">
                  <c:v>3865.347264</c:v>
                </c:pt>
                <c:pt idx="1487">
                  <c:v>3867.2760800000001</c:v>
                </c:pt>
                <c:pt idx="1488">
                  <c:v>3869.2048960000002</c:v>
                </c:pt>
                <c:pt idx="1489">
                  <c:v>3871.1337119999998</c:v>
                </c:pt>
                <c:pt idx="1490">
                  <c:v>3873.0625279999999</c:v>
                </c:pt>
                <c:pt idx="1491">
                  <c:v>3874.991344</c:v>
                </c:pt>
                <c:pt idx="1492">
                  <c:v>3876.9201600000001</c:v>
                </c:pt>
                <c:pt idx="1493">
                  <c:v>3878.8489760000002</c:v>
                </c:pt>
                <c:pt idx="1494">
                  <c:v>3880.7777919999999</c:v>
                </c:pt>
                <c:pt idx="1495">
                  <c:v>3882.706608</c:v>
                </c:pt>
                <c:pt idx="1496">
                  <c:v>3884.6354240000001</c:v>
                </c:pt>
                <c:pt idx="1497">
                  <c:v>3886.5642400000002</c:v>
                </c:pt>
                <c:pt idx="1498">
                  <c:v>3888.4930559999998</c:v>
                </c:pt>
                <c:pt idx="1499">
                  <c:v>3890.4218719999999</c:v>
                </c:pt>
                <c:pt idx="1500">
                  <c:v>3892.350688</c:v>
                </c:pt>
                <c:pt idx="1501">
                  <c:v>3894.2795040000001</c:v>
                </c:pt>
                <c:pt idx="1502">
                  <c:v>3896.2083200000002</c:v>
                </c:pt>
                <c:pt idx="1503">
                  <c:v>3898.1371359999998</c:v>
                </c:pt>
                <c:pt idx="1504">
                  <c:v>3900.0659519999999</c:v>
                </c:pt>
                <c:pt idx="1505">
                  <c:v>3901.994768</c:v>
                </c:pt>
                <c:pt idx="1506">
                  <c:v>3903.9235840000001</c:v>
                </c:pt>
                <c:pt idx="1507">
                  <c:v>3905.8524000000002</c:v>
                </c:pt>
                <c:pt idx="1508">
                  <c:v>3907.7812159999999</c:v>
                </c:pt>
                <c:pt idx="1509">
                  <c:v>3909.710032</c:v>
                </c:pt>
                <c:pt idx="1510">
                  <c:v>3911.6388480000001</c:v>
                </c:pt>
                <c:pt idx="1511">
                  <c:v>3913.5676640000001</c:v>
                </c:pt>
                <c:pt idx="1512">
                  <c:v>3915.4964799999998</c:v>
                </c:pt>
                <c:pt idx="1513">
                  <c:v>3917.4252959999999</c:v>
                </c:pt>
                <c:pt idx="1514">
                  <c:v>3919.354112</c:v>
                </c:pt>
                <c:pt idx="1515">
                  <c:v>3921.2829280000001</c:v>
                </c:pt>
                <c:pt idx="1516">
                  <c:v>3923.2117440000002</c:v>
                </c:pt>
                <c:pt idx="1517">
                  <c:v>3925.1405599999998</c:v>
                </c:pt>
                <c:pt idx="1518">
                  <c:v>3927.0693759999999</c:v>
                </c:pt>
                <c:pt idx="1519">
                  <c:v>3928.998192</c:v>
                </c:pt>
                <c:pt idx="1520">
                  <c:v>3930.9270080000001</c:v>
                </c:pt>
                <c:pt idx="1521">
                  <c:v>3932.8558240000002</c:v>
                </c:pt>
                <c:pt idx="1522">
                  <c:v>3934.7846399999999</c:v>
                </c:pt>
                <c:pt idx="1523">
                  <c:v>3936.713456</c:v>
                </c:pt>
                <c:pt idx="1524">
                  <c:v>3938.642272</c:v>
                </c:pt>
                <c:pt idx="1525">
                  <c:v>3940.5710880000001</c:v>
                </c:pt>
                <c:pt idx="1526">
                  <c:v>3942.4999039999998</c:v>
                </c:pt>
                <c:pt idx="1527">
                  <c:v>3944.4287199999999</c:v>
                </c:pt>
                <c:pt idx="1528">
                  <c:v>3946.357536</c:v>
                </c:pt>
                <c:pt idx="1529">
                  <c:v>3948.2863520000001</c:v>
                </c:pt>
                <c:pt idx="1530">
                  <c:v>3950.2151680000002</c:v>
                </c:pt>
                <c:pt idx="1531">
                  <c:v>3952.1439839999998</c:v>
                </c:pt>
                <c:pt idx="1532">
                  <c:v>3954.0727999999999</c:v>
                </c:pt>
                <c:pt idx="1533">
                  <c:v>3956.001616</c:v>
                </c:pt>
                <c:pt idx="1534">
                  <c:v>3957.9304320000001</c:v>
                </c:pt>
                <c:pt idx="1535">
                  <c:v>3959.8592480000002</c:v>
                </c:pt>
                <c:pt idx="1536">
                  <c:v>3961.7880639999998</c:v>
                </c:pt>
                <c:pt idx="1537">
                  <c:v>3963.7168799999999</c:v>
                </c:pt>
                <c:pt idx="1538">
                  <c:v>3965.645696</c:v>
                </c:pt>
                <c:pt idx="1539">
                  <c:v>3967.5745120000001</c:v>
                </c:pt>
                <c:pt idx="1540">
                  <c:v>3969.5033279999998</c:v>
                </c:pt>
                <c:pt idx="1541">
                  <c:v>3971.4321439999999</c:v>
                </c:pt>
                <c:pt idx="1542">
                  <c:v>3973.36096</c:v>
                </c:pt>
                <c:pt idx="1543">
                  <c:v>3975.2897760000001</c:v>
                </c:pt>
                <c:pt idx="1544">
                  <c:v>3977.2185920000002</c:v>
                </c:pt>
                <c:pt idx="1545">
                  <c:v>3979.1474079999998</c:v>
                </c:pt>
                <c:pt idx="1546">
                  <c:v>3981.0762239999999</c:v>
                </c:pt>
                <c:pt idx="1547">
                  <c:v>3983.00504</c:v>
                </c:pt>
                <c:pt idx="1548">
                  <c:v>3984.9338560000001</c:v>
                </c:pt>
                <c:pt idx="1549">
                  <c:v>3986.8626720000002</c:v>
                </c:pt>
                <c:pt idx="1550">
                  <c:v>3988.7914879999998</c:v>
                </c:pt>
                <c:pt idx="1551">
                  <c:v>3990.7203039999999</c:v>
                </c:pt>
                <c:pt idx="1552">
                  <c:v>3992.64912</c:v>
                </c:pt>
                <c:pt idx="1553">
                  <c:v>3994.5779360000001</c:v>
                </c:pt>
                <c:pt idx="1554">
                  <c:v>3996.5067519999998</c:v>
                </c:pt>
                <c:pt idx="1555">
                  <c:v>3998.4355679999999</c:v>
                </c:pt>
                <c:pt idx="1556">
                  <c:v>4000.364384</c:v>
                </c:pt>
              </c:numCache>
            </c:numRef>
          </c:xVal>
          <c:yVal>
            <c:numRef>
              <c:f>'Fig 2 a'!$E$11:$E$1567</c:f>
              <c:numCache>
                <c:formatCode>General</c:formatCode>
                <c:ptCount val="1557"/>
                <c:pt idx="0">
                  <c:v>92.38851600000001</c:v>
                </c:pt>
                <c:pt idx="1">
                  <c:v>90.178877999999997</c:v>
                </c:pt>
                <c:pt idx="2">
                  <c:v>87.869353000000004</c:v>
                </c:pt>
                <c:pt idx="3">
                  <c:v>85.390496999999996</c:v>
                </c:pt>
                <c:pt idx="4">
                  <c:v>82.784765000000007</c:v>
                </c:pt>
                <c:pt idx="5">
                  <c:v>79.960296</c:v>
                </c:pt>
                <c:pt idx="6">
                  <c:v>76.994231999999997</c:v>
                </c:pt>
                <c:pt idx="7">
                  <c:v>73.901741999999999</c:v>
                </c:pt>
                <c:pt idx="8">
                  <c:v>70.797612000000001</c:v>
                </c:pt>
                <c:pt idx="9">
                  <c:v>67.609685999999996</c:v>
                </c:pt>
                <c:pt idx="10">
                  <c:v>64.464545000000001</c:v>
                </c:pt>
                <c:pt idx="11">
                  <c:v>61.440871000000001</c:v>
                </c:pt>
                <c:pt idx="12">
                  <c:v>58.679497000000005</c:v>
                </c:pt>
                <c:pt idx="13">
                  <c:v>56.041907999999999</c:v>
                </c:pt>
                <c:pt idx="14">
                  <c:v>53.607104</c:v>
                </c:pt>
                <c:pt idx="15">
                  <c:v>51.422104000000004</c:v>
                </c:pt>
                <c:pt idx="16">
                  <c:v>49.574357000000006</c:v>
                </c:pt>
                <c:pt idx="17">
                  <c:v>47.901376000000006</c:v>
                </c:pt>
                <c:pt idx="18">
                  <c:v>46.517625000000002</c:v>
                </c:pt>
                <c:pt idx="19">
                  <c:v>45.319325000000006</c:v>
                </c:pt>
                <c:pt idx="20">
                  <c:v>44.373231000000004</c:v>
                </c:pt>
                <c:pt idx="21">
                  <c:v>43.553696000000002</c:v>
                </c:pt>
                <c:pt idx="22">
                  <c:v>42.991383000000006</c:v>
                </c:pt>
                <c:pt idx="23">
                  <c:v>42.526103000000006</c:v>
                </c:pt>
                <c:pt idx="24">
                  <c:v>42.230856000000003</c:v>
                </c:pt>
                <c:pt idx="25">
                  <c:v>42.023455000000006</c:v>
                </c:pt>
                <c:pt idx="26">
                  <c:v>42.036255000000004</c:v>
                </c:pt>
                <c:pt idx="27">
                  <c:v>42.027306000000003</c:v>
                </c:pt>
                <c:pt idx="28">
                  <c:v>42.164956000000004</c:v>
                </c:pt>
                <c:pt idx="29">
                  <c:v>42.399254000000006</c:v>
                </c:pt>
                <c:pt idx="30">
                  <c:v>42.837740000000004</c:v>
                </c:pt>
                <c:pt idx="31">
                  <c:v>43.243764000000006</c:v>
                </c:pt>
                <c:pt idx="32">
                  <c:v>43.717729000000006</c:v>
                </c:pt>
                <c:pt idx="33">
                  <c:v>44.236942000000006</c:v>
                </c:pt>
                <c:pt idx="34">
                  <c:v>44.925018000000001</c:v>
                </c:pt>
                <c:pt idx="35">
                  <c:v>45.575560000000003</c:v>
                </c:pt>
                <c:pt idx="36">
                  <c:v>46.307849000000004</c:v>
                </c:pt>
                <c:pt idx="37">
                  <c:v>47.022777000000005</c:v>
                </c:pt>
                <c:pt idx="38">
                  <c:v>47.976991000000005</c:v>
                </c:pt>
                <c:pt idx="39">
                  <c:v>48.848052000000003</c:v>
                </c:pt>
                <c:pt idx="40">
                  <c:v>49.786727000000006</c:v>
                </c:pt>
                <c:pt idx="41">
                  <c:v>50.790680000000002</c:v>
                </c:pt>
                <c:pt idx="42">
                  <c:v>51.841595000000005</c:v>
                </c:pt>
                <c:pt idx="43">
                  <c:v>52.895788000000003</c:v>
                </c:pt>
                <c:pt idx="44">
                  <c:v>54.125297000000003</c:v>
                </c:pt>
                <c:pt idx="45">
                  <c:v>55.244838000000001</c:v>
                </c:pt>
                <c:pt idx="46">
                  <c:v>56.552467</c:v>
                </c:pt>
                <c:pt idx="47">
                  <c:v>57.921140000000001</c:v>
                </c:pt>
                <c:pt idx="48">
                  <c:v>59.350880000000004</c:v>
                </c:pt>
                <c:pt idx="49">
                  <c:v>60.814788</c:v>
                </c:pt>
                <c:pt idx="50">
                  <c:v>62.374502</c:v>
                </c:pt>
                <c:pt idx="51">
                  <c:v>63.810940000000002</c:v>
                </c:pt>
                <c:pt idx="52">
                  <c:v>65.411208000000002</c:v>
                </c:pt>
                <c:pt idx="53">
                  <c:v>67.046699000000004</c:v>
                </c:pt>
                <c:pt idx="54">
                  <c:v>68.772892999999996</c:v>
                </c:pt>
                <c:pt idx="55">
                  <c:v>70.391355000000004</c:v>
                </c:pt>
                <c:pt idx="56">
                  <c:v>71.968913000000001</c:v>
                </c:pt>
                <c:pt idx="57">
                  <c:v>73.459316000000001</c:v>
                </c:pt>
                <c:pt idx="58">
                  <c:v>74.905859000000007</c:v>
                </c:pt>
                <c:pt idx="59">
                  <c:v>76.178392000000002</c:v>
                </c:pt>
                <c:pt idx="60">
                  <c:v>77.417158999999998</c:v>
                </c:pt>
                <c:pt idx="61">
                  <c:v>78.487204000000006</c:v>
                </c:pt>
                <c:pt idx="62">
                  <c:v>79.50215</c:v>
                </c:pt>
                <c:pt idx="63">
                  <c:v>80.38758</c:v>
                </c:pt>
                <c:pt idx="64">
                  <c:v>81.206106000000005</c:v>
                </c:pt>
                <c:pt idx="65">
                  <c:v>81.986129000000005</c:v>
                </c:pt>
                <c:pt idx="66">
                  <c:v>82.754642000000004</c:v>
                </c:pt>
                <c:pt idx="67">
                  <c:v>83.316029999999998</c:v>
                </c:pt>
                <c:pt idx="68">
                  <c:v>83.939306999999999</c:v>
                </c:pt>
                <c:pt idx="69">
                  <c:v>84.538943000000003</c:v>
                </c:pt>
                <c:pt idx="70">
                  <c:v>85.146612000000005</c:v>
                </c:pt>
                <c:pt idx="71">
                  <c:v>85.675847000000005</c:v>
                </c:pt>
                <c:pt idx="72">
                  <c:v>86.220950000000002</c:v>
                </c:pt>
                <c:pt idx="73">
                  <c:v>86.665779000000001</c:v>
                </c:pt>
                <c:pt idx="74">
                  <c:v>87.169066999999998</c:v>
                </c:pt>
                <c:pt idx="75">
                  <c:v>87.585167999999996</c:v>
                </c:pt>
                <c:pt idx="76">
                  <c:v>88.016407000000001</c:v>
                </c:pt>
                <c:pt idx="77">
                  <c:v>88.413897000000006</c:v>
                </c:pt>
                <c:pt idx="78">
                  <c:v>88.934834000000009</c:v>
                </c:pt>
                <c:pt idx="79">
                  <c:v>89.384326000000001</c:v>
                </c:pt>
                <c:pt idx="80">
                  <c:v>89.827646999999999</c:v>
                </c:pt>
                <c:pt idx="81">
                  <c:v>90.224171999999996</c:v>
                </c:pt>
                <c:pt idx="82">
                  <c:v>90.744666000000009</c:v>
                </c:pt>
                <c:pt idx="83">
                  <c:v>91.165129000000007</c:v>
                </c:pt>
                <c:pt idx="84">
                  <c:v>91.523666000000006</c:v>
                </c:pt>
                <c:pt idx="85">
                  <c:v>91.855758000000009</c:v>
                </c:pt>
                <c:pt idx="86">
                  <c:v>92.323014000000001</c:v>
                </c:pt>
                <c:pt idx="87">
                  <c:v>92.655765000000002</c:v>
                </c:pt>
                <c:pt idx="88">
                  <c:v>93.063853000000009</c:v>
                </c:pt>
                <c:pt idx="89">
                  <c:v>93.433639999999997</c:v>
                </c:pt>
                <c:pt idx="90">
                  <c:v>93.771073000000001</c:v>
                </c:pt>
                <c:pt idx="91">
                  <c:v>94.152372999999997</c:v>
                </c:pt>
                <c:pt idx="92">
                  <c:v>94.546957000000006</c:v>
                </c:pt>
                <c:pt idx="93">
                  <c:v>94.878354999999999</c:v>
                </c:pt>
                <c:pt idx="94">
                  <c:v>95.181942000000006</c:v>
                </c:pt>
                <c:pt idx="95">
                  <c:v>95.504238999999998</c:v>
                </c:pt>
                <c:pt idx="96">
                  <c:v>95.821571000000006</c:v>
                </c:pt>
                <c:pt idx="97">
                  <c:v>96.090012000000002</c:v>
                </c:pt>
                <c:pt idx="98">
                  <c:v>96.379362</c:v>
                </c:pt>
                <c:pt idx="99">
                  <c:v>96.597092000000004</c:v>
                </c:pt>
                <c:pt idx="100">
                  <c:v>96.915469999999999</c:v>
                </c:pt>
                <c:pt idx="101">
                  <c:v>97.26377500000001</c:v>
                </c:pt>
                <c:pt idx="102">
                  <c:v>97.674250999999998</c:v>
                </c:pt>
                <c:pt idx="103">
                  <c:v>98.052279999999996</c:v>
                </c:pt>
                <c:pt idx="104">
                  <c:v>98.345954000000006</c:v>
                </c:pt>
                <c:pt idx="105">
                  <c:v>98.659384000000003</c:v>
                </c:pt>
                <c:pt idx="106">
                  <c:v>99.079833000000008</c:v>
                </c:pt>
                <c:pt idx="107">
                  <c:v>99.488545999999999</c:v>
                </c:pt>
                <c:pt idx="108">
                  <c:v>99.907526000000004</c:v>
                </c:pt>
                <c:pt idx="109">
                  <c:v>100.245949</c:v>
                </c:pt>
                <c:pt idx="110">
                  <c:v>100.529168</c:v>
                </c:pt>
                <c:pt idx="111">
                  <c:v>100.871257</c:v>
                </c:pt>
                <c:pt idx="112">
                  <c:v>101.24367000000001</c:v>
                </c:pt>
                <c:pt idx="113">
                  <c:v>101.52635500000001</c:v>
                </c:pt>
                <c:pt idx="114">
                  <c:v>101.89376300000001</c:v>
                </c:pt>
                <c:pt idx="115">
                  <c:v>102.23709100000001</c:v>
                </c:pt>
                <c:pt idx="116">
                  <c:v>102.675191</c:v>
                </c:pt>
                <c:pt idx="117">
                  <c:v>103.097159</c:v>
                </c:pt>
                <c:pt idx="118">
                  <c:v>103.50130300000001</c:v>
                </c:pt>
                <c:pt idx="119">
                  <c:v>103.95141000000001</c:v>
                </c:pt>
                <c:pt idx="120">
                  <c:v>104.474943</c:v>
                </c:pt>
                <c:pt idx="121">
                  <c:v>105.03462900000001</c:v>
                </c:pt>
                <c:pt idx="122">
                  <c:v>105.58084000000001</c:v>
                </c:pt>
                <c:pt idx="123">
                  <c:v>106.112984</c:v>
                </c:pt>
                <c:pt idx="124">
                  <c:v>106.799379</c:v>
                </c:pt>
                <c:pt idx="125">
                  <c:v>107.50078500000001</c:v>
                </c:pt>
                <c:pt idx="126">
                  <c:v>108.20805800000001</c:v>
                </c:pt>
                <c:pt idx="127">
                  <c:v>108.87669700000001</c:v>
                </c:pt>
                <c:pt idx="128">
                  <c:v>109.653245</c:v>
                </c:pt>
                <c:pt idx="129">
                  <c:v>110.545877</c:v>
                </c:pt>
                <c:pt idx="130">
                  <c:v>111.43906800000001</c:v>
                </c:pt>
                <c:pt idx="131">
                  <c:v>112.254363</c:v>
                </c:pt>
                <c:pt idx="132">
                  <c:v>113.163324</c:v>
                </c:pt>
                <c:pt idx="133">
                  <c:v>114.142577</c:v>
                </c:pt>
                <c:pt idx="134">
                  <c:v>115.00369000000001</c:v>
                </c:pt>
                <c:pt idx="135">
                  <c:v>115.739163</c:v>
                </c:pt>
                <c:pt idx="136">
                  <c:v>116.41898500000001</c:v>
                </c:pt>
                <c:pt idx="137">
                  <c:v>117.071431</c:v>
                </c:pt>
                <c:pt idx="138">
                  <c:v>117.66723</c:v>
                </c:pt>
                <c:pt idx="139">
                  <c:v>118.09894</c:v>
                </c:pt>
                <c:pt idx="140">
                  <c:v>118.47860200000001</c:v>
                </c:pt>
                <c:pt idx="141">
                  <c:v>118.831019</c:v>
                </c:pt>
                <c:pt idx="142">
                  <c:v>119.130516</c:v>
                </c:pt>
                <c:pt idx="143">
                  <c:v>119.366893</c:v>
                </c:pt>
                <c:pt idx="144">
                  <c:v>119.579426</c:v>
                </c:pt>
                <c:pt idx="145">
                  <c:v>119.770134</c:v>
                </c:pt>
                <c:pt idx="146">
                  <c:v>119.87591</c:v>
                </c:pt>
                <c:pt idx="147">
                  <c:v>119.96369300000001</c:v>
                </c:pt>
                <c:pt idx="148">
                  <c:v>120.101721</c:v>
                </c:pt>
                <c:pt idx="149">
                  <c:v>120.246122</c:v>
                </c:pt>
                <c:pt idx="150">
                  <c:v>120.379701</c:v>
                </c:pt>
                <c:pt idx="151">
                  <c:v>120.44583800000001</c:v>
                </c:pt>
                <c:pt idx="152">
                  <c:v>120.46764</c:v>
                </c:pt>
                <c:pt idx="153">
                  <c:v>120.515553</c:v>
                </c:pt>
                <c:pt idx="154">
                  <c:v>120.57403000000001</c:v>
                </c:pt>
                <c:pt idx="155">
                  <c:v>120.63842600000001</c:v>
                </c:pt>
                <c:pt idx="156">
                  <c:v>120.73555400000001</c:v>
                </c:pt>
                <c:pt idx="157">
                  <c:v>120.764359</c:v>
                </c:pt>
                <c:pt idx="158">
                  <c:v>120.753237</c:v>
                </c:pt>
                <c:pt idx="159">
                  <c:v>120.74004100000001</c:v>
                </c:pt>
                <c:pt idx="160">
                  <c:v>120.72729200000001</c:v>
                </c:pt>
                <c:pt idx="161">
                  <c:v>120.78033500000001</c:v>
                </c:pt>
                <c:pt idx="162">
                  <c:v>120.837363</c:v>
                </c:pt>
                <c:pt idx="163">
                  <c:v>120.83551300000001</c:v>
                </c:pt>
                <c:pt idx="164">
                  <c:v>120.85989500000001</c:v>
                </c:pt>
                <c:pt idx="165">
                  <c:v>120.89473700000001</c:v>
                </c:pt>
                <c:pt idx="166">
                  <c:v>120.89264</c:v>
                </c:pt>
                <c:pt idx="167">
                  <c:v>120.950529</c:v>
                </c:pt>
                <c:pt idx="168">
                  <c:v>121.039739</c:v>
                </c:pt>
                <c:pt idx="169">
                  <c:v>121.02875900000001</c:v>
                </c:pt>
                <c:pt idx="170">
                  <c:v>121.01442800000001</c:v>
                </c:pt>
                <c:pt idx="171">
                  <c:v>121.042885</c:v>
                </c:pt>
                <c:pt idx="172">
                  <c:v>121.051957</c:v>
                </c:pt>
                <c:pt idx="173">
                  <c:v>121.03476000000001</c:v>
                </c:pt>
                <c:pt idx="174">
                  <c:v>120.991901</c:v>
                </c:pt>
                <c:pt idx="175">
                  <c:v>121.007414</c:v>
                </c:pt>
                <c:pt idx="176">
                  <c:v>121.00643700000001</c:v>
                </c:pt>
                <c:pt idx="177">
                  <c:v>120.99444</c:v>
                </c:pt>
                <c:pt idx="178">
                  <c:v>121.05420600000001</c:v>
                </c:pt>
                <c:pt idx="179">
                  <c:v>121.13641700000001</c:v>
                </c:pt>
                <c:pt idx="180">
                  <c:v>121.15017300000001</c:v>
                </c:pt>
                <c:pt idx="181">
                  <c:v>121.124483</c:v>
                </c:pt>
                <c:pt idx="182">
                  <c:v>121.101145</c:v>
                </c:pt>
                <c:pt idx="183">
                  <c:v>121.11681900000001</c:v>
                </c:pt>
                <c:pt idx="184">
                  <c:v>121.14162900000001</c:v>
                </c:pt>
                <c:pt idx="185">
                  <c:v>121.118081</c:v>
                </c:pt>
                <c:pt idx="186">
                  <c:v>121.116094</c:v>
                </c:pt>
                <c:pt idx="187">
                  <c:v>121.142917</c:v>
                </c:pt>
                <c:pt idx="188">
                  <c:v>121.160645</c:v>
                </c:pt>
                <c:pt idx="189">
                  <c:v>121.245693</c:v>
                </c:pt>
                <c:pt idx="190">
                  <c:v>121.328784</c:v>
                </c:pt>
                <c:pt idx="191">
                  <c:v>121.32728</c:v>
                </c:pt>
                <c:pt idx="192">
                  <c:v>121.276217</c:v>
                </c:pt>
                <c:pt idx="193">
                  <c:v>121.309117</c:v>
                </c:pt>
                <c:pt idx="194">
                  <c:v>121.31824400000001</c:v>
                </c:pt>
                <c:pt idx="195">
                  <c:v>121.212101</c:v>
                </c:pt>
                <c:pt idx="196">
                  <c:v>121.155894</c:v>
                </c:pt>
                <c:pt idx="197">
                  <c:v>121.136078</c:v>
                </c:pt>
                <c:pt idx="198">
                  <c:v>121.134522</c:v>
                </c:pt>
                <c:pt idx="199">
                  <c:v>121.08957000000001</c:v>
                </c:pt>
                <c:pt idx="200">
                  <c:v>121.03728100000001</c:v>
                </c:pt>
                <c:pt idx="201">
                  <c:v>120.973707</c:v>
                </c:pt>
                <c:pt idx="202">
                  <c:v>120.962006</c:v>
                </c:pt>
                <c:pt idx="203">
                  <c:v>120.965462</c:v>
                </c:pt>
                <c:pt idx="204">
                  <c:v>120.93261800000001</c:v>
                </c:pt>
                <c:pt idx="205">
                  <c:v>120.93359000000001</c:v>
                </c:pt>
                <c:pt idx="206">
                  <c:v>121.033629</c:v>
                </c:pt>
                <c:pt idx="207">
                  <c:v>121.061285</c:v>
                </c:pt>
                <c:pt idx="208">
                  <c:v>121.023382</c:v>
                </c:pt>
                <c:pt idx="209">
                  <c:v>120.985608</c:v>
                </c:pt>
                <c:pt idx="210">
                  <c:v>120.92317800000001</c:v>
                </c:pt>
                <c:pt idx="211">
                  <c:v>120.861655</c:v>
                </c:pt>
                <c:pt idx="212">
                  <c:v>120.84264300000001</c:v>
                </c:pt>
                <c:pt idx="213">
                  <c:v>120.837861</c:v>
                </c:pt>
                <c:pt idx="214">
                  <c:v>120.777704</c:v>
                </c:pt>
                <c:pt idx="215">
                  <c:v>120.736277</c:v>
                </c:pt>
                <c:pt idx="216">
                  <c:v>120.724695</c:v>
                </c:pt>
                <c:pt idx="217">
                  <c:v>120.69252</c:v>
                </c:pt>
                <c:pt idx="218">
                  <c:v>120.74410400000001</c:v>
                </c:pt>
                <c:pt idx="219">
                  <c:v>120.841925</c:v>
                </c:pt>
                <c:pt idx="220">
                  <c:v>120.855346</c:v>
                </c:pt>
                <c:pt idx="221">
                  <c:v>120.809759</c:v>
                </c:pt>
                <c:pt idx="222">
                  <c:v>120.830135</c:v>
                </c:pt>
                <c:pt idx="223">
                  <c:v>120.824792</c:v>
                </c:pt>
                <c:pt idx="224">
                  <c:v>120.74535900000001</c:v>
                </c:pt>
                <c:pt idx="225">
                  <c:v>120.75683100000001</c:v>
                </c:pt>
                <c:pt idx="226">
                  <c:v>120.757766</c:v>
                </c:pt>
                <c:pt idx="227">
                  <c:v>120.670975</c:v>
                </c:pt>
                <c:pt idx="228">
                  <c:v>120.654005</c:v>
                </c:pt>
                <c:pt idx="229">
                  <c:v>120.634721</c:v>
                </c:pt>
                <c:pt idx="230">
                  <c:v>120.576503</c:v>
                </c:pt>
                <c:pt idx="231">
                  <c:v>120.526302</c:v>
                </c:pt>
                <c:pt idx="232">
                  <c:v>120.43845</c:v>
                </c:pt>
                <c:pt idx="233">
                  <c:v>120.350313</c:v>
                </c:pt>
                <c:pt idx="234">
                  <c:v>120.334633</c:v>
                </c:pt>
                <c:pt idx="235">
                  <c:v>120.382311</c:v>
                </c:pt>
                <c:pt idx="236">
                  <c:v>120.44050900000001</c:v>
                </c:pt>
                <c:pt idx="237">
                  <c:v>120.358552</c:v>
                </c:pt>
                <c:pt idx="238">
                  <c:v>120.136683</c:v>
                </c:pt>
                <c:pt idx="239">
                  <c:v>120.185444</c:v>
                </c:pt>
                <c:pt idx="240">
                  <c:v>120.19398</c:v>
                </c:pt>
                <c:pt idx="241">
                  <c:v>120.11472400000001</c:v>
                </c:pt>
                <c:pt idx="242">
                  <c:v>119.947187</c:v>
                </c:pt>
                <c:pt idx="243">
                  <c:v>119.927391</c:v>
                </c:pt>
                <c:pt idx="244">
                  <c:v>119.894819</c:v>
                </c:pt>
                <c:pt idx="245">
                  <c:v>119.786874</c:v>
                </c:pt>
                <c:pt idx="246">
                  <c:v>119.643119</c:v>
                </c:pt>
                <c:pt idx="247">
                  <c:v>119.67236700000001</c:v>
                </c:pt>
                <c:pt idx="248">
                  <c:v>119.696793</c:v>
                </c:pt>
                <c:pt idx="249">
                  <c:v>119.711636</c:v>
                </c:pt>
                <c:pt idx="250">
                  <c:v>119.719123</c:v>
                </c:pt>
                <c:pt idx="251">
                  <c:v>119.720747</c:v>
                </c:pt>
                <c:pt idx="252">
                  <c:v>119.709914</c:v>
                </c:pt>
                <c:pt idx="253">
                  <c:v>119.688011</c:v>
                </c:pt>
                <c:pt idx="254">
                  <c:v>119.657421</c:v>
                </c:pt>
                <c:pt idx="255">
                  <c:v>119.63573700000001</c:v>
                </c:pt>
                <c:pt idx="256">
                  <c:v>119.64030200000001</c:v>
                </c:pt>
                <c:pt idx="257">
                  <c:v>119.553511</c:v>
                </c:pt>
                <c:pt idx="258">
                  <c:v>119.458006</c:v>
                </c:pt>
                <c:pt idx="259">
                  <c:v>119.559073</c:v>
                </c:pt>
                <c:pt idx="260">
                  <c:v>119.61809100000001</c:v>
                </c:pt>
                <c:pt idx="261">
                  <c:v>119.62017800000001</c:v>
                </c:pt>
                <c:pt idx="262">
                  <c:v>119.60737400000001</c:v>
                </c:pt>
                <c:pt idx="263">
                  <c:v>119.34907700000001</c:v>
                </c:pt>
                <c:pt idx="264">
                  <c:v>119.296808</c:v>
                </c:pt>
                <c:pt idx="265">
                  <c:v>119.409942</c:v>
                </c:pt>
                <c:pt idx="266">
                  <c:v>119.473348</c:v>
                </c:pt>
                <c:pt idx="267">
                  <c:v>119.50197300000001</c:v>
                </c:pt>
                <c:pt idx="268">
                  <c:v>119.395087</c:v>
                </c:pt>
                <c:pt idx="269">
                  <c:v>119.37152400000001</c:v>
                </c:pt>
                <c:pt idx="270">
                  <c:v>119.427031</c:v>
                </c:pt>
                <c:pt idx="271">
                  <c:v>119.226716</c:v>
                </c:pt>
                <c:pt idx="272">
                  <c:v>119.148512</c:v>
                </c:pt>
                <c:pt idx="273">
                  <c:v>119.130415</c:v>
                </c:pt>
                <c:pt idx="274">
                  <c:v>119.09091000000001</c:v>
                </c:pt>
                <c:pt idx="275">
                  <c:v>119.024677</c:v>
                </c:pt>
                <c:pt idx="276">
                  <c:v>119.01142800000001</c:v>
                </c:pt>
                <c:pt idx="277">
                  <c:v>118.93495900000001</c:v>
                </c:pt>
                <c:pt idx="278">
                  <c:v>118.91576000000001</c:v>
                </c:pt>
                <c:pt idx="279">
                  <c:v>118.908597</c:v>
                </c:pt>
                <c:pt idx="280">
                  <c:v>118.744789</c:v>
                </c:pt>
                <c:pt idx="281">
                  <c:v>118.609205</c:v>
                </c:pt>
                <c:pt idx="282">
                  <c:v>118.614102</c:v>
                </c:pt>
                <c:pt idx="283">
                  <c:v>118.598101</c:v>
                </c:pt>
                <c:pt idx="284">
                  <c:v>118.640557</c:v>
                </c:pt>
                <c:pt idx="285">
                  <c:v>118.64614300000001</c:v>
                </c:pt>
                <c:pt idx="286">
                  <c:v>118.574988</c:v>
                </c:pt>
                <c:pt idx="287">
                  <c:v>118.56002700000001</c:v>
                </c:pt>
                <c:pt idx="288">
                  <c:v>118.477941</c:v>
                </c:pt>
                <c:pt idx="289">
                  <c:v>118.405444</c:v>
                </c:pt>
                <c:pt idx="290">
                  <c:v>118.17945300000001</c:v>
                </c:pt>
                <c:pt idx="291">
                  <c:v>118.232349</c:v>
                </c:pt>
                <c:pt idx="292">
                  <c:v>118.367009</c:v>
                </c:pt>
                <c:pt idx="293">
                  <c:v>118.379718</c:v>
                </c:pt>
                <c:pt idx="294">
                  <c:v>118.36089100000001</c:v>
                </c:pt>
                <c:pt idx="295">
                  <c:v>118.353463</c:v>
                </c:pt>
                <c:pt idx="296">
                  <c:v>118.29839800000001</c:v>
                </c:pt>
                <c:pt idx="297">
                  <c:v>118.359736</c:v>
                </c:pt>
                <c:pt idx="298">
                  <c:v>118.399209</c:v>
                </c:pt>
                <c:pt idx="299">
                  <c:v>118.331802</c:v>
                </c:pt>
                <c:pt idx="300">
                  <c:v>118.25658300000001</c:v>
                </c:pt>
                <c:pt idx="301">
                  <c:v>118.31824400000001</c:v>
                </c:pt>
                <c:pt idx="302">
                  <c:v>118.325436</c:v>
                </c:pt>
                <c:pt idx="303">
                  <c:v>118.29853900000001</c:v>
                </c:pt>
                <c:pt idx="304">
                  <c:v>118.27761100000001</c:v>
                </c:pt>
                <c:pt idx="305">
                  <c:v>118.255392</c:v>
                </c:pt>
                <c:pt idx="306">
                  <c:v>118.17198500000001</c:v>
                </c:pt>
                <c:pt idx="307">
                  <c:v>118.119158</c:v>
                </c:pt>
                <c:pt idx="308">
                  <c:v>118.07845400000001</c:v>
                </c:pt>
                <c:pt idx="309">
                  <c:v>118.068258</c:v>
                </c:pt>
                <c:pt idx="310">
                  <c:v>118.069564</c:v>
                </c:pt>
                <c:pt idx="311">
                  <c:v>118.079064</c:v>
                </c:pt>
                <c:pt idx="312">
                  <c:v>118.08077</c:v>
                </c:pt>
                <c:pt idx="313">
                  <c:v>118.07331000000001</c:v>
                </c:pt>
                <c:pt idx="314">
                  <c:v>118.032336</c:v>
                </c:pt>
                <c:pt idx="315">
                  <c:v>118.011517</c:v>
                </c:pt>
                <c:pt idx="316">
                  <c:v>118.03535000000001</c:v>
                </c:pt>
                <c:pt idx="317">
                  <c:v>118.02618600000001</c:v>
                </c:pt>
                <c:pt idx="318">
                  <c:v>117.943572</c:v>
                </c:pt>
                <c:pt idx="319">
                  <c:v>117.889341</c:v>
                </c:pt>
                <c:pt idx="320">
                  <c:v>117.879312</c:v>
                </c:pt>
                <c:pt idx="321">
                  <c:v>117.865252</c:v>
                </c:pt>
                <c:pt idx="322">
                  <c:v>117.82335400000001</c:v>
                </c:pt>
                <c:pt idx="323">
                  <c:v>117.772768</c:v>
                </c:pt>
                <c:pt idx="324">
                  <c:v>117.70920000000001</c:v>
                </c:pt>
                <c:pt idx="325">
                  <c:v>117.729529</c:v>
                </c:pt>
                <c:pt idx="326">
                  <c:v>117.74075000000001</c:v>
                </c:pt>
                <c:pt idx="327">
                  <c:v>117.728915</c:v>
                </c:pt>
                <c:pt idx="328">
                  <c:v>117.72263700000001</c:v>
                </c:pt>
                <c:pt idx="329">
                  <c:v>117.65781100000001</c:v>
                </c:pt>
                <c:pt idx="330">
                  <c:v>117.48222200000001</c:v>
                </c:pt>
                <c:pt idx="331">
                  <c:v>117.450748</c:v>
                </c:pt>
                <c:pt idx="332">
                  <c:v>117.50793900000001</c:v>
                </c:pt>
                <c:pt idx="333">
                  <c:v>117.523651</c:v>
                </c:pt>
                <c:pt idx="334">
                  <c:v>117.516222</c:v>
                </c:pt>
                <c:pt idx="335">
                  <c:v>117.50272100000001</c:v>
                </c:pt>
                <c:pt idx="336">
                  <c:v>117.528735</c:v>
                </c:pt>
                <c:pt idx="337">
                  <c:v>117.53920500000001</c:v>
                </c:pt>
                <c:pt idx="338">
                  <c:v>117.55026000000001</c:v>
                </c:pt>
                <c:pt idx="339">
                  <c:v>117.474186</c:v>
                </c:pt>
                <c:pt idx="340">
                  <c:v>117.49584400000001</c:v>
                </c:pt>
                <c:pt idx="341">
                  <c:v>117.567437</c:v>
                </c:pt>
                <c:pt idx="342">
                  <c:v>117.629154</c:v>
                </c:pt>
                <c:pt idx="343">
                  <c:v>117.703856</c:v>
                </c:pt>
                <c:pt idx="344">
                  <c:v>117.730475</c:v>
                </c:pt>
                <c:pt idx="345">
                  <c:v>117.713088</c:v>
                </c:pt>
                <c:pt idx="346">
                  <c:v>117.743289</c:v>
                </c:pt>
                <c:pt idx="347">
                  <c:v>117.696513</c:v>
                </c:pt>
                <c:pt idx="348">
                  <c:v>117.624318</c:v>
                </c:pt>
                <c:pt idx="349">
                  <c:v>117.71190300000001</c:v>
                </c:pt>
                <c:pt idx="350">
                  <c:v>117.79732200000001</c:v>
                </c:pt>
                <c:pt idx="351">
                  <c:v>117.816751</c:v>
                </c:pt>
                <c:pt idx="352">
                  <c:v>117.812511</c:v>
                </c:pt>
                <c:pt idx="353">
                  <c:v>117.770792</c:v>
                </c:pt>
                <c:pt idx="354">
                  <c:v>117.80961500000001</c:v>
                </c:pt>
                <c:pt idx="355">
                  <c:v>117.844407</c:v>
                </c:pt>
                <c:pt idx="356">
                  <c:v>117.778312</c:v>
                </c:pt>
                <c:pt idx="357">
                  <c:v>117.776752</c:v>
                </c:pt>
                <c:pt idx="358">
                  <c:v>117.769819</c:v>
                </c:pt>
                <c:pt idx="359">
                  <c:v>117.81080800000001</c:v>
                </c:pt>
                <c:pt idx="360">
                  <c:v>117.869963</c:v>
                </c:pt>
                <c:pt idx="361">
                  <c:v>117.80689700000001</c:v>
                </c:pt>
                <c:pt idx="362">
                  <c:v>117.727965</c:v>
                </c:pt>
                <c:pt idx="363">
                  <c:v>117.706974</c:v>
                </c:pt>
                <c:pt idx="364">
                  <c:v>117.675652</c:v>
                </c:pt>
                <c:pt idx="365">
                  <c:v>117.75269900000001</c:v>
                </c:pt>
                <c:pt idx="366">
                  <c:v>117.75843900000001</c:v>
                </c:pt>
                <c:pt idx="367">
                  <c:v>117.74759900000001</c:v>
                </c:pt>
                <c:pt idx="368">
                  <c:v>117.769918</c:v>
                </c:pt>
                <c:pt idx="369">
                  <c:v>117.751783</c:v>
                </c:pt>
                <c:pt idx="370">
                  <c:v>117.741133</c:v>
                </c:pt>
                <c:pt idx="371">
                  <c:v>117.76152</c:v>
                </c:pt>
                <c:pt idx="372">
                  <c:v>117.67771</c:v>
                </c:pt>
                <c:pt idx="373">
                  <c:v>117.536801</c:v>
                </c:pt>
                <c:pt idx="374">
                  <c:v>117.62845900000001</c:v>
                </c:pt>
                <c:pt idx="375">
                  <c:v>117.712655</c:v>
                </c:pt>
                <c:pt idx="376">
                  <c:v>117.724918</c:v>
                </c:pt>
                <c:pt idx="377">
                  <c:v>117.705709</c:v>
                </c:pt>
                <c:pt idx="378">
                  <c:v>117.710066</c:v>
                </c:pt>
                <c:pt idx="379">
                  <c:v>117.74533000000001</c:v>
                </c:pt>
                <c:pt idx="380">
                  <c:v>117.754749</c:v>
                </c:pt>
                <c:pt idx="381">
                  <c:v>117.608937</c:v>
                </c:pt>
                <c:pt idx="382">
                  <c:v>117.63815200000001</c:v>
                </c:pt>
                <c:pt idx="383">
                  <c:v>117.659626</c:v>
                </c:pt>
                <c:pt idx="384">
                  <c:v>117.56020600000001</c:v>
                </c:pt>
                <c:pt idx="385">
                  <c:v>117.498231</c:v>
                </c:pt>
                <c:pt idx="386">
                  <c:v>117.51442300000001</c:v>
                </c:pt>
                <c:pt idx="387">
                  <c:v>117.566239</c:v>
                </c:pt>
                <c:pt idx="388">
                  <c:v>117.509574</c:v>
                </c:pt>
                <c:pt idx="389">
                  <c:v>117.479816</c:v>
                </c:pt>
                <c:pt idx="390">
                  <c:v>117.432582</c:v>
                </c:pt>
                <c:pt idx="391">
                  <c:v>117.353189</c:v>
                </c:pt>
                <c:pt idx="392">
                  <c:v>117.314785</c:v>
                </c:pt>
                <c:pt idx="393">
                  <c:v>117.331807</c:v>
                </c:pt>
                <c:pt idx="394">
                  <c:v>117.337868</c:v>
                </c:pt>
                <c:pt idx="395">
                  <c:v>117.218811</c:v>
                </c:pt>
                <c:pt idx="396">
                  <c:v>117.31783900000001</c:v>
                </c:pt>
                <c:pt idx="397">
                  <c:v>117.435393</c:v>
                </c:pt>
                <c:pt idx="398">
                  <c:v>117.341211</c:v>
                </c:pt>
                <c:pt idx="399">
                  <c:v>117.272768</c:v>
                </c:pt>
                <c:pt idx="400">
                  <c:v>117.29018000000001</c:v>
                </c:pt>
                <c:pt idx="401">
                  <c:v>117.16508300000001</c:v>
                </c:pt>
                <c:pt idx="402">
                  <c:v>117.13390700000001</c:v>
                </c:pt>
                <c:pt idx="403">
                  <c:v>117.16396400000001</c:v>
                </c:pt>
                <c:pt idx="404">
                  <c:v>117.11752800000001</c:v>
                </c:pt>
                <c:pt idx="405">
                  <c:v>117.131349</c:v>
                </c:pt>
                <c:pt idx="406">
                  <c:v>117.11154400000001</c:v>
                </c:pt>
                <c:pt idx="407">
                  <c:v>117.09460800000001</c:v>
                </c:pt>
                <c:pt idx="408">
                  <c:v>117.103365</c:v>
                </c:pt>
                <c:pt idx="409">
                  <c:v>117.08802</c:v>
                </c:pt>
                <c:pt idx="410">
                  <c:v>116.970029</c:v>
                </c:pt>
                <c:pt idx="411">
                  <c:v>116.88793</c:v>
                </c:pt>
                <c:pt idx="412">
                  <c:v>116.97987400000001</c:v>
                </c:pt>
                <c:pt idx="413">
                  <c:v>117.023526</c:v>
                </c:pt>
                <c:pt idx="414">
                  <c:v>116.98693300000001</c:v>
                </c:pt>
                <c:pt idx="415">
                  <c:v>116.952005</c:v>
                </c:pt>
                <c:pt idx="416">
                  <c:v>116.98279600000001</c:v>
                </c:pt>
                <c:pt idx="417">
                  <c:v>117.05339600000001</c:v>
                </c:pt>
                <c:pt idx="418">
                  <c:v>116.964558</c:v>
                </c:pt>
                <c:pt idx="419">
                  <c:v>116.888272</c:v>
                </c:pt>
                <c:pt idx="420">
                  <c:v>116.858428</c:v>
                </c:pt>
                <c:pt idx="421">
                  <c:v>116.870024</c:v>
                </c:pt>
                <c:pt idx="422">
                  <c:v>116.851698</c:v>
                </c:pt>
                <c:pt idx="423">
                  <c:v>116.84307</c:v>
                </c:pt>
                <c:pt idx="424">
                  <c:v>116.803867</c:v>
                </c:pt>
                <c:pt idx="425">
                  <c:v>116.83023</c:v>
                </c:pt>
                <c:pt idx="426">
                  <c:v>116.79633800000001</c:v>
                </c:pt>
                <c:pt idx="427">
                  <c:v>116.79168300000001</c:v>
                </c:pt>
                <c:pt idx="428">
                  <c:v>116.827624</c:v>
                </c:pt>
                <c:pt idx="429">
                  <c:v>116.911485</c:v>
                </c:pt>
                <c:pt idx="430">
                  <c:v>116.80408300000001</c:v>
                </c:pt>
                <c:pt idx="431">
                  <c:v>116.62836</c:v>
                </c:pt>
                <c:pt idx="432">
                  <c:v>116.692678</c:v>
                </c:pt>
                <c:pt idx="433">
                  <c:v>116.636223</c:v>
                </c:pt>
                <c:pt idx="434">
                  <c:v>116.514984</c:v>
                </c:pt>
                <c:pt idx="435">
                  <c:v>116.550313</c:v>
                </c:pt>
                <c:pt idx="436">
                  <c:v>116.60057400000001</c:v>
                </c:pt>
                <c:pt idx="437">
                  <c:v>116.560275</c:v>
                </c:pt>
                <c:pt idx="438">
                  <c:v>116.462737</c:v>
                </c:pt>
                <c:pt idx="439">
                  <c:v>116.44887800000001</c:v>
                </c:pt>
                <c:pt idx="440">
                  <c:v>116.353762</c:v>
                </c:pt>
                <c:pt idx="441">
                  <c:v>116.34269500000001</c:v>
                </c:pt>
                <c:pt idx="442">
                  <c:v>116.371673</c:v>
                </c:pt>
                <c:pt idx="443">
                  <c:v>116.334985</c:v>
                </c:pt>
                <c:pt idx="444">
                  <c:v>116.30749900000001</c:v>
                </c:pt>
                <c:pt idx="445">
                  <c:v>116.344318</c:v>
                </c:pt>
                <c:pt idx="446">
                  <c:v>116.30043400000001</c:v>
                </c:pt>
                <c:pt idx="447">
                  <c:v>116.31964500000001</c:v>
                </c:pt>
                <c:pt idx="448">
                  <c:v>116.40534700000001</c:v>
                </c:pt>
                <c:pt idx="449">
                  <c:v>116.474964</c:v>
                </c:pt>
                <c:pt idx="450">
                  <c:v>116.477</c:v>
                </c:pt>
                <c:pt idx="451">
                  <c:v>116.427845</c:v>
                </c:pt>
                <c:pt idx="452">
                  <c:v>116.551001</c:v>
                </c:pt>
                <c:pt idx="453">
                  <c:v>116.359807</c:v>
                </c:pt>
                <c:pt idx="454">
                  <c:v>116.211292</c:v>
                </c:pt>
                <c:pt idx="455">
                  <c:v>116.33841</c:v>
                </c:pt>
                <c:pt idx="456">
                  <c:v>116.403628</c:v>
                </c:pt>
                <c:pt idx="457">
                  <c:v>116.300944</c:v>
                </c:pt>
                <c:pt idx="458">
                  <c:v>116.186638</c:v>
                </c:pt>
                <c:pt idx="459">
                  <c:v>116.122784</c:v>
                </c:pt>
                <c:pt idx="460">
                  <c:v>116.159786</c:v>
                </c:pt>
                <c:pt idx="461">
                  <c:v>116.11902600000001</c:v>
                </c:pt>
                <c:pt idx="462">
                  <c:v>115.96909100000001</c:v>
                </c:pt>
                <c:pt idx="463">
                  <c:v>116.02031700000001</c:v>
                </c:pt>
                <c:pt idx="464">
                  <c:v>116.09503600000001</c:v>
                </c:pt>
                <c:pt idx="465">
                  <c:v>116.273826</c:v>
                </c:pt>
                <c:pt idx="466">
                  <c:v>116.316896</c:v>
                </c:pt>
                <c:pt idx="467">
                  <c:v>116.24179700000001</c:v>
                </c:pt>
                <c:pt idx="468">
                  <c:v>116.105377</c:v>
                </c:pt>
                <c:pt idx="469">
                  <c:v>116.088792</c:v>
                </c:pt>
                <c:pt idx="470">
                  <c:v>116.23357200000001</c:v>
                </c:pt>
                <c:pt idx="471">
                  <c:v>116.32616800000001</c:v>
                </c:pt>
                <c:pt idx="472">
                  <c:v>116.224453</c:v>
                </c:pt>
                <c:pt idx="473">
                  <c:v>116.08461200000001</c:v>
                </c:pt>
                <c:pt idx="474">
                  <c:v>115.89069600000001</c:v>
                </c:pt>
                <c:pt idx="475">
                  <c:v>115.834311</c:v>
                </c:pt>
                <c:pt idx="476">
                  <c:v>115.781457</c:v>
                </c:pt>
                <c:pt idx="477">
                  <c:v>115.88754</c:v>
                </c:pt>
                <c:pt idx="478">
                  <c:v>115.798501</c:v>
                </c:pt>
                <c:pt idx="479">
                  <c:v>115.793074</c:v>
                </c:pt>
                <c:pt idx="480">
                  <c:v>115.838438</c:v>
                </c:pt>
                <c:pt idx="481">
                  <c:v>115.94432500000001</c:v>
                </c:pt>
                <c:pt idx="482">
                  <c:v>116.03331200000001</c:v>
                </c:pt>
                <c:pt idx="483">
                  <c:v>115.96549900000001</c:v>
                </c:pt>
                <c:pt idx="484">
                  <c:v>115.942474</c:v>
                </c:pt>
                <c:pt idx="485">
                  <c:v>115.776612</c:v>
                </c:pt>
                <c:pt idx="486">
                  <c:v>115.89636400000001</c:v>
                </c:pt>
                <c:pt idx="487">
                  <c:v>115.98925300000001</c:v>
                </c:pt>
                <c:pt idx="488">
                  <c:v>116.029912</c:v>
                </c:pt>
                <c:pt idx="489">
                  <c:v>116.079806</c:v>
                </c:pt>
                <c:pt idx="490">
                  <c:v>116.02136800000001</c:v>
                </c:pt>
                <c:pt idx="491">
                  <c:v>115.782263</c:v>
                </c:pt>
                <c:pt idx="492">
                  <c:v>115.577383</c:v>
                </c:pt>
                <c:pt idx="493">
                  <c:v>115.44525800000001</c:v>
                </c:pt>
                <c:pt idx="494">
                  <c:v>115.50078000000001</c:v>
                </c:pt>
                <c:pt idx="495">
                  <c:v>115.916391</c:v>
                </c:pt>
                <c:pt idx="496">
                  <c:v>115.78281</c:v>
                </c:pt>
                <c:pt idx="497">
                  <c:v>115.31361100000001</c:v>
                </c:pt>
                <c:pt idx="498">
                  <c:v>115.441356</c:v>
                </c:pt>
                <c:pt idx="499">
                  <c:v>115.56590300000001</c:v>
                </c:pt>
                <c:pt idx="500">
                  <c:v>115.641473</c:v>
                </c:pt>
                <c:pt idx="501">
                  <c:v>115.95813</c:v>
                </c:pt>
                <c:pt idx="502">
                  <c:v>115.956867</c:v>
                </c:pt>
                <c:pt idx="503">
                  <c:v>116.01419200000001</c:v>
                </c:pt>
                <c:pt idx="504">
                  <c:v>115.754542</c:v>
                </c:pt>
                <c:pt idx="505">
                  <c:v>115.666425</c:v>
                </c:pt>
                <c:pt idx="506">
                  <c:v>115.59573</c:v>
                </c:pt>
                <c:pt idx="507">
                  <c:v>115.862323</c:v>
                </c:pt>
                <c:pt idx="508">
                  <c:v>115.393418</c:v>
                </c:pt>
                <c:pt idx="509">
                  <c:v>115.13945</c:v>
                </c:pt>
                <c:pt idx="510">
                  <c:v>115.394628</c:v>
                </c:pt>
                <c:pt idx="511">
                  <c:v>115.76928700000001</c:v>
                </c:pt>
                <c:pt idx="512">
                  <c:v>115.698453</c:v>
                </c:pt>
                <c:pt idx="513">
                  <c:v>116.041444</c:v>
                </c:pt>
                <c:pt idx="514">
                  <c:v>116.02745400000001</c:v>
                </c:pt>
                <c:pt idx="515">
                  <c:v>115.473653</c:v>
                </c:pt>
                <c:pt idx="516">
                  <c:v>115.764129</c:v>
                </c:pt>
                <c:pt idx="517">
                  <c:v>116.019842</c:v>
                </c:pt>
                <c:pt idx="518">
                  <c:v>116.19005800000001</c:v>
                </c:pt>
                <c:pt idx="519">
                  <c:v>116.27405400000001</c:v>
                </c:pt>
                <c:pt idx="520">
                  <c:v>116.216131</c:v>
                </c:pt>
                <c:pt idx="521">
                  <c:v>115.916545</c:v>
                </c:pt>
                <c:pt idx="522">
                  <c:v>115.267427</c:v>
                </c:pt>
                <c:pt idx="523">
                  <c:v>114.64233400000001</c:v>
                </c:pt>
                <c:pt idx="524">
                  <c:v>115.091646</c:v>
                </c:pt>
                <c:pt idx="525">
                  <c:v>116.25174200000001</c:v>
                </c:pt>
                <c:pt idx="526">
                  <c:v>116.12612200000001</c:v>
                </c:pt>
                <c:pt idx="527">
                  <c:v>115.894108</c:v>
                </c:pt>
                <c:pt idx="528">
                  <c:v>116.38812900000001</c:v>
                </c:pt>
                <c:pt idx="529">
                  <c:v>116.800624</c:v>
                </c:pt>
                <c:pt idx="530">
                  <c:v>116.48684900000001</c:v>
                </c:pt>
                <c:pt idx="531">
                  <c:v>116.314864</c:v>
                </c:pt>
                <c:pt idx="532">
                  <c:v>116.744321</c:v>
                </c:pt>
                <c:pt idx="533">
                  <c:v>116.925611</c:v>
                </c:pt>
                <c:pt idx="534">
                  <c:v>117.36187</c:v>
                </c:pt>
                <c:pt idx="535">
                  <c:v>117.36045800000001</c:v>
                </c:pt>
                <c:pt idx="536">
                  <c:v>117.077316</c:v>
                </c:pt>
                <c:pt idx="537">
                  <c:v>117.247838</c:v>
                </c:pt>
                <c:pt idx="538">
                  <c:v>117.318618</c:v>
                </c:pt>
                <c:pt idx="539">
                  <c:v>116.828051</c:v>
                </c:pt>
                <c:pt idx="540">
                  <c:v>116.80515</c:v>
                </c:pt>
                <c:pt idx="541">
                  <c:v>116.98317400000001</c:v>
                </c:pt>
                <c:pt idx="542">
                  <c:v>116.823481</c:v>
                </c:pt>
                <c:pt idx="543">
                  <c:v>116.56404400000001</c:v>
                </c:pt>
                <c:pt idx="544">
                  <c:v>116.356702</c:v>
                </c:pt>
                <c:pt idx="545">
                  <c:v>116.14703800000001</c:v>
                </c:pt>
                <c:pt idx="546">
                  <c:v>116.496318</c:v>
                </c:pt>
                <c:pt idx="547">
                  <c:v>117.01456900000001</c:v>
                </c:pt>
                <c:pt idx="548">
                  <c:v>116.689002</c:v>
                </c:pt>
                <c:pt idx="549">
                  <c:v>116.507549</c:v>
                </c:pt>
                <c:pt idx="550">
                  <c:v>116.60591100000001</c:v>
                </c:pt>
                <c:pt idx="551">
                  <c:v>116.58731300000001</c:v>
                </c:pt>
                <c:pt idx="552">
                  <c:v>116.605288</c:v>
                </c:pt>
                <c:pt idx="553">
                  <c:v>116.63774000000001</c:v>
                </c:pt>
                <c:pt idx="554">
                  <c:v>116.69845500000001</c:v>
                </c:pt>
                <c:pt idx="555">
                  <c:v>116.68281</c:v>
                </c:pt>
                <c:pt idx="556">
                  <c:v>116.574344</c:v>
                </c:pt>
                <c:pt idx="557">
                  <c:v>116.49621500000001</c:v>
                </c:pt>
                <c:pt idx="558">
                  <c:v>116.36475300000001</c:v>
                </c:pt>
                <c:pt idx="559">
                  <c:v>116.485733</c:v>
                </c:pt>
                <c:pt idx="560">
                  <c:v>116.506083</c:v>
                </c:pt>
                <c:pt idx="561">
                  <c:v>116.447208</c:v>
                </c:pt>
                <c:pt idx="562">
                  <c:v>116.10456000000001</c:v>
                </c:pt>
                <c:pt idx="563">
                  <c:v>115.826497</c:v>
                </c:pt>
                <c:pt idx="564">
                  <c:v>116.063914</c:v>
                </c:pt>
                <c:pt idx="565">
                  <c:v>116.33984600000001</c:v>
                </c:pt>
                <c:pt idx="566">
                  <c:v>116.268928</c:v>
                </c:pt>
                <c:pt idx="567">
                  <c:v>116.127652</c:v>
                </c:pt>
                <c:pt idx="568">
                  <c:v>116.07944500000001</c:v>
                </c:pt>
                <c:pt idx="569">
                  <c:v>116.051159</c:v>
                </c:pt>
                <c:pt idx="570">
                  <c:v>115.99952900000001</c:v>
                </c:pt>
                <c:pt idx="571">
                  <c:v>115.895976</c:v>
                </c:pt>
                <c:pt idx="572">
                  <c:v>115.896584</c:v>
                </c:pt>
                <c:pt idx="573">
                  <c:v>116.186161</c:v>
                </c:pt>
                <c:pt idx="574">
                  <c:v>116.30971700000001</c:v>
                </c:pt>
                <c:pt idx="575">
                  <c:v>116.125866</c:v>
                </c:pt>
                <c:pt idx="576">
                  <c:v>116.039576</c:v>
                </c:pt>
                <c:pt idx="577">
                  <c:v>115.95406200000001</c:v>
                </c:pt>
                <c:pt idx="578">
                  <c:v>115.971232</c:v>
                </c:pt>
                <c:pt idx="579">
                  <c:v>115.90010700000001</c:v>
                </c:pt>
                <c:pt idx="580">
                  <c:v>115.70109500000001</c:v>
                </c:pt>
                <c:pt idx="581">
                  <c:v>115.709633</c:v>
                </c:pt>
                <c:pt idx="582">
                  <c:v>115.547252</c:v>
                </c:pt>
                <c:pt idx="583">
                  <c:v>115.744574</c:v>
                </c:pt>
                <c:pt idx="584">
                  <c:v>116.142043</c:v>
                </c:pt>
                <c:pt idx="585">
                  <c:v>116.08497</c:v>
                </c:pt>
                <c:pt idx="586">
                  <c:v>116.04282600000001</c:v>
                </c:pt>
                <c:pt idx="587">
                  <c:v>116.151906</c:v>
                </c:pt>
                <c:pt idx="588">
                  <c:v>116.089562</c:v>
                </c:pt>
                <c:pt idx="589">
                  <c:v>115.767661</c:v>
                </c:pt>
                <c:pt idx="590">
                  <c:v>115.749075</c:v>
                </c:pt>
                <c:pt idx="591">
                  <c:v>115.888711</c:v>
                </c:pt>
                <c:pt idx="592">
                  <c:v>116.35197700000001</c:v>
                </c:pt>
                <c:pt idx="593">
                  <c:v>116.768445</c:v>
                </c:pt>
                <c:pt idx="594">
                  <c:v>116.914236</c:v>
                </c:pt>
                <c:pt idx="595">
                  <c:v>116.705687</c:v>
                </c:pt>
                <c:pt idx="596">
                  <c:v>116.423185</c:v>
                </c:pt>
                <c:pt idx="597">
                  <c:v>116.84567</c:v>
                </c:pt>
                <c:pt idx="598">
                  <c:v>116.907759</c:v>
                </c:pt>
                <c:pt idx="599">
                  <c:v>116.86496100000001</c:v>
                </c:pt>
                <c:pt idx="600">
                  <c:v>117.235366</c:v>
                </c:pt>
                <c:pt idx="601">
                  <c:v>117.50720700000001</c:v>
                </c:pt>
                <c:pt idx="602">
                  <c:v>117.511484</c:v>
                </c:pt>
                <c:pt idx="603">
                  <c:v>117.289187</c:v>
                </c:pt>
                <c:pt idx="604">
                  <c:v>116.567429</c:v>
                </c:pt>
                <c:pt idx="605">
                  <c:v>116.09839700000001</c:v>
                </c:pt>
                <c:pt idx="606">
                  <c:v>115.953598</c:v>
                </c:pt>
                <c:pt idx="607">
                  <c:v>115.689539</c:v>
                </c:pt>
                <c:pt idx="608">
                  <c:v>116.15308900000001</c:v>
                </c:pt>
                <c:pt idx="609">
                  <c:v>115.70615600000001</c:v>
                </c:pt>
                <c:pt idx="610">
                  <c:v>115.28664500000001</c:v>
                </c:pt>
                <c:pt idx="611">
                  <c:v>115.630854</c:v>
                </c:pt>
                <c:pt idx="612">
                  <c:v>115.99752000000001</c:v>
                </c:pt>
                <c:pt idx="613">
                  <c:v>115.77112100000001</c:v>
                </c:pt>
                <c:pt idx="614">
                  <c:v>115.906266</c:v>
                </c:pt>
                <c:pt idx="615">
                  <c:v>115.80001900000001</c:v>
                </c:pt>
                <c:pt idx="616">
                  <c:v>115.365562</c:v>
                </c:pt>
                <c:pt idx="617">
                  <c:v>115.384682</c:v>
                </c:pt>
                <c:pt idx="618">
                  <c:v>115.589381</c:v>
                </c:pt>
                <c:pt idx="619">
                  <c:v>115.77770700000001</c:v>
                </c:pt>
                <c:pt idx="620">
                  <c:v>115.381782</c:v>
                </c:pt>
                <c:pt idx="621">
                  <c:v>115.06166</c:v>
                </c:pt>
                <c:pt idx="622">
                  <c:v>115.438925</c:v>
                </c:pt>
                <c:pt idx="623">
                  <c:v>115.603797</c:v>
                </c:pt>
                <c:pt idx="624">
                  <c:v>115.034971</c:v>
                </c:pt>
                <c:pt idx="625">
                  <c:v>114.924296</c:v>
                </c:pt>
                <c:pt idx="626">
                  <c:v>115.182776</c:v>
                </c:pt>
                <c:pt idx="627">
                  <c:v>115.049536</c:v>
                </c:pt>
                <c:pt idx="628">
                  <c:v>114.866</c:v>
                </c:pt>
                <c:pt idx="629">
                  <c:v>115.08861900000001</c:v>
                </c:pt>
                <c:pt idx="630">
                  <c:v>115.033197</c:v>
                </c:pt>
                <c:pt idx="631">
                  <c:v>114.630714</c:v>
                </c:pt>
                <c:pt idx="632">
                  <c:v>114.37310500000001</c:v>
                </c:pt>
                <c:pt idx="633">
                  <c:v>114.45963500000001</c:v>
                </c:pt>
                <c:pt idx="634">
                  <c:v>114.683784</c:v>
                </c:pt>
                <c:pt idx="635">
                  <c:v>114.586145</c:v>
                </c:pt>
                <c:pt idx="636">
                  <c:v>114.62891</c:v>
                </c:pt>
                <c:pt idx="637">
                  <c:v>114.775666</c:v>
                </c:pt>
                <c:pt idx="638">
                  <c:v>114.525938</c:v>
                </c:pt>
                <c:pt idx="639">
                  <c:v>114.245587</c:v>
                </c:pt>
                <c:pt idx="640">
                  <c:v>114.276825</c:v>
                </c:pt>
                <c:pt idx="641">
                  <c:v>114.265455</c:v>
                </c:pt>
                <c:pt idx="642">
                  <c:v>114.352649</c:v>
                </c:pt>
                <c:pt idx="643">
                  <c:v>114.622563</c:v>
                </c:pt>
                <c:pt idx="644">
                  <c:v>114.561454</c:v>
                </c:pt>
                <c:pt idx="645">
                  <c:v>114.302221</c:v>
                </c:pt>
                <c:pt idx="646">
                  <c:v>114.320831</c:v>
                </c:pt>
                <c:pt idx="647">
                  <c:v>114.256714</c:v>
                </c:pt>
                <c:pt idx="648">
                  <c:v>114.15650100000001</c:v>
                </c:pt>
                <c:pt idx="649">
                  <c:v>114.06784</c:v>
                </c:pt>
                <c:pt idx="650">
                  <c:v>113.916301</c:v>
                </c:pt>
                <c:pt idx="651">
                  <c:v>113.951948</c:v>
                </c:pt>
                <c:pt idx="652">
                  <c:v>113.973991</c:v>
                </c:pt>
                <c:pt idx="653">
                  <c:v>113.97725700000001</c:v>
                </c:pt>
                <c:pt idx="654">
                  <c:v>113.96082100000001</c:v>
                </c:pt>
                <c:pt idx="655">
                  <c:v>114.034143</c:v>
                </c:pt>
                <c:pt idx="656">
                  <c:v>114.022896</c:v>
                </c:pt>
                <c:pt idx="657">
                  <c:v>114.07692400000001</c:v>
                </c:pt>
                <c:pt idx="658">
                  <c:v>114.055812</c:v>
                </c:pt>
                <c:pt idx="659">
                  <c:v>113.980311</c:v>
                </c:pt>
                <c:pt idx="660">
                  <c:v>113.848929</c:v>
                </c:pt>
                <c:pt idx="661">
                  <c:v>113.701995</c:v>
                </c:pt>
                <c:pt idx="662">
                  <c:v>113.758737</c:v>
                </c:pt>
                <c:pt idx="663">
                  <c:v>113.834648</c:v>
                </c:pt>
                <c:pt idx="664">
                  <c:v>113.666805</c:v>
                </c:pt>
                <c:pt idx="665">
                  <c:v>113.574437</c:v>
                </c:pt>
                <c:pt idx="666">
                  <c:v>113.63096300000001</c:v>
                </c:pt>
                <c:pt idx="667">
                  <c:v>113.584142</c:v>
                </c:pt>
                <c:pt idx="668">
                  <c:v>113.54420400000001</c:v>
                </c:pt>
                <c:pt idx="669">
                  <c:v>113.60679</c:v>
                </c:pt>
                <c:pt idx="670">
                  <c:v>113.770521</c:v>
                </c:pt>
                <c:pt idx="671">
                  <c:v>113.896792</c:v>
                </c:pt>
                <c:pt idx="672">
                  <c:v>113.77457</c:v>
                </c:pt>
                <c:pt idx="673">
                  <c:v>113.686942</c:v>
                </c:pt>
                <c:pt idx="674">
                  <c:v>113.561352</c:v>
                </c:pt>
                <c:pt idx="675">
                  <c:v>113.522582</c:v>
                </c:pt>
                <c:pt idx="676">
                  <c:v>113.635991</c:v>
                </c:pt>
                <c:pt idx="677">
                  <c:v>113.59935300000001</c:v>
                </c:pt>
                <c:pt idx="678">
                  <c:v>113.556027</c:v>
                </c:pt>
                <c:pt idx="679">
                  <c:v>113.609588</c:v>
                </c:pt>
                <c:pt idx="680">
                  <c:v>113.51798100000001</c:v>
                </c:pt>
                <c:pt idx="681">
                  <c:v>113.449106</c:v>
                </c:pt>
                <c:pt idx="682">
                  <c:v>113.33995400000001</c:v>
                </c:pt>
                <c:pt idx="683">
                  <c:v>113.279033</c:v>
                </c:pt>
                <c:pt idx="684">
                  <c:v>113.39674500000001</c:v>
                </c:pt>
                <c:pt idx="685">
                  <c:v>113.46878000000001</c:v>
                </c:pt>
                <c:pt idx="686">
                  <c:v>113.427425</c:v>
                </c:pt>
                <c:pt idx="687">
                  <c:v>113.455202</c:v>
                </c:pt>
                <c:pt idx="688">
                  <c:v>113.565774</c:v>
                </c:pt>
                <c:pt idx="689">
                  <c:v>113.52080000000001</c:v>
                </c:pt>
                <c:pt idx="690">
                  <c:v>113.233751</c:v>
                </c:pt>
                <c:pt idx="691">
                  <c:v>113.39713</c:v>
                </c:pt>
                <c:pt idx="692">
                  <c:v>113.585245</c:v>
                </c:pt>
                <c:pt idx="693">
                  <c:v>113.465057</c:v>
                </c:pt>
                <c:pt idx="694">
                  <c:v>113.408659</c:v>
                </c:pt>
                <c:pt idx="695">
                  <c:v>113.392573</c:v>
                </c:pt>
                <c:pt idx="696">
                  <c:v>113.357876</c:v>
                </c:pt>
                <c:pt idx="697">
                  <c:v>113.30875</c:v>
                </c:pt>
                <c:pt idx="698">
                  <c:v>113.281524</c:v>
                </c:pt>
                <c:pt idx="699">
                  <c:v>113.27963100000001</c:v>
                </c:pt>
                <c:pt idx="700">
                  <c:v>113.328306</c:v>
                </c:pt>
                <c:pt idx="701">
                  <c:v>113.37531300000001</c:v>
                </c:pt>
                <c:pt idx="702">
                  <c:v>113.36218000000001</c:v>
                </c:pt>
                <c:pt idx="703">
                  <c:v>113.365707</c:v>
                </c:pt>
                <c:pt idx="704">
                  <c:v>113.165578</c:v>
                </c:pt>
                <c:pt idx="705">
                  <c:v>112.91123400000001</c:v>
                </c:pt>
                <c:pt idx="706">
                  <c:v>112.828124</c:v>
                </c:pt>
                <c:pt idx="707">
                  <c:v>112.960154</c:v>
                </c:pt>
                <c:pt idx="708">
                  <c:v>113.069396</c:v>
                </c:pt>
                <c:pt idx="709">
                  <c:v>113.273111</c:v>
                </c:pt>
                <c:pt idx="710">
                  <c:v>113.496151</c:v>
                </c:pt>
                <c:pt idx="711">
                  <c:v>113.451252</c:v>
                </c:pt>
                <c:pt idx="712">
                  <c:v>113.346306</c:v>
                </c:pt>
                <c:pt idx="713">
                  <c:v>113.24008600000001</c:v>
                </c:pt>
                <c:pt idx="714">
                  <c:v>113.02452700000001</c:v>
                </c:pt>
                <c:pt idx="715">
                  <c:v>113.06400600000001</c:v>
                </c:pt>
                <c:pt idx="716">
                  <c:v>113.172135</c:v>
                </c:pt>
                <c:pt idx="717">
                  <c:v>113.180587</c:v>
                </c:pt>
                <c:pt idx="718">
                  <c:v>113.203496</c:v>
                </c:pt>
                <c:pt idx="719">
                  <c:v>113.222425</c:v>
                </c:pt>
                <c:pt idx="720">
                  <c:v>113.22418500000001</c:v>
                </c:pt>
                <c:pt idx="721">
                  <c:v>113.23315600000001</c:v>
                </c:pt>
                <c:pt idx="722">
                  <c:v>113.143922</c:v>
                </c:pt>
                <c:pt idx="723">
                  <c:v>113.061367</c:v>
                </c:pt>
                <c:pt idx="724">
                  <c:v>113.09470300000001</c:v>
                </c:pt>
                <c:pt idx="725">
                  <c:v>113.103241</c:v>
                </c:pt>
                <c:pt idx="726">
                  <c:v>113.01831200000001</c:v>
                </c:pt>
                <c:pt idx="727">
                  <c:v>112.944255</c:v>
                </c:pt>
                <c:pt idx="728">
                  <c:v>112.870946</c:v>
                </c:pt>
                <c:pt idx="729">
                  <c:v>112.85776200000001</c:v>
                </c:pt>
                <c:pt idx="730">
                  <c:v>112.932828</c:v>
                </c:pt>
                <c:pt idx="731">
                  <c:v>112.98128700000001</c:v>
                </c:pt>
                <c:pt idx="732">
                  <c:v>112.96478</c:v>
                </c:pt>
                <c:pt idx="733">
                  <c:v>112.98267700000001</c:v>
                </c:pt>
                <c:pt idx="734">
                  <c:v>112.931331</c:v>
                </c:pt>
                <c:pt idx="735">
                  <c:v>112.922687</c:v>
                </c:pt>
                <c:pt idx="736">
                  <c:v>112.941383</c:v>
                </c:pt>
                <c:pt idx="737">
                  <c:v>112.92009400000001</c:v>
                </c:pt>
                <c:pt idx="738">
                  <c:v>112.98078700000001</c:v>
                </c:pt>
                <c:pt idx="739">
                  <c:v>112.94424600000001</c:v>
                </c:pt>
                <c:pt idx="740">
                  <c:v>112.801416</c:v>
                </c:pt>
                <c:pt idx="741">
                  <c:v>112.738698</c:v>
                </c:pt>
                <c:pt idx="742">
                  <c:v>112.70642700000001</c:v>
                </c:pt>
                <c:pt idx="743">
                  <c:v>112.803365</c:v>
                </c:pt>
                <c:pt idx="744">
                  <c:v>112.88737</c:v>
                </c:pt>
                <c:pt idx="745">
                  <c:v>112.845974</c:v>
                </c:pt>
                <c:pt idx="746">
                  <c:v>112.77459</c:v>
                </c:pt>
                <c:pt idx="747">
                  <c:v>112.706474</c:v>
                </c:pt>
                <c:pt idx="748">
                  <c:v>112.69465600000001</c:v>
                </c:pt>
                <c:pt idx="749">
                  <c:v>112.841864</c:v>
                </c:pt>
                <c:pt idx="750">
                  <c:v>112.777444</c:v>
                </c:pt>
                <c:pt idx="751">
                  <c:v>112.709677</c:v>
                </c:pt>
                <c:pt idx="752">
                  <c:v>112.71245400000001</c:v>
                </c:pt>
                <c:pt idx="753">
                  <c:v>112.69564200000001</c:v>
                </c:pt>
                <c:pt idx="754">
                  <c:v>112.66778600000001</c:v>
                </c:pt>
                <c:pt idx="755">
                  <c:v>112.708411</c:v>
                </c:pt>
                <c:pt idx="756">
                  <c:v>112.656711</c:v>
                </c:pt>
                <c:pt idx="757">
                  <c:v>112.59311700000001</c:v>
                </c:pt>
                <c:pt idx="758">
                  <c:v>112.565955</c:v>
                </c:pt>
                <c:pt idx="759">
                  <c:v>112.60071000000001</c:v>
                </c:pt>
                <c:pt idx="760">
                  <c:v>112.55178500000001</c:v>
                </c:pt>
                <c:pt idx="761">
                  <c:v>112.45057800000001</c:v>
                </c:pt>
                <c:pt idx="762">
                  <c:v>112.456502</c:v>
                </c:pt>
                <c:pt idx="763">
                  <c:v>112.41274300000001</c:v>
                </c:pt>
                <c:pt idx="764">
                  <c:v>112.38193200000001</c:v>
                </c:pt>
                <c:pt idx="765">
                  <c:v>112.435215</c:v>
                </c:pt>
                <c:pt idx="766">
                  <c:v>112.34975</c:v>
                </c:pt>
                <c:pt idx="767">
                  <c:v>112.31780000000001</c:v>
                </c:pt>
                <c:pt idx="768">
                  <c:v>112.43557200000001</c:v>
                </c:pt>
                <c:pt idx="769">
                  <c:v>112.458827</c:v>
                </c:pt>
                <c:pt idx="770">
                  <c:v>112.36607600000001</c:v>
                </c:pt>
                <c:pt idx="771">
                  <c:v>112.35525700000001</c:v>
                </c:pt>
                <c:pt idx="772">
                  <c:v>112.388002</c:v>
                </c:pt>
                <c:pt idx="773">
                  <c:v>112.41364900000001</c:v>
                </c:pt>
                <c:pt idx="774">
                  <c:v>112.396001</c:v>
                </c:pt>
                <c:pt idx="775">
                  <c:v>112.368832</c:v>
                </c:pt>
                <c:pt idx="776">
                  <c:v>112.28637000000001</c:v>
                </c:pt>
                <c:pt idx="777">
                  <c:v>112.308516</c:v>
                </c:pt>
                <c:pt idx="778">
                  <c:v>112.321578</c:v>
                </c:pt>
                <c:pt idx="779">
                  <c:v>112.28337500000001</c:v>
                </c:pt>
                <c:pt idx="780">
                  <c:v>112.32106900000001</c:v>
                </c:pt>
                <c:pt idx="781">
                  <c:v>112.271837</c:v>
                </c:pt>
                <c:pt idx="782">
                  <c:v>112.154971</c:v>
                </c:pt>
                <c:pt idx="783">
                  <c:v>112.16489900000001</c:v>
                </c:pt>
                <c:pt idx="784">
                  <c:v>112.184248</c:v>
                </c:pt>
                <c:pt idx="785">
                  <c:v>112.10588200000001</c:v>
                </c:pt>
                <c:pt idx="786">
                  <c:v>112.107039</c:v>
                </c:pt>
                <c:pt idx="787">
                  <c:v>112.15862</c:v>
                </c:pt>
                <c:pt idx="788">
                  <c:v>112.06909400000001</c:v>
                </c:pt>
                <c:pt idx="789">
                  <c:v>111.986418</c:v>
                </c:pt>
                <c:pt idx="790">
                  <c:v>112.02728400000001</c:v>
                </c:pt>
                <c:pt idx="791">
                  <c:v>112.011149</c:v>
                </c:pt>
                <c:pt idx="792">
                  <c:v>111.956165</c:v>
                </c:pt>
                <c:pt idx="793">
                  <c:v>111.96543700000001</c:v>
                </c:pt>
                <c:pt idx="794">
                  <c:v>111.956805</c:v>
                </c:pt>
                <c:pt idx="795">
                  <c:v>111.908085</c:v>
                </c:pt>
                <c:pt idx="796">
                  <c:v>111.849777</c:v>
                </c:pt>
                <c:pt idx="797">
                  <c:v>111.91156100000001</c:v>
                </c:pt>
                <c:pt idx="798">
                  <c:v>111.928765</c:v>
                </c:pt>
                <c:pt idx="799">
                  <c:v>111.94709300000001</c:v>
                </c:pt>
                <c:pt idx="800">
                  <c:v>111.925922</c:v>
                </c:pt>
                <c:pt idx="801">
                  <c:v>111.77289500000001</c:v>
                </c:pt>
                <c:pt idx="802">
                  <c:v>111.723568</c:v>
                </c:pt>
                <c:pt idx="803">
                  <c:v>111.780592</c:v>
                </c:pt>
                <c:pt idx="804">
                  <c:v>111.721872</c:v>
                </c:pt>
                <c:pt idx="805">
                  <c:v>111.686733</c:v>
                </c:pt>
                <c:pt idx="806">
                  <c:v>111.72482100000001</c:v>
                </c:pt>
                <c:pt idx="807">
                  <c:v>111.677913</c:v>
                </c:pt>
                <c:pt idx="808">
                  <c:v>111.64894700000001</c:v>
                </c:pt>
                <c:pt idx="809">
                  <c:v>111.721526</c:v>
                </c:pt>
                <c:pt idx="810">
                  <c:v>111.723636</c:v>
                </c:pt>
                <c:pt idx="811">
                  <c:v>111.69495000000001</c:v>
                </c:pt>
                <c:pt idx="812">
                  <c:v>111.701781</c:v>
                </c:pt>
                <c:pt idx="813">
                  <c:v>111.659082</c:v>
                </c:pt>
                <c:pt idx="814">
                  <c:v>111.66783100000001</c:v>
                </c:pt>
                <c:pt idx="815">
                  <c:v>111.698814</c:v>
                </c:pt>
                <c:pt idx="816">
                  <c:v>111.62451800000001</c:v>
                </c:pt>
                <c:pt idx="817">
                  <c:v>111.575495</c:v>
                </c:pt>
                <c:pt idx="818">
                  <c:v>111.493199</c:v>
                </c:pt>
                <c:pt idx="819">
                  <c:v>111.496825</c:v>
                </c:pt>
                <c:pt idx="820">
                  <c:v>111.54030300000001</c:v>
                </c:pt>
                <c:pt idx="821">
                  <c:v>111.48653400000001</c:v>
                </c:pt>
                <c:pt idx="822">
                  <c:v>111.47303100000001</c:v>
                </c:pt>
                <c:pt idx="823">
                  <c:v>111.508707</c:v>
                </c:pt>
                <c:pt idx="824">
                  <c:v>111.53272800000001</c:v>
                </c:pt>
                <c:pt idx="825">
                  <c:v>111.48620600000001</c:v>
                </c:pt>
                <c:pt idx="826">
                  <c:v>111.489052</c:v>
                </c:pt>
                <c:pt idx="827">
                  <c:v>111.47285100000001</c:v>
                </c:pt>
                <c:pt idx="828">
                  <c:v>111.408117</c:v>
                </c:pt>
                <c:pt idx="829">
                  <c:v>111.429506</c:v>
                </c:pt>
                <c:pt idx="830">
                  <c:v>111.459292</c:v>
                </c:pt>
                <c:pt idx="831">
                  <c:v>111.358189</c:v>
                </c:pt>
                <c:pt idx="832">
                  <c:v>111.290291</c:v>
                </c:pt>
                <c:pt idx="833">
                  <c:v>111.294419</c:v>
                </c:pt>
                <c:pt idx="834">
                  <c:v>111.31545800000001</c:v>
                </c:pt>
                <c:pt idx="835">
                  <c:v>111.315043</c:v>
                </c:pt>
                <c:pt idx="836">
                  <c:v>111.27660300000001</c:v>
                </c:pt>
                <c:pt idx="837">
                  <c:v>111.20559900000001</c:v>
                </c:pt>
                <c:pt idx="838">
                  <c:v>111.20592500000001</c:v>
                </c:pt>
                <c:pt idx="839">
                  <c:v>111.22952600000001</c:v>
                </c:pt>
                <c:pt idx="840">
                  <c:v>111.24311</c:v>
                </c:pt>
                <c:pt idx="841">
                  <c:v>111.32528500000001</c:v>
                </c:pt>
                <c:pt idx="842">
                  <c:v>111.297467</c:v>
                </c:pt>
                <c:pt idx="843">
                  <c:v>111.21516200000001</c:v>
                </c:pt>
                <c:pt idx="844">
                  <c:v>111.235725</c:v>
                </c:pt>
                <c:pt idx="845">
                  <c:v>111.25741000000001</c:v>
                </c:pt>
                <c:pt idx="846">
                  <c:v>111.270439</c:v>
                </c:pt>
                <c:pt idx="847">
                  <c:v>111.29988</c:v>
                </c:pt>
                <c:pt idx="848">
                  <c:v>111.296403</c:v>
                </c:pt>
                <c:pt idx="849">
                  <c:v>111.28971</c:v>
                </c:pt>
                <c:pt idx="850">
                  <c:v>111.25678600000001</c:v>
                </c:pt>
                <c:pt idx="851">
                  <c:v>111.189852</c:v>
                </c:pt>
                <c:pt idx="852">
                  <c:v>111.20068500000001</c:v>
                </c:pt>
                <c:pt idx="853">
                  <c:v>111.250243</c:v>
                </c:pt>
                <c:pt idx="854">
                  <c:v>111.233013</c:v>
                </c:pt>
                <c:pt idx="855">
                  <c:v>111.220482</c:v>
                </c:pt>
                <c:pt idx="856">
                  <c:v>111.220877</c:v>
                </c:pt>
                <c:pt idx="857">
                  <c:v>111.256518</c:v>
                </c:pt>
                <c:pt idx="858">
                  <c:v>111.30914300000001</c:v>
                </c:pt>
                <c:pt idx="859">
                  <c:v>111.290192</c:v>
                </c:pt>
                <c:pt idx="860">
                  <c:v>111.22459000000001</c:v>
                </c:pt>
                <c:pt idx="861">
                  <c:v>111.192936</c:v>
                </c:pt>
                <c:pt idx="862">
                  <c:v>111.20643200000001</c:v>
                </c:pt>
                <c:pt idx="863">
                  <c:v>111.278603</c:v>
                </c:pt>
                <c:pt idx="864">
                  <c:v>111.276</c:v>
                </c:pt>
                <c:pt idx="865">
                  <c:v>111.243357</c:v>
                </c:pt>
                <c:pt idx="866">
                  <c:v>111.224086</c:v>
                </c:pt>
                <c:pt idx="867">
                  <c:v>111.226962</c:v>
                </c:pt>
                <c:pt idx="868">
                  <c:v>111.20230600000001</c:v>
                </c:pt>
                <c:pt idx="869">
                  <c:v>111.171142</c:v>
                </c:pt>
                <c:pt idx="870">
                  <c:v>111.148769</c:v>
                </c:pt>
                <c:pt idx="871">
                  <c:v>111.203351</c:v>
                </c:pt>
                <c:pt idx="872">
                  <c:v>111.229923</c:v>
                </c:pt>
                <c:pt idx="873">
                  <c:v>111.17581700000001</c:v>
                </c:pt>
                <c:pt idx="874">
                  <c:v>111.12035300000001</c:v>
                </c:pt>
                <c:pt idx="875">
                  <c:v>111.113834</c:v>
                </c:pt>
                <c:pt idx="876">
                  <c:v>111.133813</c:v>
                </c:pt>
                <c:pt idx="877">
                  <c:v>111.14578</c:v>
                </c:pt>
                <c:pt idx="878">
                  <c:v>111.087886</c:v>
                </c:pt>
                <c:pt idx="879">
                  <c:v>111.011768</c:v>
                </c:pt>
                <c:pt idx="880">
                  <c:v>111.03586200000001</c:v>
                </c:pt>
                <c:pt idx="881">
                  <c:v>111.030311</c:v>
                </c:pt>
                <c:pt idx="882">
                  <c:v>110.993544</c:v>
                </c:pt>
                <c:pt idx="883">
                  <c:v>110.96445300000001</c:v>
                </c:pt>
                <c:pt idx="884">
                  <c:v>110.987802</c:v>
                </c:pt>
                <c:pt idx="885">
                  <c:v>110.985879</c:v>
                </c:pt>
                <c:pt idx="886">
                  <c:v>110.995935</c:v>
                </c:pt>
                <c:pt idx="887">
                  <c:v>110.992059</c:v>
                </c:pt>
                <c:pt idx="888">
                  <c:v>110.968767</c:v>
                </c:pt>
                <c:pt idx="889">
                  <c:v>110.941934</c:v>
                </c:pt>
                <c:pt idx="890">
                  <c:v>110.890275</c:v>
                </c:pt>
                <c:pt idx="891">
                  <c:v>110.851534</c:v>
                </c:pt>
                <c:pt idx="892">
                  <c:v>110.84508600000001</c:v>
                </c:pt>
                <c:pt idx="893">
                  <c:v>110.88041800000001</c:v>
                </c:pt>
                <c:pt idx="894">
                  <c:v>110.88472300000001</c:v>
                </c:pt>
                <c:pt idx="895">
                  <c:v>110.89686400000001</c:v>
                </c:pt>
                <c:pt idx="896">
                  <c:v>110.91599000000001</c:v>
                </c:pt>
                <c:pt idx="897">
                  <c:v>110.89581800000001</c:v>
                </c:pt>
                <c:pt idx="898">
                  <c:v>110.819866</c:v>
                </c:pt>
                <c:pt idx="899">
                  <c:v>110.816818</c:v>
                </c:pt>
                <c:pt idx="900">
                  <c:v>110.832279</c:v>
                </c:pt>
                <c:pt idx="901">
                  <c:v>110.851257</c:v>
                </c:pt>
                <c:pt idx="902">
                  <c:v>110.81766900000001</c:v>
                </c:pt>
                <c:pt idx="903">
                  <c:v>110.76123700000001</c:v>
                </c:pt>
                <c:pt idx="904">
                  <c:v>110.749011</c:v>
                </c:pt>
                <c:pt idx="905">
                  <c:v>110.764612</c:v>
                </c:pt>
                <c:pt idx="906">
                  <c:v>110.79453600000001</c:v>
                </c:pt>
                <c:pt idx="907">
                  <c:v>110.793762</c:v>
                </c:pt>
                <c:pt idx="908">
                  <c:v>110.714493</c:v>
                </c:pt>
                <c:pt idx="909">
                  <c:v>110.664385</c:v>
                </c:pt>
                <c:pt idx="910">
                  <c:v>110.62698300000001</c:v>
                </c:pt>
                <c:pt idx="911">
                  <c:v>110.602587</c:v>
                </c:pt>
                <c:pt idx="912">
                  <c:v>110.61062800000001</c:v>
                </c:pt>
                <c:pt idx="913">
                  <c:v>110.608305</c:v>
                </c:pt>
                <c:pt idx="914">
                  <c:v>110.63624900000001</c:v>
                </c:pt>
                <c:pt idx="915">
                  <c:v>110.627624</c:v>
                </c:pt>
                <c:pt idx="916">
                  <c:v>110.591932</c:v>
                </c:pt>
                <c:pt idx="917">
                  <c:v>110.610163</c:v>
                </c:pt>
                <c:pt idx="918">
                  <c:v>110.610769</c:v>
                </c:pt>
                <c:pt idx="919">
                  <c:v>110.593816</c:v>
                </c:pt>
                <c:pt idx="920">
                  <c:v>110.590827</c:v>
                </c:pt>
                <c:pt idx="921">
                  <c:v>110.629082</c:v>
                </c:pt>
                <c:pt idx="922">
                  <c:v>110.587833</c:v>
                </c:pt>
                <c:pt idx="923">
                  <c:v>110.515884</c:v>
                </c:pt>
                <c:pt idx="924">
                  <c:v>110.452105</c:v>
                </c:pt>
                <c:pt idx="925">
                  <c:v>110.44387500000001</c:v>
                </c:pt>
                <c:pt idx="926">
                  <c:v>110.449927</c:v>
                </c:pt>
                <c:pt idx="927">
                  <c:v>110.433925</c:v>
                </c:pt>
                <c:pt idx="928">
                  <c:v>110.43262200000001</c:v>
                </c:pt>
                <c:pt idx="929">
                  <c:v>110.43569000000001</c:v>
                </c:pt>
                <c:pt idx="930">
                  <c:v>110.432782</c:v>
                </c:pt>
                <c:pt idx="931">
                  <c:v>110.42243400000001</c:v>
                </c:pt>
                <c:pt idx="932">
                  <c:v>110.394665</c:v>
                </c:pt>
                <c:pt idx="933">
                  <c:v>110.39259800000001</c:v>
                </c:pt>
                <c:pt idx="934">
                  <c:v>110.39500200000001</c:v>
                </c:pt>
                <c:pt idx="935">
                  <c:v>110.339624</c:v>
                </c:pt>
                <c:pt idx="936">
                  <c:v>110.36612600000001</c:v>
                </c:pt>
                <c:pt idx="937">
                  <c:v>110.369696</c:v>
                </c:pt>
                <c:pt idx="938">
                  <c:v>110.364225</c:v>
                </c:pt>
                <c:pt idx="939">
                  <c:v>110.36250100000001</c:v>
                </c:pt>
                <c:pt idx="940">
                  <c:v>110.296808</c:v>
                </c:pt>
                <c:pt idx="941">
                  <c:v>110.23703500000001</c:v>
                </c:pt>
                <c:pt idx="942">
                  <c:v>110.21505000000001</c:v>
                </c:pt>
                <c:pt idx="943">
                  <c:v>110.25959400000001</c:v>
                </c:pt>
                <c:pt idx="944">
                  <c:v>110.26687800000001</c:v>
                </c:pt>
                <c:pt idx="945">
                  <c:v>110.25241700000001</c:v>
                </c:pt>
                <c:pt idx="946">
                  <c:v>110.25147200000001</c:v>
                </c:pt>
                <c:pt idx="947">
                  <c:v>110.21941100000001</c:v>
                </c:pt>
                <c:pt idx="948">
                  <c:v>110.17020500000001</c:v>
                </c:pt>
                <c:pt idx="949">
                  <c:v>110.223287</c:v>
                </c:pt>
                <c:pt idx="950">
                  <c:v>110.23968500000001</c:v>
                </c:pt>
                <c:pt idx="951">
                  <c:v>110.19707100000001</c:v>
                </c:pt>
                <c:pt idx="952">
                  <c:v>110.20056100000001</c:v>
                </c:pt>
                <c:pt idx="953">
                  <c:v>110.210965</c:v>
                </c:pt>
                <c:pt idx="954">
                  <c:v>110.24200400000001</c:v>
                </c:pt>
                <c:pt idx="955">
                  <c:v>110.20926300000001</c:v>
                </c:pt>
                <c:pt idx="956">
                  <c:v>110.16962000000001</c:v>
                </c:pt>
                <c:pt idx="957">
                  <c:v>110.134556</c:v>
                </c:pt>
                <c:pt idx="958">
                  <c:v>110.11555800000001</c:v>
                </c:pt>
                <c:pt idx="959">
                  <c:v>110.160163</c:v>
                </c:pt>
                <c:pt idx="960">
                  <c:v>110.059641</c:v>
                </c:pt>
                <c:pt idx="961">
                  <c:v>109.92817600000001</c:v>
                </c:pt>
                <c:pt idx="962">
                  <c:v>109.86460600000001</c:v>
                </c:pt>
                <c:pt idx="963">
                  <c:v>109.83533700000001</c:v>
                </c:pt>
                <c:pt idx="964">
                  <c:v>109.80515100000001</c:v>
                </c:pt>
                <c:pt idx="965">
                  <c:v>109.75612700000001</c:v>
                </c:pt>
                <c:pt idx="966">
                  <c:v>109.649303</c:v>
                </c:pt>
                <c:pt idx="967">
                  <c:v>109.590621</c:v>
                </c:pt>
                <c:pt idx="968">
                  <c:v>109.62093</c:v>
                </c:pt>
                <c:pt idx="969">
                  <c:v>109.59548700000001</c:v>
                </c:pt>
                <c:pt idx="970">
                  <c:v>109.53143300000001</c:v>
                </c:pt>
                <c:pt idx="971">
                  <c:v>109.604354</c:v>
                </c:pt>
                <c:pt idx="972">
                  <c:v>109.667109</c:v>
                </c:pt>
                <c:pt idx="973">
                  <c:v>109.61393700000001</c:v>
                </c:pt>
                <c:pt idx="974">
                  <c:v>109.555212</c:v>
                </c:pt>
                <c:pt idx="975">
                  <c:v>109.54500400000001</c:v>
                </c:pt>
                <c:pt idx="976">
                  <c:v>109.543407</c:v>
                </c:pt>
                <c:pt idx="977">
                  <c:v>109.55776</c:v>
                </c:pt>
                <c:pt idx="978">
                  <c:v>109.521936</c:v>
                </c:pt>
                <c:pt idx="979">
                  <c:v>109.49355</c:v>
                </c:pt>
                <c:pt idx="980">
                  <c:v>109.498949</c:v>
                </c:pt>
                <c:pt idx="981">
                  <c:v>109.48263800000001</c:v>
                </c:pt>
                <c:pt idx="982">
                  <c:v>109.497364</c:v>
                </c:pt>
                <c:pt idx="983">
                  <c:v>109.55110400000001</c:v>
                </c:pt>
                <c:pt idx="984">
                  <c:v>109.57273500000001</c:v>
                </c:pt>
                <c:pt idx="985">
                  <c:v>109.52753</c:v>
                </c:pt>
                <c:pt idx="986">
                  <c:v>109.494321</c:v>
                </c:pt>
                <c:pt idx="987">
                  <c:v>109.522372</c:v>
                </c:pt>
                <c:pt idx="988">
                  <c:v>109.523152</c:v>
                </c:pt>
                <c:pt idx="989">
                  <c:v>109.445216</c:v>
                </c:pt>
                <c:pt idx="990">
                  <c:v>109.450655</c:v>
                </c:pt>
                <c:pt idx="991">
                  <c:v>109.492644</c:v>
                </c:pt>
                <c:pt idx="992">
                  <c:v>109.54357400000001</c:v>
                </c:pt>
                <c:pt idx="993">
                  <c:v>109.577781</c:v>
                </c:pt>
                <c:pt idx="994">
                  <c:v>109.519052</c:v>
                </c:pt>
                <c:pt idx="995">
                  <c:v>109.428546</c:v>
                </c:pt>
                <c:pt idx="996">
                  <c:v>109.361829</c:v>
                </c:pt>
                <c:pt idx="997">
                  <c:v>109.274287</c:v>
                </c:pt>
                <c:pt idx="998">
                  <c:v>109.179771</c:v>
                </c:pt>
                <c:pt idx="999">
                  <c:v>109.09853600000001</c:v>
                </c:pt>
                <c:pt idx="1000">
                  <c:v>109.094345</c:v>
                </c:pt>
                <c:pt idx="1001">
                  <c:v>109.141712</c:v>
                </c:pt>
                <c:pt idx="1002">
                  <c:v>109.08449400000001</c:v>
                </c:pt>
                <c:pt idx="1003">
                  <c:v>109.015365</c:v>
                </c:pt>
                <c:pt idx="1004">
                  <c:v>108.98200900000001</c:v>
                </c:pt>
                <c:pt idx="1005">
                  <c:v>108.96323100000001</c:v>
                </c:pt>
                <c:pt idx="1006">
                  <c:v>108.985286</c:v>
                </c:pt>
                <c:pt idx="1007">
                  <c:v>109.01968500000001</c:v>
                </c:pt>
                <c:pt idx="1008">
                  <c:v>109.059387</c:v>
                </c:pt>
                <c:pt idx="1009">
                  <c:v>109.06396600000001</c:v>
                </c:pt>
                <c:pt idx="1010">
                  <c:v>109.031724</c:v>
                </c:pt>
                <c:pt idx="1011">
                  <c:v>109.040565</c:v>
                </c:pt>
                <c:pt idx="1012">
                  <c:v>109.075014</c:v>
                </c:pt>
                <c:pt idx="1013">
                  <c:v>109.096462</c:v>
                </c:pt>
                <c:pt idx="1014">
                  <c:v>109.084575</c:v>
                </c:pt>
                <c:pt idx="1015">
                  <c:v>109.109768</c:v>
                </c:pt>
                <c:pt idx="1016">
                  <c:v>109.10372100000001</c:v>
                </c:pt>
                <c:pt idx="1017">
                  <c:v>109.07703000000001</c:v>
                </c:pt>
                <c:pt idx="1018">
                  <c:v>109.052187</c:v>
                </c:pt>
                <c:pt idx="1019">
                  <c:v>109.07148600000001</c:v>
                </c:pt>
                <c:pt idx="1020">
                  <c:v>109.146682</c:v>
                </c:pt>
                <c:pt idx="1021">
                  <c:v>109.156858</c:v>
                </c:pt>
                <c:pt idx="1022">
                  <c:v>109.16834</c:v>
                </c:pt>
                <c:pt idx="1023">
                  <c:v>109.17227700000001</c:v>
                </c:pt>
                <c:pt idx="1024">
                  <c:v>109.12988900000001</c:v>
                </c:pt>
                <c:pt idx="1025">
                  <c:v>109.188304</c:v>
                </c:pt>
                <c:pt idx="1026">
                  <c:v>109.273152</c:v>
                </c:pt>
                <c:pt idx="1027">
                  <c:v>109.264415</c:v>
                </c:pt>
                <c:pt idx="1028">
                  <c:v>109.212794</c:v>
                </c:pt>
                <c:pt idx="1029">
                  <c:v>109.19153200000001</c:v>
                </c:pt>
                <c:pt idx="1030">
                  <c:v>109.153901</c:v>
                </c:pt>
                <c:pt idx="1031">
                  <c:v>109.158157</c:v>
                </c:pt>
                <c:pt idx="1032">
                  <c:v>109.20588600000001</c:v>
                </c:pt>
                <c:pt idx="1033">
                  <c:v>109.224924</c:v>
                </c:pt>
                <c:pt idx="1034">
                  <c:v>109.234504</c:v>
                </c:pt>
                <c:pt idx="1035">
                  <c:v>109.252509</c:v>
                </c:pt>
                <c:pt idx="1036">
                  <c:v>109.21430600000001</c:v>
                </c:pt>
                <c:pt idx="1037">
                  <c:v>109.190004</c:v>
                </c:pt>
                <c:pt idx="1038">
                  <c:v>109.163945</c:v>
                </c:pt>
                <c:pt idx="1039">
                  <c:v>109.17666200000001</c:v>
                </c:pt>
                <c:pt idx="1040">
                  <c:v>109.210176</c:v>
                </c:pt>
                <c:pt idx="1041">
                  <c:v>109.234532</c:v>
                </c:pt>
                <c:pt idx="1042">
                  <c:v>109.252983</c:v>
                </c:pt>
                <c:pt idx="1043">
                  <c:v>109.21909000000001</c:v>
                </c:pt>
                <c:pt idx="1044">
                  <c:v>109.17841800000001</c:v>
                </c:pt>
                <c:pt idx="1045">
                  <c:v>109.165364</c:v>
                </c:pt>
                <c:pt idx="1046">
                  <c:v>109.178472</c:v>
                </c:pt>
                <c:pt idx="1047">
                  <c:v>109.134879</c:v>
                </c:pt>
                <c:pt idx="1048">
                  <c:v>109.07574100000001</c:v>
                </c:pt>
                <c:pt idx="1049">
                  <c:v>109.01476100000001</c:v>
                </c:pt>
                <c:pt idx="1050">
                  <c:v>109.04152000000001</c:v>
                </c:pt>
                <c:pt idx="1051">
                  <c:v>109.021778</c:v>
                </c:pt>
                <c:pt idx="1052">
                  <c:v>109.039117</c:v>
                </c:pt>
                <c:pt idx="1053">
                  <c:v>109.095195</c:v>
                </c:pt>
                <c:pt idx="1054">
                  <c:v>109.10092400000001</c:v>
                </c:pt>
                <c:pt idx="1055">
                  <c:v>109.070089</c:v>
                </c:pt>
                <c:pt idx="1056">
                  <c:v>108.973851</c:v>
                </c:pt>
                <c:pt idx="1057">
                  <c:v>108.891918</c:v>
                </c:pt>
                <c:pt idx="1058">
                  <c:v>108.949234</c:v>
                </c:pt>
                <c:pt idx="1059">
                  <c:v>109.039405</c:v>
                </c:pt>
                <c:pt idx="1060">
                  <c:v>109.081075</c:v>
                </c:pt>
                <c:pt idx="1061">
                  <c:v>109.02448</c:v>
                </c:pt>
                <c:pt idx="1062">
                  <c:v>108.958461</c:v>
                </c:pt>
                <c:pt idx="1063">
                  <c:v>108.96620900000001</c:v>
                </c:pt>
                <c:pt idx="1064">
                  <c:v>109.0018</c:v>
                </c:pt>
                <c:pt idx="1065">
                  <c:v>108.99774500000001</c:v>
                </c:pt>
                <c:pt idx="1066">
                  <c:v>108.976005</c:v>
                </c:pt>
                <c:pt idx="1067">
                  <c:v>109.023274</c:v>
                </c:pt>
                <c:pt idx="1068">
                  <c:v>108.99379500000001</c:v>
                </c:pt>
                <c:pt idx="1069">
                  <c:v>108.90395100000001</c:v>
                </c:pt>
                <c:pt idx="1070">
                  <c:v>108.886968</c:v>
                </c:pt>
                <c:pt idx="1071">
                  <c:v>108.869072</c:v>
                </c:pt>
                <c:pt idx="1072">
                  <c:v>108.851338</c:v>
                </c:pt>
                <c:pt idx="1073">
                  <c:v>108.822416</c:v>
                </c:pt>
                <c:pt idx="1074">
                  <c:v>108.78701600000001</c:v>
                </c:pt>
                <c:pt idx="1075">
                  <c:v>108.807829</c:v>
                </c:pt>
                <c:pt idx="1076">
                  <c:v>108.869539</c:v>
                </c:pt>
                <c:pt idx="1077">
                  <c:v>108.90965200000001</c:v>
                </c:pt>
                <c:pt idx="1078">
                  <c:v>108.94124600000001</c:v>
                </c:pt>
                <c:pt idx="1079">
                  <c:v>108.940454</c:v>
                </c:pt>
                <c:pt idx="1080">
                  <c:v>108.89031800000001</c:v>
                </c:pt>
                <c:pt idx="1081">
                  <c:v>108.810087</c:v>
                </c:pt>
                <c:pt idx="1082">
                  <c:v>108.794371</c:v>
                </c:pt>
                <c:pt idx="1083">
                  <c:v>108.83216300000001</c:v>
                </c:pt>
                <c:pt idx="1084">
                  <c:v>108.87032600000001</c:v>
                </c:pt>
                <c:pt idx="1085">
                  <c:v>108.861142</c:v>
                </c:pt>
                <c:pt idx="1086">
                  <c:v>108.826589</c:v>
                </c:pt>
                <c:pt idx="1087">
                  <c:v>108.80389700000001</c:v>
                </c:pt>
                <c:pt idx="1088">
                  <c:v>108.822802</c:v>
                </c:pt>
                <c:pt idx="1089">
                  <c:v>108.89939200000001</c:v>
                </c:pt>
                <c:pt idx="1090">
                  <c:v>108.858504</c:v>
                </c:pt>
                <c:pt idx="1091">
                  <c:v>108.79341700000001</c:v>
                </c:pt>
                <c:pt idx="1092">
                  <c:v>108.791267</c:v>
                </c:pt>
                <c:pt idx="1093">
                  <c:v>108.81064000000001</c:v>
                </c:pt>
                <c:pt idx="1094">
                  <c:v>108.727924</c:v>
                </c:pt>
                <c:pt idx="1095">
                  <c:v>108.66520200000001</c:v>
                </c:pt>
                <c:pt idx="1096">
                  <c:v>108.70123700000001</c:v>
                </c:pt>
                <c:pt idx="1097">
                  <c:v>108.752005</c:v>
                </c:pt>
                <c:pt idx="1098">
                  <c:v>108.761844</c:v>
                </c:pt>
                <c:pt idx="1099">
                  <c:v>108.76027400000001</c:v>
                </c:pt>
                <c:pt idx="1100">
                  <c:v>108.716807</c:v>
                </c:pt>
                <c:pt idx="1101">
                  <c:v>108.621465</c:v>
                </c:pt>
                <c:pt idx="1102">
                  <c:v>108.602706</c:v>
                </c:pt>
                <c:pt idx="1103">
                  <c:v>108.624245</c:v>
                </c:pt>
                <c:pt idx="1104">
                  <c:v>108.654207</c:v>
                </c:pt>
                <c:pt idx="1105">
                  <c:v>108.708299</c:v>
                </c:pt>
                <c:pt idx="1106">
                  <c:v>108.642066</c:v>
                </c:pt>
                <c:pt idx="1107">
                  <c:v>108.59598100000001</c:v>
                </c:pt>
                <c:pt idx="1108">
                  <c:v>108.61707700000001</c:v>
                </c:pt>
                <c:pt idx="1109">
                  <c:v>108.67048200000001</c:v>
                </c:pt>
                <c:pt idx="1110">
                  <c:v>108.638164</c:v>
                </c:pt>
                <c:pt idx="1111">
                  <c:v>108.575489</c:v>
                </c:pt>
                <c:pt idx="1112">
                  <c:v>108.601726</c:v>
                </c:pt>
                <c:pt idx="1113">
                  <c:v>108.61793</c:v>
                </c:pt>
                <c:pt idx="1114">
                  <c:v>108.59833900000001</c:v>
                </c:pt>
                <c:pt idx="1115">
                  <c:v>108.56616700000001</c:v>
                </c:pt>
                <c:pt idx="1116">
                  <c:v>108.569952</c:v>
                </c:pt>
                <c:pt idx="1117">
                  <c:v>108.642329</c:v>
                </c:pt>
                <c:pt idx="1118">
                  <c:v>108.59895900000001</c:v>
                </c:pt>
                <c:pt idx="1119">
                  <c:v>108.50070700000001</c:v>
                </c:pt>
                <c:pt idx="1120">
                  <c:v>108.473038</c:v>
                </c:pt>
                <c:pt idx="1121">
                  <c:v>108.518012</c:v>
                </c:pt>
                <c:pt idx="1122">
                  <c:v>108.578682</c:v>
                </c:pt>
                <c:pt idx="1123">
                  <c:v>108.557906</c:v>
                </c:pt>
                <c:pt idx="1124">
                  <c:v>108.47274300000001</c:v>
                </c:pt>
                <c:pt idx="1125">
                  <c:v>108.452023</c:v>
                </c:pt>
                <c:pt idx="1126">
                  <c:v>108.450118</c:v>
                </c:pt>
                <c:pt idx="1127">
                  <c:v>108.425741</c:v>
                </c:pt>
                <c:pt idx="1128">
                  <c:v>108.412175</c:v>
                </c:pt>
                <c:pt idx="1129">
                  <c:v>108.44806100000001</c:v>
                </c:pt>
                <c:pt idx="1130">
                  <c:v>108.44593</c:v>
                </c:pt>
                <c:pt idx="1131">
                  <c:v>108.490707</c:v>
                </c:pt>
                <c:pt idx="1132">
                  <c:v>108.581378</c:v>
                </c:pt>
                <c:pt idx="1133">
                  <c:v>108.552488</c:v>
                </c:pt>
                <c:pt idx="1134">
                  <c:v>108.485552</c:v>
                </c:pt>
                <c:pt idx="1135">
                  <c:v>108.445145</c:v>
                </c:pt>
                <c:pt idx="1136">
                  <c:v>108.449906</c:v>
                </c:pt>
                <c:pt idx="1137">
                  <c:v>108.462931</c:v>
                </c:pt>
                <c:pt idx="1138">
                  <c:v>108.38967100000001</c:v>
                </c:pt>
                <c:pt idx="1139">
                  <c:v>108.33139200000001</c:v>
                </c:pt>
                <c:pt idx="1140">
                  <c:v>108.343795</c:v>
                </c:pt>
                <c:pt idx="1141">
                  <c:v>108.391448</c:v>
                </c:pt>
                <c:pt idx="1142">
                  <c:v>108.377847</c:v>
                </c:pt>
                <c:pt idx="1143">
                  <c:v>108.383695</c:v>
                </c:pt>
                <c:pt idx="1144">
                  <c:v>108.413955</c:v>
                </c:pt>
                <c:pt idx="1145">
                  <c:v>108.440676</c:v>
                </c:pt>
                <c:pt idx="1146">
                  <c:v>108.46826</c:v>
                </c:pt>
                <c:pt idx="1147">
                  <c:v>108.440898</c:v>
                </c:pt>
                <c:pt idx="1148">
                  <c:v>108.41575400000001</c:v>
                </c:pt>
                <c:pt idx="1149">
                  <c:v>108.450996</c:v>
                </c:pt>
                <c:pt idx="1150">
                  <c:v>108.468625</c:v>
                </c:pt>
                <c:pt idx="1151">
                  <c:v>108.500895</c:v>
                </c:pt>
                <c:pt idx="1152">
                  <c:v>108.503033</c:v>
                </c:pt>
                <c:pt idx="1153">
                  <c:v>108.462851</c:v>
                </c:pt>
                <c:pt idx="1154">
                  <c:v>108.48111300000001</c:v>
                </c:pt>
                <c:pt idx="1155">
                  <c:v>108.477344</c:v>
                </c:pt>
                <c:pt idx="1156">
                  <c:v>108.42436600000001</c:v>
                </c:pt>
                <c:pt idx="1157">
                  <c:v>108.411034</c:v>
                </c:pt>
                <c:pt idx="1158">
                  <c:v>108.465777</c:v>
                </c:pt>
                <c:pt idx="1159">
                  <c:v>108.456829</c:v>
                </c:pt>
                <c:pt idx="1160">
                  <c:v>108.39780500000001</c:v>
                </c:pt>
                <c:pt idx="1161">
                  <c:v>108.42388200000001</c:v>
                </c:pt>
                <c:pt idx="1162">
                  <c:v>108.397643</c:v>
                </c:pt>
                <c:pt idx="1163">
                  <c:v>108.356516</c:v>
                </c:pt>
                <c:pt idx="1164">
                  <c:v>108.344351</c:v>
                </c:pt>
                <c:pt idx="1165">
                  <c:v>108.34319600000001</c:v>
                </c:pt>
                <c:pt idx="1166">
                  <c:v>108.330262</c:v>
                </c:pt>
                <c:pt idx="1167">
                  <c:v>108.37451300000001</c:v>
                </c:pt>
                <c:pt idx="1168">
                  <c:v>108.40436100000001</c:v>
                </c:pt>
                <c:pt idx="1169">
                  <c:v>108.39626700000001</c:v>
                </c:pt>
                <c:pt idx="1170">
                  <c:v>108.35896700000001</c:v>
                </c:pt>
                <c:pt idx="1171">
                  <c:v>108.347752</c:v>
                </c:pt>
                <c:pt idx="1172">
                  <c:v>108.349197</c:v>
                </c:pt>
                <c:pt idx="1173">
                  <c:v>108.27055300000001</c:v>
                </c:pt>
                <c:pt idx="1174">
                  <c:v>108.27216300000001</c:v>
                </c:pt>
                <c:pt idx="1175">
                  <c:v>108.378311</c:v>
                </c:pt>
                <c:pt idx="1176">
                  <c:v>108.37858200000001</c:v>
                </c:pt>
                <c:pt idx="1177">
                  <c:v>108.39640200000001</c:v>
                </c:pt>
                <c:pt idx="1178">
                  <c:v>108.448621</c:v>
                </c:pt>
                <c:pt idx="1179">
                  <c:v>108.35072100000001</c:v>
                </c:pt>
                <c:pt idx="1180">
                  <c:v>108.246099</c:v>
                </c:pt>
                <c:pt idx="1181">
                  <c:v>108.25581200000001</c:v>
                </c:pt>
                <c:pt idx="1182">
                  <c:v>108.29050000000001</c:v>
                </c:pt>
                <c:pt idx="1183">
                  <c:v>108.356819</c:v>
                </c:pt>
                <c:pt idx="1184">
                  <c:v>108.36019400000001</c:v>
                </c:pt>
                <c:pt idx="1185">
                  <c:v>108.33927</c:v>
                </c:pt>
                <c:pt idx="1186">
                  <c:v>108.29660700000001</c:v>
                </c:pt>
                <c:pt idx="1187">
                  <c:v>108.24654</c:v>
                </c:pt>
                <c:pt idx="1188">
                  <c:v>108.255286</c:v>
                </c:pt>
                <c:pt idx="1189">
                  <c:v>108.318214</c:v>
                </c:pt>
                <c:pt idx="1190">
                  <c:v>108.29197000000001</c:v>
                </c:pt>
                <c:pt idx="1191">
                  <c:v>108.279043</c:v>
                </c:pt>
                <c:pt idx="1192">
                  <c:v>108.261292</c:v>
                </c:pt>
                <c:pt idx="1193">
                  <c:v>108.23147300000001</c:v>
                </c:pt>
                <c:pt idx="1194">
                  <c:v>108.209441</c:v>
                </c:pt>
                <c:pt idx="1195">
                  <c:v>108.157163</c:v>
                </c:pt>
                <c:pt idx="1196">
                  <c:v>108.13850100000001</c:v>
                </c:pt>
                <c:pt idx="1197">
                  <c:v>108.19183100000001</c:v>
                </c:pt>
                <c:pt idx="1198">
                  <c:v>108.248479</c:v>
                </c:pt>
                <c:pt idx="1199">
                  <c:v>108.240469</c:v>
                </c:pt>
                <c:pt idx="1200">
                  <c:v>108.24249400000001</c:v>
                </c:pt>
                <c:pt idx="1201">
                  <c:v>108.247758</c:v>
                </c:pt>
                <c:pt idx="1202">
                  <c:v>108.238992</c:v>
                </c:pt>
                <c:pt idx="1203">
                  <c:v>108.18706300000001</c:v>
                </c:pt>
                <c:pt idx="1204">
                  <c:v>108.199338</c:v>
                </c:pt>
                <c:pt idx="1205">
                  <c:v>108.29186300000001</c:v>
                </c:pt>
                <c:pt idx="1206">
                  <c:v>108.363585</c:v>
                </c:pt>
                <c:pt idx="1207">
                  <c:v>108.285258</c:v>
                </c:pt>
                <c:pt idx="1208">
                  <c:v>108.215329</c:v>
                </c:pt>
                <c:pt idx="1209">
                  <c:v>108.22472500000001</c:v>
                </c:pt>
                <c:pt idx="1210">
                  <c:v>108.270071</c:v>
                </c:pt>
                <c:pt idx="1211">
                  <c:v>108.314021</c:v>
                </c:pt>
                <c:pt idx="1212">
                  <c:v>108.26326400000001</c:v>
                </c:pt>
                <c:pt idx="1213">
                  <c:v>108.243742</c:v>
                </c:pt>
                <c:pt idx="1214">
                  <c:v>108.22877800000001</c:v>
                </c:pt>
                <c:pt idx="1215">
                  <c:v>108.234196</c:v>
                </c:pt>
                <c:pt idx="1216">
                  <c:v>108.288512</c:v>
                </c:pt>
                <c:pt idx="1217">
                  <c:v>108.308854</c:v>
                </c:pt>
                <c:pt idx="1218">
                  <c:v>108.321201</c:v>
                </c:pt>
                <c:pt idx="1219">
                  <c:v>108.293955</c:v>
                </c:pt>
                <c:pt idx="1220">
                  <c:v>108.17746700000001</c:v>
                </c:pt>
                <c:pt idx="1221">
                  <c:v>108.150266</c:v>
                </c:pt>
                <c:pt idx="1222">
                  <c:v>108.226139</c:v>
                </c:pt>
                <c:pt idx="1223">
                  <c:v>108.220291</c:v>
                </c:pt>
                <c:pt idx="1224">
                  <c:v>108.150454</c:v>
                </c:pt>
                <c:pt idx="1225">
                  <c:v>108.157713</c:v>
                </c:pt>
                <c:pt idx="1226">
                  <c:v>108.192082</c:v>
                </c:pt>
                <c:pt idx="1227">
                  <c:v>108.199448</c:v>
                </c:pt>
                <c:pt idx="1228">
                  <c:v>108.20813100000001</c:v>
                </c:pt>
                <c:pt idx="1229">
                  <c:v>108.261844</c:v>
                </c:pt>
                <c:pt idx="1230">
                  <c:v>108.242728</c:v>
                </c:pt>
                <c:pt idx="1231">
                  <c:v>108.239424</c:v>
                </c:pt>
                <c:pt idx="1232">
                  <c:v>108.19616600000001</c:v>
                </c:pt>
                <c:pt idx="1233">
                  <c:v>108.22159000000001</c:v>
                </c:pt>
                <c:pt idx="1234">
                  <c:v>108.29239800000001</c:v>
                </c:pt>
                <c:pt idx="1235">
                  <c:v>108.18721500000001</c:v>
                </c:pt>
                <c:pt idx="1236">
                  <c:v>108.12114200000001</c:v>
                </c:pt>
                <c:pt idx="1237">
                  <c:v>108.121572</c:v>
                </c:pt>
                <c:pt idx="1238">
                  <c:v>108.11733600000001</c:v>
                </c:pt>
                <c:pt idx="1239">
                  <c:v>108.08881100000001</c:v>
                </c:pt>
                <c:pt idx="1240">
                  <c:v>108.098662</c:v>
                </c:pt>
                <c:pt idx="1241">
                  <c:v>108.111028</c:v>
                </c:pt>
                <c:pt idx="1242">
                  <c:v>108.09946000000001</c:v>
                </c:pt>
                <c:pt idx="1243">
                  <c:v>108.092516</c:v>
                </c:pt>
                <c:pt idx="1244">
                  <c:v>108.145262</c:v>
                </c:pt>
                <c:pt idx="1245">
                  <c:v>108.174541</c:v>
                </c:pt>
                <c:pt idx="1246">
                  <c:v>108.143474</c:v>
                </c:pt>
                <c:pt idx="1247">
                  <c:v>108.191372</c:v>
                </c:pt>
                <c:pt idx="1248">
                  <c:v>108.227046</c:v>
                </c:pt>
                <c:pt idx="1249">
                  <c:v>108.17986500000001</c:v>
                </c:pt>
                <c:pt idx="1250">
                  <c:v>108.161863</c:v>
                </c:pt>
                <c:pt idx="1251">
                  <c:v>108.219218</c:v>
                </c:pt>
                <c:pt idx="1252">
                  <c:v>108.17161800000001</c:v>
                </c:pt>
                <c:pt idx="1253">
                  <c:v>108.11853000000001</c:v>
                </c:pt>
                <c:pt idx="1254">
                  <c:v>108.18106</c:v>
                </c:pt>
                <c:pt idx="1255">
                  <c:v>108.248147</c:v>
                </c:pt>
                <c:pt idx="1256">
                  <c:v>108.23147800000001</c:v>
                </c:pt>
                <c:pt idx="1257">
                  <c:v>108.18535300000001</c:v>
                </c:pt>
                <c:pt idx="1258">
                  <c:v>108.12721000000001</c:v>
                </c:pt>
                <c:pt idx="1259">
                  <c:v>108.125356</c:v>
                </c:pt>
                <c:pt idx="1260">
                  <c:v>108.147333</c:v>
                </c:pt>
                <c:pt idx="1261">
                  <c:v>108.18253200000001</c:v>
                </c:pt>
                <c:pt idx="1262">
                  <c:v>108.167573</c:v>
                </c:pt>
                <c:pt idx="1263">
                  <c:v>108.091858</c:v>
                </c:pt>
                <c:pt idx="1264">
                  <c:v>108.10275200000001</c:v>
                </c:pt>
                <c:pt idx="1265">
                  <c:v>108.162806</c:v>
                </c:pt>
                <c:pt idx="1266">
                  <c:v>108.133606</c:v>
                </c:pt>
                <c:pt idx="1267">
                  <c:v>108.11682</c:v>
                </c:pt>
                <c:pt idx="1268">
                  <c:v>108.085312</c:v>
                </c:pt>
                <c:pt idx="1269">
                  <c:v>108.07481900000001</c:v>
                </c:pt>
                <c:pt idx="1270">
                  <c:v>108.068129</c:v>
                </c:pt>
                <c:pt idx="1271">
                  <c:v>108.088595</c:v>
                </c:pt>
                <c:pt idx="1272">
                  <c:v>108.09199700000001</c:v>
                </c:pt>
                <c:pt idx="1273">
                  <c:v>108.056775</c:v>
                </c:pt>
                <c:pt idx="1274">
                  <c:v>108.075788</c:v>
                </c:pt>
                <c:pt idx="1275">
                  <c:v>108.08501700000001</c:v>
                </c:pt>
                <c:pt idx="1276">
                  <c:v>108.067397</c:v>
                </c:pt>
                <c:pt idx="1277">
                  <c:v>108.077105</c:v>
                </c:pt>
                <c:pt idx="1278">
                  <c:v>108.00923900000001</c:v>
                </c:pt>
                <c:pt idx="1279">
                  <c:v>108.032146</c:v>
                </c:pt>
                <c:pt idx="1280">
                  <c:v>108.16972700000001</c:v>
                </c:pt>
                <c:pt idx="1281">
                  <c:v>108.16303600000001</c:v>
                </c:pt>
                <c:pt idx="1282">
                  <c:v>108.071881</c:v>
                </c:pt>
                <c:pt idx="1283">
                  <c:v>108.080127</c:v>
                </c:pt>
                <c:pt idx="1284">
                  <c:v>108.14172500000001</c:v>
                </c:pt>
                <c:pt idx="1285">
                  <c:v>108.117735</c:v>
                </c:pt>
                <c:pt idx="1286">
                  <c:v>108.051672</c:v>
                </c:pt>
                <c:pt idx="1287">
                  <c:v>108.045562</c:v>
                </c:pt>
                <c:pt idx="1288">
                  <c:v>108.109497</c:v>
                </c:pt>
                <c:pt idx="1289">
                  <c:v>108.108231</c:v>
                </c:pt>
                <c:pt idx="1290">
                  <c:v>108.04888200000001</c:v>
                </c:pt>
                <c:pt idx="1291">
                  <c:v>108.062303</c:v>
                </c:pt>
                <c:pt idx="1292">
                  <c:v>108.10188000000001</c:v>
                </c:pt>
                <c:pt idx="1293">
                  <c:v>108.10589</c:v>
                </c:pt>
                <c:pt idx="1294">
                  <c:v>108.079561</c:v>
                </c:pt>
                <c:pt idx="1295">
                  <c:v>108.039208</c:v>
                </c:pt>
                <c:pt idx="1296">
                  <c:v>108.029788</c:v>
                </c:pt>
                <c:pt idx="1297">
                  <c:v>108.043065</c:v>
                </c:pt>
                <c:pt idx="1298">
                  <c:v>108.054495</c:v>
                </c:pt>
                <c:pt idx="1299">
                  <c:v>108.077096</c:v>
                </c:pt>
                <c:pt idx="1300">
                  <c:v>108.067285</c:v>
                </c:pt>
                <c:pt idx="1301">
                  <c:v>108.058476</c:v>
                </c:pt>
                <c:pt idx="1302">
                  <c:v>108.09294800000001</c:v>
                </c:pt>
                <c:pt idx="1303">
                  <c:v>108.14158</c:v>
                </c:pt>
                <c:pt idx="1304">
                  <c:v>108.13992500000001</c:v>
                </c:pt>
                <c:pt idx="1305">
                  <c:v>108.10355800000001</c:v>
                </c:pt>
                <c:pt idx="1306">
                  <c:v>108.08024500000001</c:v>
                </c:pt>
                <c:pt idx="1307">
                  <c:v>108.06817700000001</c:v>
                </c:pt>
                <c:pt idx="1308">
                  <c:v>108.11684200000001</c:v>
                </c:pt>
                <c:pt idx="1309">
                  <c:v>108.161081</c:v>
                </c:pt>
                <c:pt idx="1310">
                  <c:v>108.14437000000001</c:v>
                </c:pt>
                <c:pt idx="1311">
                  <c:v>108.053217</c:v>
                </c:pt>
                <c:pt idx="1312">
                  <c:v>108.00182000000001</c:v>
                </c:pt>
                <c:pt idx="1313">
                  <c:v>107.98356200000001</c:v>
                </c:pt>
                <c:pt idx="1314">
                  <c:v>107.99240500000001</c:v>
                </c:pt>
                <c:pt idx="1315">
                  <c:v>108.03838</c:v>
                </c:pt>
                <c:pt idx="1316">
                  <c:v>108.09883500000001</c:v>
                </c:pt>
                <c:pt idx="1317">
                  <c:v>108.062145</c:v>
                </c:pt>
                <c:pt idx="1318">
                  <c:v>108.026439</c:v>
                </c:pt>
                <c:pt idx="1319">
                  <c:v>108.038642</c:v>
                </c:pt>
                <c:pt idx="1320">
                  <c:v>108.03443300000001</c:v>
                </c:pt>
                <c:pt idx="1321">
                  <c:v>108.06297600000001</c:v>
                </c:pt>
                <c:pt idx="1322">
                  <c:v>108.012974</c:v>
                </c:pt>
                <c:pt idx="1323">
                  <c:v>107.98638</c:v>
                </c:pt>
                <c:pt idx="1324">
                  <c:v>107.98354500000001</c:v>
                </c:pt>
                <c:pt idx="1325">
                  <c:v>108.027512</c:v>
                </c:pt>
                <c:pt idx="1326">
                  <c:v>108.032689</c:v>
                </c:pt>
                <c:pt idx="1327">
                  <c:v>107.944564</c:v>
                </c:pt>
                <c:pt idx="1328">
                  <c:v>108.01746</c:v>
                </c:pt>
                <c:pt idx="1329">
                  <c:v>108.065381</c:v>
                </c:pt>
                <c:pt idx="1330">
                  <c:v>108.006264</c:v>
                </c:pt>
                <c:pt idx="1331">
                  <c:v>107.84855</c:v>
                </c:pt>
                <c:pt idx="1332">
                  <c:v>107.729264</c:v>
                </c:pt>
                <c:pt idx="1333">
                  <c:v>107.946714</c:v>
                </c:pt>
                <c:pt idx="1334">
                  <c:v>107.992802</c:v>
                </c:pt>
                <c:pt idx="1335">
                  <c:v>107.94295700000001</c:v>
                </c:pt>
                <c:pt idx="1336">
                  <c:v>107.97210200000001</c:v>
                </c:pt>
                <c:pt idx="1337">
                  <c:v>108.10450900000001</c:v>
                </c:pt>
                <c:pt idx="1338">
                  <c:v>108.155305</c:v>
                </c:pt>
                <c:pt idx="1339">
                  <c:v>108.18268500000001</c:v>
                </c:pt>
                <c:pt idx="1340">
                  <c:v>108.12927500000001</c:v>
                </c:pt>
                <c:pt idx="1341">
                  <c:v>108.106855</c:v>
                </c:pt>
                <c:pt idx="1342">
                  <c:v>107.873915</c:v>
                </c:pt>
                <c:pt idx="1343">
                  <c:v>107.81077500000001</c:v>
                </c:pt>
                <c:pt idx="1344">
                  <c:v>107.920288</c:v>
                </c:pt>
                <c:pt idx="1345">
                  <c:v>107.92188800000001</c:v>
                </c:pt>
                <c:pt idx="1346">
                  <c:v>107.87603</c:v>
                </c:pt>
                <c:pt idx="1347">
                  <c:v>107.844241</c:v>
                </c:pt>
                <c:pt idx="1348">
                  <c:v>107.89137700000001</c:v>
                </c:pt>
                <c:pt idx="1349">
                  <c:v>107.903722</c:v>
                </c:pt>
                <c:pt idx="1350">
                  <c:v>107.911867</c:v>
                </c:pt>
                <c:pt idx="1351">
                  <c:v>107.95606500000001</c:v>
                </c:pt>
                <c:pt idx="1352">
                  <c:v>107.91042400000001</c:v>
                </c:pt>
                <c:pt idx="1353">
                  <c:v>107.856792</c:v>
                </c:pt>
                <c:pt idx="1354">
                  <c:v>107.927059</c:v>
                </c:pt>
                <c:pt idx="1355">
                  <c:v>107.931331</c:v>
                </c:pt>
                <c:pt idx="1356">
                  <c:v>107.804064</c:v>
                </c:pt>
                <c:pt idx="1357">
                  <c:v>107.74222</c:v>
                </c:pt>
                <c:pt idx="1358">
                  <c:v>107.587665</c:v>
                </c:pt>
                <c:pt idx="1359">
                  <c:v>107.68613400000001</c:v>
                </c:pt>
                <c:pt idx="1360">
                  <c:v>107.958686</c:v>
                </c:pt>
                <c:pt idx="1361">
                  <c:v>108.04597700000001</c:v>
                </c:pt>
                <c:pt idx="1362">
                  <c:v>107.96245</c:v>
                </c:pt>
                <c:pt idx="1363">
                  <c:v>107.92756200000001</c:v>
                </c:pt>
                <c:pt idx="1364">
                  <c:v>107.840986</c:v>
                </c:pt>
                <c:pt idx="1365">
                  <c:v>107.885694</c:v>
                </c:pt>
                <c:pt idx="1366">
                  <c:v>107.78548500000001</c:v>
                </c:pt>
                <c:pt idx="1367">
                  <c:v>107.80565800000001</c:v>
                </c:pt>
                <c:pt idx="1368">
                  <c:v>107.888552</c:v>
                </c:pt>
                <c:pt idx="1369">
                  <c:v>107.908005</c:v>
                </c:pt>
                <c:pt idx="1370">
                  <c:v>107.896569</c:v>
                </c:pt>
                <c:pt idx="1371">
                  <c:v>107.87852000000001</c:v>
                </c:pt>
                <c:pt idx="1372">
                  <c:v>107.86811400000001</c:v>
                </c:pt>
                <c:pt idx="1373">
                  <c:v>107.789444</c:v>
                </c:pt>
                <c:pt idx="1374">
                  <c:v>107.562922</c:v>
                </c:pt>
                <c:pt idx="1375">
                  <c:v>107.61679600000001</c:v>
                </c:pt>
                <c:pt idx="1376">
                  <c:v>107.69314</c:v>
                </c:pt>
                <c:pt idx="1377">
                  <c:v>107.734078</c:v>
                </c:pt>
                <c:pt idx="1378">
                  <c:v>107.790899</c:v>
                </c:pt>
                <c:pt idx="1379">
                  <c:v>107.856314</c:v>
                </c:pt>
                <c:pt idx="1380">
                  <c:v>107.912604</c:v>
                </c:pt>
                <c:pt idx="1381">
                  <c:v>107.955522</c:v>
                </c:pt>
                <c:pt idx="1382">
                  <c:v>107.986948</c:v>
                </c:pt>
                <c:pt idx="1383">
                  <c:v>107.97839400000001</c:v>
                </c:pt>
                <c:pt idx="1384">
                  <c:v>107.87897700000001</c:v>
                </c:pt>
                <c:pt idx="1385">
                  <c:v>107.76429300000001</c:v>
                </c:pt>
                <c:pt idx="1386">
                  <c:v>107.820553</c:v>
                </c:pt>
                <c:pt idx="1387">
                  <c:v>107.730222</c:v>
                </c:pt>
                <c:pt idx="1388">
                  <c:v>107.579072</c:v>
                </c:pt>
                <c:pt idx="1389">
                  <c:v>107.86013200000001</c:v>
                </c:pt>
                <c:pt idx="1390">
                  <c:v>107.85972600000001</c:v>
                </c:pt>
                <c:pt idx="1391">
                  <c:v>107.847128</c:v>
                </c:pt>
                <c:pt idx="1392">
                  <c:v>107.908332</c:v>
                </c:pt>
                <c:pt idx="1393">
                  <c:v>107.947112</c:v>
                </c:pt>
                <c:pt idx="1394">
                  <c:v>107.909593</c:v>
                </c:pt>
                <c:pt idx="1395">
                  <c:v>107.845298</c:v>
                </c:pt>
                <c:pt idx="1396">
                  <c:v>107.822423</c:v>
                </c:pt>
                <c:pt idx="1397">
                  <c:v>107.908102</c:v>
                </c:pt>
                <c:pt idx="1398">
                  <c:v>108.00909800000001</c:v>
                </c:pt>
                <c:pt idx="1399">
                  <c:v>108.149029</c:v>
                </c:pt>
                <c:pt idx="1400">
                  <c:v>108.203272</c:v>
                </c:pt>
                <c:pt idx="1401">
                  <c:v>108.11649200000001</c:v>
                </c:pt>
                <c:pt idx="1402">
                  <c:v>107.973049</c:v>
                </c:pt>
                <c:pt idx="1403">
                  <c:v>108.04088800000001</c:v>
                </c:pt>
                <c:pt idx="1404">
                  <c:v>108.05622700000001</c:v>
                </c:pt>
                <c:pt idx="1405">
                  <c:v>108.101344</c:v>
                </c:pt>
                <c:pt idx="1406">
                  <c:v>108.020664</c:v>
                </c:pt>
                <c:pt idx="1407">
                  <c:v>107.906476</c:v>
                </c:pt>
                <c:pt idx="1408">
                  <c:v>107.943484</c:v>
                </c:pt>
                <c:pt idx="1409">
                  <c:v>108.034113</c:v>
                </c:pt>
                <c:pt idx="1410">
                  <c:v>108.10570200000001</c:v>
                </c:pt>
                <c:pt idx="1411">
                  <c:v>108.08859</c:v>
                </c:pt>
                <c:pt idx="1412">
                  <c:v>107.987977</c:v>
                </c:pt>
                <c:pt idx="1413">
                  <c:v>107.94149400000001</c:v>
                </c:pt>
                <c:pt idx="1414">
                  <c:v>107.883353</c:v>
                </c:pt>
                <c:pt idx="1415">
                  <c:v>107.900285</c:v>
                </c:pt>
                <c:pt idx="1416">
                  <c:v>107.888514</c:v>
                </c:pt>
                <c:pt idx="1417">
                  <c:v>107.717387</c:v>
                </c:pt>
                <c:pt idx="1418">
                  <c:v>107.60207100000001</c:v>
                </c:pt>
                <c:pt idx="1419">
                  <c:v>107.515872</c:v>
                </c:pt>
                <c:pt idx="1420">
                  <c:v>107.79013</c:v>
                </c:pt>
                <c:pt idx="1421">
                  <c:v>107.91673400000001</c:v>
                </c:pt>
                <c:pt idx="1422">
                  <c:v>107.870974</c:v>
                </c:pt>
                <c:pt idx="1423">
                  <c:v>107.79757000000001</c:v>
                </c:pt>
                <c:pt idx="1424">
                  <c:v>107.936941</c:v>
                </c:pt>
                <c:pt idx="1425">
                  <c:v>108.041</c:v>
                </c:pt>
                <c:pt idx="1426">
                  <c:v>107.774192</c:v>
                </c:pt>
                <c:pt idx="1427">
                  <c:v>107.50845600000001</c:v>
                </c:pt>
                <c:pt idx="1428">
                  <c:v>107.763116</c:v>
                </c:pt>
                <c:pt idx="1429">
                  <c:v>108.02613100000001</c:v>
                </c:pt>
                <c:pt idx="1430">
                  <c:v>108.01636500000001</c:v>
                </c:pt>
                <c:pt idx="1431">
                  <c:v>107.98359600000001</c:v>
                </c:pt>
                <c:pt idx="1432">
                  <c:v>108.05385</c:v>
                </c:pt>
                <c:pt idx="1433">
                  <c:v>108.12062400000001</c:v>
                </c:pt>
                <c:pt idx="1434">
                  <c:v>108.070887</c:v>
                </c:pt>
                <c:pt idx="1435">
                  <c:v>108.08931700000001</c:v>
                </c:pt>
                <c:pt idx="1436">
                  <c:v>108.05956</c:v>
                </c:pt>
                <c:pt idx="1437">
                  <c:v>107.933896</c:v>
                </c:pt>
                <c:pt idx="1438">
                  <c:v>107.92465</c:v>
                </c:pt>
                <c:pt idx="1439">
                  <c:v>107.963019</c:v>
                </c:pt>
                <c:pt idx="1440">
                  <c:v>107.991006</c:v>
                </c:pt>
                <c:pt idx="1441">
                  <c:v>108.004346</c:v>
                </c:pt>
                <c:pt idx="1442">
                  <c:v>107.908714</c:v>
                </c:pt>
                <c:pt idx="1443">
                  <c:v>107.940848</c:v>
                </c:pt>
                <c:pt idx="1444">
                  <c:v>107.974996</c:v>
                </c:pt>
                <c:pt idx="1445">
                  <c:v>107.949048</c:v>
                </c:pt>
                <c:pt idx="1446">
                  <c:v>107.92266600000001</c:v>
                </c:pt>
                <c:pt idx="1447">
                  <c:v>107.91350800000001</c:v>
                </c:pt>
                <c:pt idx="1448">
                  <c:v>107.94199400000001</c:v>
                </c:pt>
                <c:pt idx="1449">
                  <c:v>107.983546</c:v>
                </c:pt>
                <c:pt idx="1450">
                  <c:v>107.90312400000001</c:v>
                </c:pt>
                <c:pt idx="1451">
                  <c:v>107.91491600000001</c:v>
                </c:pt>
                <c:pt idx="1452">
                  <c:v>107.92562600000001</c:v>
                </c:pt>
                <c:pt idx="1453">
                  <c:v>107.704888</c:v>
                </c:pt>
                <c:pt idx="1454">
                  <c:v>107.82916300000001</c:v>
                </c:pt>
                <c:pt idx="1455">
                  <c:v>107.86204600000001</c:v>
                </c:pt>
                <c:pt idx="1456">
                  <c:v>107.72750500000001</c:v>
                </c:pt>
                <c:pt idx="1457">
                  <c:v>107.814891</c:v>
                </c:pt>
                <c:pt idx="1458">
                  <c:v>107.88436400000001</c:v>
                </c:pt>
                <c:pt idx="1459">
                  <c:v>107.931557</c:v>
                </c:pt>
                <c:pt idx="1460">
                  <c:v>107.94974400000001</c:v>
                </c:pt>
                <c:pt idx="1461">
                  <c:v>108.05832000000001</c:v>
                </c:pt>
                <c:pt idx="1462">
                  <c:v>108.073457</c:v>
                </c:pt>
                <c:pt idx="1463">
                  <c:v>107.63366500000001</c:v>
                </c:pt>
                <c:pt idx="1464">
                  <c:v>107.59561100000001</c:v>
                </c:pt>
                <c:pt idx="1465">
                  <c:v>107.80507300000001</c:v>
                </c:pt>
                <c:pt idx="1466">
                  <c:v>107.87486700000001</c:v>
                </c:pt>
                <c:pt idx="1467">
                  <c:v>107.921009</c:v>
                </c:pt>
                <c:pt idx="1468">
                  <c:v>107.884145</c:v>
                </c:pt>
                <c:pt idx="1469">
                  <c:v>107.84806900000001</c:v>
                </c:pt>
                <c:pt idx="1470">
                  <c:v>107.913235</c:v>
                </c:pt>
                <c:pt idx="1471">
                  <c:v>107.802682</c:v>
                </c:pt>
                <c:pt idx="1472">
                  <c:v>107.55015400000001</c:v>
                </c:pt>
                <c:pt idx="1473">
                  <c:v>107.664123</c:v>
                </c:pt>
                <c:pt idx="1474">
                  <c:v>107.768289</c:v>
                </c:pt>
                <c:pt idx="1475">
                  <c:v>107.668824</c:v>
                </c:pt>
                <c:pt idx="1476">
                  <c:v>107.764122</c:v>
                </c:pt>
                <c:pt idx="1477">
                  <c:v>107.828592</c:v>
                </c:pt>
                <c:pt idx="1478">
                  <c:v>107.79410200000001</c:v>
                </c:pt>
                <c:pt idx="1479">
                  <c:v>107.66092500000001</c:v>
                </c:pt>
                <c:pt idx="1480">
                  <c:v>107.417109</c:v>
                </c:pt>
                <c:pt idx="1481">
                  <c:v>107.536137</c:v>
                </c:pt>
                <c:pt idx="1482">
                  <c:v>107.632603</c:v>
                </c:pt>
                <c:pt idx="1483">
                  <c:v>107.76500300000001</c:v>
                </c:pt>
                <c:pt idx="1484">
                  <c:v>107.759</c:v>
                </c:pt>
                <c:pt idx="1485">
                  <c:v>107.64083500000001</c:v>
                </c:pt>
                <c:pt idx="1486">
                  <c:v>107.538723</c:v>
                </c:pt>
                <c:pt idx="1487">
                  <c:v>107.69884</c:v>
                </c:pt>
                <c:pt idx="1488">
                  <c:v>107.623464</c:v>
                </c:pt>
                <c:pt idx="1489">
                  <c:v>107.68321</c:v>
                </c:pt>
                <c:pt idx="1490">
                  <c:v>107.75689</c:v>
                </c:pt>
                <c:pt idx="1491">
                  <c:v>107.722396</c:v>
                </c:pt>
                <c:pt idx="1492">
                  <c:v>107.80816300000001</c:v>
                </c:pt>
                <c:pt idx="1493">
                  <c:v>107.784852</c:v>
                </c:pt>
                <c:pt idx="1494">
                  <c:v>107.74688</c:v>
                </c:pt>
                <c:pt idx="1495">
                  <c:v>107.82657400000001</c:v>
                </c:pt>
                <c:pt idx="1496">
                  <c:v>107.729927</c:v>
                </c:pt>
                <c:pt idx="1497">
                  <c:v>107.69753800000001</c:v>
                </c:pt>
                <c:pt idx="1498">
                  <c:v>107.754001</c:v>
                </c:pt>
                <c:pt idx="1499">
                  <c:v>107.63817300000001</c:v>
                </c:pt>
                <c:pt idx="1500">
                  <c:v>107.69637400000001</c:v>
                </c:pt>
                <c:pt idx="1501">
                  <c:v>107.776698</c:v>
                </c:pt>
                <c:pt idx="1502">
                  <c:v>107.757368</c:v>
                </c:pt>
                <c:pt idx="1503">
                  <c:v>107.74478400000001</c:v>
                </c:pt>
                <c:pt idx="1504">
                  <c:v>107.68145700000001</c:v>
                </c:pt>
                <c:pt idx="1505">
                  <c:v>107.62917300000001</c:v>
                </c:pt>
                <c:pt idx="1506">
                  <c:v>107.58818600000001</c:v>
                </c:pt>
                <c:pt idx="1507">
                  <c:v>107.558003</c:v>
                </c:pt>
                <c:pt idx="1508">
                  <c:v>107.581953</c:v>
                </c:pt>
                <c:pt idx="1509">
                  <c:v>107.661925</c:v>
                </c:pt>
                <c:pt idx="1510">
                  <c:v>107.638479</c:v>
                </c:pt>
                <c:pt idx="1511">
                  <c:v>107.619969</c:v>
                </c:pt>
                <c:pt idx="1512">
                  <c:v>107.607506</c:v>
                </c:pt>
                <c:pt idx="1513">
                  <c:v>107.539794</c:v>
                </c:pt>
                <c:pt idx="1514">
                  <c:v>107.57756000000001</c:v>
                </c:pt>
                <c:pt idx="1515">
                  <c:v>107.624511</c:v>
                </c:pt>
                <c:pt idx="1516">
                  <c:v>107.59716300000001</c:v>
                </c:pt>
                <c:pt idx="1517">
                  <c:v>107.552997</c:v>
                </c:pt>
                <c:pt idx="1518">
                  <c:v>107.573137</c:v>
                </c:pt>
                <c:pt idx="1519">
                  <c:v>107.55295700000001</c:v>
                </c:pt>
                <c:pt idx="1520">
                  <c:v>107.596923</c:v>
                </c:pt>
                <c:pt idx="1521">
                  <c:v>107.632789</c:v>
                </c:pt>
                <c:pt idx="1522">
                  <c:v>107.658018</c:v>
                </c:pt>
                <c:pt idx="1523">
                  <c:v>107.658137</c:v>
                </c:pt>
                <c:pt idx="1524">
                  <c:v>107.67437600000001</c:v>
                </c:pt>
                <c:pt idx="1525">
                  <c:v>107.65826</c:v>
                </c:pt>
                <c:pt idx="1526">
                  <c:v>107.63799400000001</c:v>
                </c:pt>
                <c:pt idx="1527">
                  <c:v>107.64625100000001</c:v>
                </c:pt>
                <c:pt idx="1528">
                  <c:v>107.660532</c:v>
                </c:pt>
                <c:pt idx="1529">
                  <c:v>107.592303</c:v>
                </c:pt>
                <c:pt idx="1530">
                  <c:v>107.628961</c:v>
                </c:pt>
                <c:pt idx="1531">
                  <c:v>107.612022</c:v>
                </c:pt>
                <c:pt idx="1532">
                  <c:v>107.568012</c:v>
                </c:pt>
                <c:pt idx="1533">
                  <c:v>107.583591</c:v>
                </c:pt>
                <c:pt idx="1534">
                  <c:v>107.637142</c:v>
                </c:pt>
                <c:pt idx="1535">
                  <c:v>107.61592900000001</c:v>
                </c:pt>
                <c:pt idx="1536">
                  <c:v>107.565984</c:v>
                </c:pt>
                <c:pt idx="1537">
                  <c:v>107.575739</c:v>
                </c:pt>
                <c:pt idx="1538">
                  <c:v>107.57019700000001</c:v>
                </c:pt>
                <c:pt idx="1539">
                  <c:v>107.535741</c:v>
                </c:pt>
                <c:pt idx="1540">
                  <c:v>107.481432</c:v>
                </c:pt>
                <c:pt idx="1541">
                  <c:v>107.481087</c:v>
                </c:pt>
                <c:pt idx="1542">
                  <c:v>107.48818900000001</c:v>
                </c:pt>
                <c:pt idx="1543">
                  <c:v>107.49234300000001</c:v>
                </c:pt>
                <c:pt idx="1544">
                  <c:v>107.457769</c:v>
                </c:pt>
                <c:pt idx="1545">
                  <c:v>107.453388</c:v>
                </c:pt>
                <c:pt idx="1546">
                  <c:v>107.470117</c:v>
                </c:pt>
                <c:pt idx="1547">
                  <c:v>107.48343200000001</c:v>
                </c:pt>
                <c:pt idx="1548">
                  <c:v>107.491124</c:v>
                </c:pt>
                <c:pt idx="1549">
                  <c:v>107.42863200000001</c:v>
                </c:pt>
                <c:pt idx="1550">
                  <c:v>107.431709</c:v>
                </c:pt>
                <c:pt idx="1551">
                  <c:v>107.47770200000001</c:v>
                </c:pt>
                <c:pt idx="1552">
                  <c:v>107.467741</c:v>
                </c:pt>
                <c:pt idx="1553">
                  <c:v>107.456242</c:v>
                </c:pt>
                <c:pt idx="1554">
                  <c:v>107.470405</c:v>
                </c:pt>
                <c:pt idx="1555">
                  <c:v>107.477496</c:v>
                </c:pt>
                <c:pt idx="1556">
                  <c:v>107.41937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4D1E-498B-A6C1-B654C2EDF5C7}"/>
            </c:ext>
          </c:extLst>
        </c:ser>
        <c:ser>
          <c:idx val="2"/>
          <c:order val="2"/>
          <c:tx>
            <c:strRef>
              <c:f>'Fig 2 a'!$G$10</c:f>
              <c:strCache>
                <c:ptCount val="1"/>
                <c:pt idx="0">
                  <c:v>S-P-1.7</c:v>
                </c:pt>
              </c:strCache>
            </c:strRef>
          </c:tx>
          <c:spPr>
            <a:ln w="28575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Fig 2 a'!$F$11:$F$1567</c:f>
              <c:numCache>
                <c:formatCode>General</c:formatCode>
                <c:ptCount val="1557"/>
                <c:pt idx="0">
                  <c:v>999.12668799999994</c:v>
                </c:pt>
                <c:pt idx="1">
                  <c:v>1001.055504</c:v>
                </c:pt>
                <c:pt idx="2">
                  <c:v>1002.98432</c:v>
                </c:pt>
                <c:pt idx="3">
                  <c:v>1004.913136</c:v>
                </c:pt>
                <c:pt idx="4">
                  <c:v>1006.841952</c:v>
                </c:pt>
                <c:pt idx="5">
                  <c:v>1008.770768</c:v>
                </c:pt>
                <c:pt idx="6">
                  <c:v>1010.699584</c:v>
                </c:pt>
                <c:pt idx="7">
                  <c:v>1012.6284000000001</c:v>
                </c:pt>
                <c:pt idx="8">
                  <c:v>1014.557216</c:v>
                </c:pt>
                <c:pt idx="9">
                  <c:v>1016.486032</c:v>
                </c:pt>
                <c:pt idx="10">
                  <c:v>1018.414848</c:v>
                </c:pt>
                <c:pt idx="11">
                  <c:v>1020.343664</c:v>
                </c:pt>
                <c:pt idx="12">
                  <c:v>1022.27248</c:v>
                </c:pt>
                <c:pt idx="13">
                  <c:v>1024.201296</c:v>
                </c:pt>
                <c:pt idx="14">
                  <c:v>1026.1301120000001</c:v>
                </c:pt>
                <c:pt idx="15">
                  <c:v>1028.0589279999999</c:v>
                </c:pt>
                <c:pt idx="16">
                  <c:v>1029.987744</c:v>
                </c:pt>
                <c:pt idx="17">
                  <c:v>1031.9165599999999</c:v>
                </c:pt>
                <c:pt idx="18">
                  <c:v>1033.845376</c:v>
                </c:pt>
                <c:pt idx="19">
                  <c:v>1035.7741920000001</c:v>
                </c:pt>
                <c:pt idx="20">
                  <c:v>1037.703008</c:v>
                </c:pt>
                <c:pt idx="21">
                  <c:v>1039.6318240000001</c:v>
                </c:pt>
                <c:pt idx="22">
                  <c:v>1041.5606399999999</c:v>
                </c:pt>
                <c:pt idx="23">
                  <c:v>1043.489456</c:v>
                </c:pt>
                <c:pt idx="24">
                  <c:v>1045.4182719999999</c:v>
                </c:pt>
                <c:pt idx="25">
                  <c:v>1047.347088</c:v>
                </c:pt>
                <c:pt idx="26">
                  <c:v>1049.2759040000001</c:v>
                </c:pt>
                <c:pt idx="27">
                  <c:v>1051.20472</c:v>
                </c:pt>
                <c:pt idx="28">
                  <c:v>1053.133536</c:v>
                </c:pt>
                <c:pt idx="29">
                  <c:v>1055.0623519999999</c:v>
                </c:pt>
                <c:pt idx="30">
                  <c:v>1056.991168</c:v>
                </c:pt>
                <c:pt idx="31">
                  <c:v>1058.9199840000001</c:v>
                </c:pt>
                <c:pt idx="32">
                  <c:v>1060.8488</c:v>
                </c:pt>
                <c:pt idx="33">
                  <c:v>1062.7776160000001</c:v>
                </c:pt>
                <c:pt idx="34">
                  <c:v>1064.7064319999999</c:v>
                </c:pt>
                <c:pt idx="35">
                  <c:v>1066.635248</c:v>
                </c:pt>
                <c:pt idx="36">
                  <c:v>1068.5640639999999</c:v>
                </c:pt>
                <c:pt idx="37">
                  <c:v>1070.49288</c:v>
                </c:pt>
                <c:pt idx="38">
                  <c:v>1072.4216960000001</c:v>
                </c:pt>
                <c:pt idx="39">
                  <c:v>1074.350512</c:v>
                </c:pt>
                <c:pt idx="40">
                  <c:v>1076.2793280000001</c:v>
                </c:pt>
                <c:pt idx="41">
                  <c:v>1078.2081439999999</c:v>
                </c:pt>
                <c:pt idx="42">
                  <c:v>1080.13696</c:v>
                </c:pt>
                <c:pt idx="43">
                  <c:v>1082.0657759999999</c:v>
                </c:pt>
                <c:pt idx="44">
                  <c:v>1083.994592</c:v>
                </c:pt>
                <c:pt idx="45">
                  <c:v>1085.9234080000001</c:v>
                </c:pt>
                <c:pt idx="46">
                  <c:v>1087.852224</c:v>
                </c:pt>
                <c:pt idx="47">
                  <c:v>1089.7810400000001</c:v>
                </c:pt>
                <c:pt idx="48">
                  <c:v>1091.7098559999999</c:v>
                </c:pt>
                <c:pt idx="49">
                  <c:v>1093.638672</c:v>
                </c:pt>
                <c:pt idx="50">
                  <c:v>1095.5674879999999</c:v>
                </c:pt>
                <c:pt idx="51">
                  <c:v>1097.496304</c:v>
                </c:pt>
                <c:pt idx="52">
                  <c:v>1099.4251200000001</c:v>
                </c:pt>
                <c:pt idx="53">
                  <c:v>1101.353936</c:v>
                </c:pt>
                <c:pt idx="54">
                  <c:v>1103.2827520000001</c:v>
                </c:pt>
                <c:pt idx="55">
                  <c:v>1105.2115679999999</c:v>
                </c:pt>
                <c:pt idx="56">
                  <c:v>1107.140384</c:v>
                </c:pt>
                <c:pt idx="57">
                  <c:v>1109.0691999999999</c:v>
                </c:pt>
                <c:pt idx="58">
                  <c:v>1110.998016</c:v>
                </c:pt>
                <c:pt idx="59">
                  <c:v>1112.9268320000001</c:v>
                </c:pt>
                <c:pt idx="60">
                  <c:v>1114.855648</c:v>
                </c:pt>
                <c:pt idx="61">
                  <c:v>1116.7844640000001</c:v>
                </c:pt>
                <c:pt idx="62">
                  <c:v>1118.7132799999999</c:v>
                </c:pt>
                <c:pt idx="63">
                  <c:v>1120.642096</c:v>
                </c:pt>
                <c:pt idx="64">
                  <c:v>1122.5709119999999</c:v>
                </c:pt>
                <c:pt idx="65">
                  <c:v>1124.499728</c:v>
                </c:pt>
                <c:pt idx="66">
                  <c:v>1126.4285440000001</c:v>
                </c:pt>
                <c:pt idx="67">
                  <c:v>1128.35736</c:v>
                </c:pt>
                <c:pt idx="68">
                  <c:v>1130.2861760000001</c:v>
                </c:pt>
                <c:pt idx="69">
                  <c:v>1132.2149919999999</c:v>
                </c:pt>
                <c:pt idx="70">
                  <c:v>1134.143808</c:v>
                </c:pt>
                <c:pt idx="71">
                  <c:v>1136.0726239999999</c:v>
                </c:pt>
                <c:pt idx="72">
                  <c:v>1138.00144</c:v>
                </c:pt>
                <c:pt idx="73">
                  <c:v>1139.9302560000001</c:v>
                </c:pt>
                <c:pt idx="74">
                  <c:v>1141.859072</c:v>
                </c:pt>
                <c:pt idx="75">
                  <c:v>1143.7878880000001</c:v>
                </c:pt>
                <c:pt idx="76">
                  <c:v>1145.7167039999999</c:v>
                </c:pt>
                <c:pt idx="77">
                  <c:v>1147.64552</c:v>
                </c:pt>
                <c:pt idx="78">
                  <c:v>1149.5743359999999</c:v>
                </c:pt>
                <c:pt idx="79">
                  <c:v>1151.503152</c:v>
                </c:pt>
                <c:pt idx="80">
                  <c:v>1153.4319680000001</c:v>
                </c:pt>
                <c:pt idx="81">
                  <c:v>1155.360784</c:v>
                </c:pt>
                <c:pt idx="82">
                  <c:v>1157.2896000000001</c:v>
                </c:pt>
                <c:pt idx="83">
                  <c:v>1159.2184159999999</c:v>
                </c:pt>
                <c:pt idx="84">
                  <c:v>1161.147232</c:v>
                </c:pt>
                <c:pt idx="85">
                  <c:v>1163.0760479999999</c:v>
                </c:pt>
                <c:pt idx="86">
                  <c:v>1165.004864</c:v>
                </c:pt>
                <c:pt idx="87">
                  <c:v>1166.9336800000001</c:v>
                </c:pt>
                <c:pt idx="88">
                  <c:v>1168.862496</c:v>
                </c:pt>
                <c:pt idx="89">
                  <c:v>1170.7913120000001</c:v>
                </c:pt>
                <c:pt idx="90">
                  <c:v>1172.7201279999999</c:v>
                </c:pt>
                <c:pt idx="91">
                  <c:v>1174.648944</c:v>
                </c:pt>
                <c:pt idx="92">
                  <c:v>1176.5777599999999</c:v>
                </c:pt>
                <c:pt idx="93">
                  <c:v>1178.506576</c:v>
                </c:pt>
                <c:pt idx="94">
                  <c:v>1180.4353920000001</c:v>
                </c:pt>
                <c:pt idx="95">
                  <c:v>1182.364208</c:v>
                </c:pt>
                <c:pt idx="96">
                  <c:v>1184.2930240000001</c:v>
                </c:pt>
                <c:pt idx="97">
                  <c:v>1186.2218399999999</c:v>
                </c:pt>
                <c:pt idx="98">
                  <c:v>1188.150656</c:v>
                </c:pt>
                <c:pt idx="99">
                  <c:v>1190.0794719999999</c:v>
                </c:pt>
                <c:pt idx="100">
                  <c:v>1192.008288</c:v>
                </c:pt>
                <c:pt idx="101">
                  <c:v>1193.9371040000001</c:v>
                </c:pt>
                <c:pt idx="102">
                  <c:v>1195.86592</c:v>
                </c:pt>
                <c:pt idx="103">
                  <c:v>1197.7947360000001</c:v>
                </c:pt>
                <c:pt idx="104">
                  <c:v>1199.7235519999999</c:v>
                </c:pt>
                <c:pt idx="105">
                  <c:v>1201.652368</c:v>
                </c:pt>
                <c:pt idx="106">
                  <c:v>1203.5811839999999</c:v>
                </c:pt>
                <c:pt idx="107">
                  <c:v>1205.51</c:v>
                </c:pt>
                <c:pt idx="108">
                  <c:v>1207.4388160000001</c:v>
                </c:pt>
                <c:pt idx="109">
                  <c:v>1209.367632</c:v>
                </c:pt>
                <c:pt idx="110">
                  <c:v>1211.2964480000001</c:v>
                </c:pt>
                <c:pt idx="111">
                  <c:v>1213.2252639999999</c:v>
                </c:pt>
                <c:pt idx="112">
                  <c:v>1215.15408</c:v>
                </c:pt>
                <c:pt idx="113">
                  <c:v>1217.0828959999999</c:v>
                </c:pt>
                <c:pt idx="114">
                  <c:v>1219.011712</c:v>
                </c:pt>
                <c:pt idx="115">
                  <c:v>1220.9405280000001</c:v>
                </c:pt>
                <c:pt idx="116">
                  <c:v>1222.869344</c:v>
                </c:pt>
                <c:pt idx="117">
                  <c:v>1224.7981600000001</c:v>
                </c:pt>
                <c:pt idx="118">
                  <c:v>1226.7269759999999</c:v>
                </c:pt>
                <c:pt idx="119">
                  <c:v>1228.655792</c:v>
                </c:pt>
                <c:pt idx="120">
                  <c:v>1230.5846079999999</c:v>
                </c:pt>
                <c:pt idx="121">
                  <c:v>1232.513424</c:v>
                </c:pt>
                <c:pt idx="122">
                  <c:v>1234.4422400000001</c:v>
                </c:pt>
                <c:pt idx="123">
                  <c:v>1236.371056</c:v>
                </c:pt>
                <c:pt idx="124">
                  <c:v>1238.2998720000001</c:v>
                </c:pt>
                <c:pt idx="125">
                  <c:v>1240.2286879999999</c:v>
                </c:pt>
                <c:pt idx="126">
                  <c:v>1242.157504</c:v>
                </c:pt>
                <c:pt idx="127">
                  <c:v>1244.0863199999999</c:v>
                </c:pt>
                <c:pt idx="128">
                  <c:v>1246.015136</c:v>
                </c:pt>
                <c:pt idx="129">
                  <c:v>1247.9439520000001</c:v>
                </c:pt>
                <c:pt idx="130">
                  <c:v>1249.872768</c:v>
                </c:pt>
                <c:pt idx="131">
                  <c:v>1251.801584</c:v>
                </c:pt>
                <c:pt idx="132">
                  <c:v>1253.7303999999999</c:v>
                </c:pt>
                <c:pt idx="133">
                  <c:v>1255.659216</c:v>
                </c:pt>
                <c:pt idx="134">
                  <c:v>1257.5880320000001</c:v>
                </c:pt>
                <c:pt idx="135">
                  <c:v>1259.516848</c:v>
                </c:pt>
                <c:pt idx="136">
                  <c:v>1261.4456640000001</c:v>
                </c:pt>
                <c:pt idx="137">
                  <c:v>1263.3744799999999</c:v>
                </c:pt>
                <c:pt idx="138">
                  <c:v>1265.303296</c:v>
                </c:pt>
                <c:pt idx="139">
                  <c:v>1267.2321119999999</c:v>
                </c:pt>
                <c:pt idx="140">
                  <c:v>1269.160928</c:v>
                </c:pt>
                <c:pt idx="141">
                  <c:v>1271.0897440000001</c:v>
                </c:pt>
                <c:pt idx="142">
                  <c:v>1273.01856</c:v>
                </c:pt>
                <c:pt idx="143">
                  <c:v>1274.9473760000001</c:v>
                </c:pt>
                <c:pt idx="144">
                  <c:v>1276.8761919999999</c:v>
                </c:pt>
                <c:pt idx="145">
                  <c:v>1278.805008</c:v>
                </c:pt>
                <c:pt idx="146">
                  <c:v>1280.7338239999999</c:v>
                </c:pt>
                <c:pt idx="147">
                  <c:v>1282.66264</c:v>
                </c:pt>
                <c:pt idx="148">
                  <c:v>1284.5914560000001</c:v>
                </c:pt>
                <c:pt idx="149">
                  <c:v>1286.520272</c:v>
                </c:pt>
                <c:pt idx="150">
                  <c:v>1288.4490880000001</c:v>
                </c:pt>
                <c:pt idx="151">
                  <c:v>1290.3779039999999</c:v>
                </c:pt>
                <c:pt idx="152">
                  <c:v>1292.30672</c:v>
                </c:pt>
                <c:pt idx="153">
                  <c:v>1294.2355359999999</c:v>
                </c:pt>
                <c:pt idx="154">
                  <c:v>1296.164352</c:v>
                </c:pt>
                <c:pt idx="155">
                  <c:v>1298.0931680000001</c:v>
                </c:pt>
                <c:pt idx="156">
                  <c:v>1300.021984</c:v>
                </c:pt>
                <c:pt idx="157">
                  <c:v>1301.9508000000001</c:v>
                </c:pt>
                <c:pt idx="158">
                  <c:v>1303.8796159999999</c:v>
                </c:pt>
                <c:pt idx="159">
                  <c:v>1305.808432</c:v>
                </c:pt>
                <c:pt idx="160">
                  <c:v>1307.7372479999999</c:v>
                </c:pt>
                <c:pt idx="161">
                  <c:v>1309.666064</c:v>
                </c:pt>
                <c:pt idx="162">
                  <c:v>1311.5948800000001</c:v>
                </c:pt>
                <c:pt idx="163">
                  <c:v>1313.523696</c:v>
                </c:pt>
                <c:pt idx="164">
                  <c:v>1315.4525120000001</c:v>
                </c:pt>
                <c:pt idx="165">
                  <c:v>1317.3813279999999</c:v>
                </c:pt>
                <c:pt idx="166">
                  <c:v>1319.310144</c:v>
                </c:pt>
                <c:pt idx="167">
                  <c:v>1321.2389599999999</c:v>
                </c:pt>
                <c:pt idx="168">
                  <c:v>1323.167776</c:v>
                </c:pt>
                <c:pt idx="169">
                  <c:v>1325.0965920000001</c:v>
                </c:pt>
                <c:pt idx="170">
                  <c:v>1327.025408</c:v>
                </c:pt>
                <c:pt idx="171">
                  <c:v>1328.9542240000001</c:v>
                </c:pt>
                <c:pt idx="172">
                  <c:v>1330.8830399999999</c:v>
                </c:pt>
                <c:pt idx="173">
                  <c:v>1332.811856</c:v>
                </c:pt>
                <c:pt idx="174">
                  <c:v>1334.7406719999999</c:v>
                </c:pt>
                <c:pt idx="175">
                  <c:v>1336.669488</c:v>
                </c:pt>
                <c:pt idx="176">
                  <c:v>1338.5983040000001</c:v>
                </c:pt>
                <c:pt idx="177">
                  <c:v>1340.52712</c:v>
                </c:pt>
                <c:pt idx="178">
                  <c:v>1342.4559360000001</c:v>
                </c:pt>
                <c:pt idx="179">
                  <c:v>1344.3847519999999</c:v>
                </c:pt>
                <c:pt idx="180">
                  <c:v>1346.313568</c:v>
                </c:pt>
                <c:pt idx="181">
                  <c:v>1348.2423839999999</c:v>
                </c:pt>
                <c:pt idx="182">
                  <c:v>1350.1712</c:v>
                </c:pt>
                <c:pt idx="183">
                  <c:v>1352.1000160000001</c:v>
                </c:pt>
                <c:pt idx="184">
                  <c:v>1354.028832</c:v>
                </c:pt>
                <c:pt idx="185">
                  <c:v>1355.9576480000001</c:v>
                </c:pt>
                <c:pt idx="186">
                  <c:v>1357.8864639999999</c:v>
                </c:pt>
                <c:pt idx="187">
                  <c:v>1359.81528</c:v>
                </c:pt>
                <c:pt idx="188">
                  <c:v>1361.7440959999999</c:v>
                </c:pt>
                <c:pt idx="189">
                  <c:v>1363.672912</c:v>
                </c:pt>
                <c:pt idx="190">
                  <c:v>1365.6017280000001</c:v>
                </c:pt>
                <c:pt idx="191">
                  <c:v>1367.530544</c:v>
                </c:pt>
                <c:pt idx="192">
                  <c:v>1369.4593600000001</c:v>
                </c:pt>
                <c:pt idx="193">
                  <c:v>1371.3881759999999</c:v>
                </c:pt>
                <c:pt idx="194">
                  <c:v>1373.316992</c:v>
                </c:pt>
                <c:pt idx="195">
                  <c:v>1375.2458079999999</c:v>
                </c:pt>
                <c:pt idx="196">
                  <c:v>1377.174624</c:v>
                </c:pt>
                <c:pt idx="197">
                  <c:v>1379.1034400000001</c:v>
                </c:pt>
                <c:pt idx="198">
                  <c:v>1381.032256</c:v>
                </c:pt>
                <c:pt idx="199">
                  <c:v>1382.9610720000001</c:v>
                </c:pt>
                <c:pt idx="200">
                  <c:v>1384.8898879999999</c:v>
                </c:pt>
                <c:pt idx="201">
                  <c:v>1386.818704</c:v>
                </c:pt>
                <c:pt idx="202">
                  <c:v>1388.7475199999999</c:v>
                </c:pt>
                <c:pt idx="203">
                  <c:v>1390.676336</c:v>
                </c:pt>
                <c:pt idx="204">
                  <c:v>1392.6051520000001</c:v>
                </c:pt>
                <c:pt idx="205">
                  <c:v>1394.533968</c:v>
                </c:pt>
                <c:pt idx="206">
                  <c:v>1396.4627840000001</c:v>
                </c:pt>
                <c:pt idx="207">
                  <c:v>1398.3915999999999</c:v>
                </c:pt>
                <c:pt idx="208">
                  <c:v>1400.320416</c:v>
                </c:pt>
                <c:pt idx="209">
                  <c:v>1402.2492319999999</c:v>
                </c:pt>
                <c:pt idx="210">
                  <c:v>1404.178048</c:v>
                </c:pt>
                <c:pt idx="211">
                  <c:v>1406.1068640000001</c:v>
                </c:pt>
                <c:pt idx="212">
                  <c:v>1408.03568</c:v>
                </c:pt>
                <c:pt idx="213">
                  <c:v>1409.9644960000001</c:v>
                </c:pt>
                <c:pt idx="214">
                  <c:v>1411.8933119999999</c:v>
                </c:pt>
                <c:pt idx="215">
                  <c:v>1413.822128</c:v>
                </c:pt>
                <c:pt idx="216">
                  <c:v>1415.7509439999999</c:v>
                </c:pt>
                <c:pt idx="217">
                  <c:v>1417.67976</c:v>
                </c:pt>
                <c:pt idx="218">
                  <c:v>1419.6085760000001</c:v>
                </c:pt>
                <c:pt idx="219">
                  <c:v>1421.537392</c:v>
                </c:pt>
                <c:pt idx="220">
                  <c:v>1423.4662080000001</c:v>
                </c:pt>
                <c:pt idx="221">
                  <c:v>1425.3950239999999</c:v>
                </c:pt>
                <c:pt idx="222">
                  <c:v>1427.32384</c:v>
                </c:pt>
                <c:pt idx="223">
                  <c:v>1429.2526559999999</c:v>
                </c:pt>
                <c:pt idx="224">
                  <c:v>1431.181472</c:v>
                </c:pt>
                <c:pt idx="225">
                  <c:v>1433.1102880000001</c:v>
                </c:pt>
                <c:pt idx="226">
                  <c:v>1435.039104</c:v>
                </c:pt>
                <c:pt idx="227">
                  <c:v>1436.96792</c:v>
                </c:pt>
                <c:pt idx="228">
                  <c:v>1438.8967359999999</c:v>
                </c:pt>
                <c:pt idx="229">
                  <c:v>1440.825552</c:v>
                </c:pt>
                <c:pt idx="230">
                  <c:v>1442.7543680000001</c:v>
                </c:pt>
                <c:pt idx="231">
                  <c:v>1444.683184</c:v>
                </c:pt>
                <c:pt idx="232">
                  <c:v>1446.6120000000001</c:v>
                </c:pt>
                <c:pt idx="233">
                  <c:v>1448.5408159999999</c:v>
                </c:pt>
                <c:pt idx="234">
                  <c:v>1450.469632</c:v>
                </c:pt>
                <c:pt idx="235">
                  <c:v>1452.3984479999999</c:v>
                </c:pt>
                <c:pt idx="236">
                  <c:v>1454.327264</c:v>
                </c:pt>
                <c:pt idx="237">
                  <c:v>1456.2560800000001</c:v>
                </c:pt>
                <c:pt idx="238">
                  <c:v>1458.184896</c:v>
                </c:pt>
                <c:pt idx="239">
                  <c:v>1460.1137120000001</c:v>
                </c:pt>
                <c:pt idx="240">
                  <c:v>1462.0425279999999</c:v>
                </c:pt>
                <c:pt idx="241">
                  <c:v>1463.971344</c:v>
                </c:pt>
                <c:pt idx="242">
                  <c:v>1465.9001599999999</c:v>
                </c:pt>
                <c:pt idx="243">
                  <c:v>1467.828976</c:v>
                </c:pt>
                <c:pt idx="244">
                  <c:v>1469.7577920000001</c:v>
                </c:pt>
                <c:pt idx="245">
                  <c:v>1471.686608</c:v>
                </c:pt>
                <c:pt idx="246">
                  <c:v>1473.6154240000001</c:v>
                </c:pt>
                <c:pt idx="247">
                  <c:v>1475.5442399999999</c:v>
                </c:pt>
                <c:pt idx="248">
                  <c:v>1477.473056</c:v>
                </c:pt>
                <c:pt idx="249">
                  <c:v>1479.4018719999999</c:v>
                </c:pt>
                <c:pt idx="250">
                  <c:v>1481.330688</c:v>
                </c:pt>
                <c:pt idx="251">
                  <c:v>1483.2595040000001</c:v>
                </c:pt>
                <c:pt idx="252">
                  <c:v>1485.18832</c:v>
                </c:pt>
                <c:pt idx="253">
                  <c:v>1487.1171360000001</c:v>
                </c:pt>
                <c:pt idx="254">
                  <c:v>1489.0459519999999</c:v>
                </c:pt>
                <c:pt idx="255">
                  <c:v>1490.974768</c:v>
                </c:pt>
                <c:pt idx="256">
                  <c:v>1492.9035839999999</c:v>
                </c:pt>
                <c:pt idx="257">
                  <c:v>1494.8324</c:v>
                </c:pt>
                <c:pt idx="258">
                  <c:v>1496.7612160000001</c:v>
                </c:pt>
                <c:pt idx="259">
                  <c:v>1498.690032</c:v>
                </c:pt>
                <c:pt idx="260">
                  <c:v>1500.6188480000001</c:v>
                </c:pt>
                <c:pt idx="261">
                  <c:v>1502.5476639999999</c:v>
                </c:pt>
                <c:pt idx="262">
                  <c:v>1504.47648</c:v>
                </c:pt>
                <c:pt idx="263">
                  <c:v>1506.4052959999999</c:v>
                </c:pt>
                <c:pt idx="264">
                  <c:v>1508.334112</c:v>
                </c:pt>
                <c:pt idx="265">
                  <c:v>1510.2629280000001</c:v>
                </c:pt>
                <c:pt idx="266">
                  <c:v>1512.191744</c:v>
                </c:pt>
                <c:pt idx="267">
                  <c:v>1514.1205600000001</c:v>
                </c:pt>
                <c:pt idx="268">
                  <c:v>1516.0493759999999</c:v>
                </c:pt>
                <c:pt idx="269">
                  <c:v>1517.978192</c:v>
                </c:pt>
                <c:pt idx="270">
                  <c:v>1519.9070079999999</c:v>
                </c:pt>
                <c:pt idx="271">
                  <c:v>1521.835824</c:v>
                </c:pt>
                <c:pt idx="272">
                  <c:v>1523.7646400000001</c:v>
                </c:pt>
                <c:pt idx="273">
                  <c:v>1525.693456</c:v>
                </c:pt>
                <c:pt idx="274">
                  <c:v>1527.6222720000001</c:v>
                </c:pt>
                <c:pt idx="275">
                  <c:v>1529.5510879999999</c:v>
                </c:pt>
                <c:pt idx="276">
                  <c:v>1531.479904</c:v>
                </c:pt>
                <c:pt idx="277">
                  <c:v>1533.4087199999999</c:v>
                </c:pt>
                <c:pt idx="278">
                  <c:v>1535.337536</c:v>
                </c:pt>
                <c:pt idx="279">
                  <c:v>1537.2663520000001</c:v>
                </c:pt>
                <c:pt idx="280">
                  <c:v>1539.195168</c:v>
                </c:pt>
                <c:pt idx="281">
                  <c:v>1541.1239840000001</c:v>
                </c:pt>
                <c:pt idx="282">
                  <c:v>1543.0527999999999</c:v>
                </c:pt>
                <c:pt idx="283">
                  <c:v>1544.981616</c:v>
                </c:pt>
                <c:pt idx="284">
                  <c:v>1546.9104319999999</c:v>
                </c:pt>
                <c:pt idx="285">
                  <c:v>1548.839248</c:v>
                </c:pt>
                <c:pt idx="286">
                  <c:v>1550.7680640000001</c:v>
                </c:pt>
                <c:pt idx="287">
                  <c:v>1552.69688</c:v>
                </c:pt>
                <c:pt idx="288">
                  <c:v>1554.6256960000001</c:v>
                </c:pt>
                <c:pt idx="289">
                  <c:v>1556.5545119999999</c:v>
                </c:pt>
                <c:pt idx="290">
                  <c:v>1558.483328</c:v>
                </c:pt>
                <c:pt idx="291">
                  <c:v>1560.4121439999999</c:v>
                </c:pt>
                <c:pt idx="292">
                  <c:v>1562.34096</c:v>
                </c:pt>
                <c:pt idx="293">
                  <c:v>1564.2697760000001</c:v>
                </c:pt>
                <c:pt idx="294">
                  <c:v>1566.198592</c:v>
                </c:pt>
                <c:pt idx="295">
                  <c:v>1568.1274080000001</c:v>
                </c:pt>
                <c:pt idx="296">
                  <c:v>1570.0562239999999</c:v>
                </c:pt>
                <c:pt idx="297">
                  <c:v>1571.98504</c:v>
                </c:pt>
                <c:pt idx="298">
                  <c:v>1573.9138559999999</c:v>
                </c:pt>
                <c:pt idx="299">
                  <c:v>1575.842672</c:v>
                </c:pt>
                <c:pt idx="300">
                  <c:v>1577.7714880000001</c:v>
                </c:pt>
                <c:pt idx="301">
                  <c:v>1579.700304</c:v>
                </c:pt>
                <c:pt idx="302">
                  <c:v>1581.6291200000001</c:v>
                </c:pt>
                <c:pt idx="303">
                  <c:v>1583.5579359999999</c:v>
                </c:pt>
                <c:pt idx="304">
                  <c:v>1585.486752</c:v>
                </c:pt>
                <c:pt idx="305">
                  <c:v>1587.4155679999999</c:v>
                </c:pt>
                <c:pt idx="306">
                  <c:v>1589.344384</c:v>
                </c:pt>
                <c:pt idx="307">
                  <c:v>1591.2732000000001</c:v>
                </c:pt>
                <c:pt idx="308">
                  <c:v>1593.202016</c:v>
                </c:pt>
                <c:pt idx="309">
                  <c:v>1595.1308320000001</c:v>
                </c:pt>
                <c:pt idx="310">
                  <c:v>1597.0596479999999</c:v>
                </c:pt>
                <c:pt idx="311">
                  <c:v>1598.988464</c:v>
                </c:pt>
                <c:pt idx="312">
                  <c:v>1600.9172799999999</c:v>
                </c:pt>
                <c:pt idx="313">
                  <c:v>1602.846096</c:v>
                </c:pt>
                <c:pt idx="314">
                  <c:v>1604.7749120000001</c:v>
                </c:pt>
                <c:pt idx="315">
                  <c:v>1606.703728</c:v>
                </c:pt>
                <c:pt idx="316">
                  <c:v>1608.6325440000001</c:v>
                </c:pt>
                <c:pt idx="317">
                  <c:v>1610.5613599999999</c:v>
                </c:pt>
                <c:pt idx="318">
                  <c:v>1612.490176</c:v>
                </c:pt>
                <c:pt idx="319">
                  <c:v>1614.4189919999999</c:v>
                </c:pt>
                <c:pt idx="320">
                  <c:v>1616.347808</c:v>
                </c:pt>
                <c:pt idx="321">
                  <c:v>1618.2766240000001</c:v>
                </c:pt>
                <c:pt idx="322">
                  <c:v>1620.20544</c:v>
                </c:pt>
                <c:pt idx="323">
                  <c:v>1622.1342560000001</c:v>
                </c:pt>
                <c:pt idx="324">
                  <c:v>1624.0630719999999</c:v>
                </c:pt>
                <c:pt idx="325">
                  <c:v>1625.991888</c:v>
                </c:pt>
                <c:pt idx="326">
                  <c:v>1627.9207039999999</c:v>
                </c:pt>
                <c:pt idx="327">
                  <c:v>1629.84952</c:v>
                </c:pt>
                <c:pt idx="328">
                  <c:v>1631.7783360000001</c:v>
                </c:pt>
                <c:pt idx="329">
                  <c:v>1633.707152</c:v>
                </c:pt>
                <c:pt idx="330">
                  <c:v>1635.635968</c:v>
                </c:pt>
                <c:pt idx="331">
                  <c:v>1637.5647839999999</c:v>
                </c:pt>
                <c:pt idx="332">
                  <c:v>1639.4936</c:v>
                </c:pt>
                <c:pt idx="333">
                  <c:v>1641.4224160000001</c:v>
                </c:pt>
                <c:pt idx="334">
                  <c:v>1643.351232</c:v>
                </c:pt>
                <c:pt idx="335">
                  <c:v>1645.2800480000001</c:v>
                </c:pt>
                <c:pt idx="336">
                  <c:v>1647.2088639999999</c:v>
                </c:pt>
                <c:pt idx="337">
                  <c:v>1649.13768</c:v>
                </c:pt>
                <c:pt idx="338">
                  <c:v>1651.0664959999999</c:v>
                </c:pt>
                <c:pt idx="339">
                  <c:v>1652.995312</c:v>
                </c:pt>
                <c:pt idx="340">
                  <c:v>1654.9241280000001</c:v>
                </c:pt>
                <c:pt idx="341">
                  <c:v>1656.852944</c:v>
                </c:pt>
                <c:pt idx="342">
                  <c:v>1658.7817600000001</c:v>
                </c:pt>
                <c:pt idx="343">
                  <c:v>1660.7105759999999</c:v>
                </c:pt>
                <c:pt idx="344">
                  <c:v>1662.639392</c:v>
                </c:pt>
                <c:pt idx="345">
                  <c:v>1664.5682079999999</c:v>
                </c:pt>
                <c:pt idx="346">
                  <c:v>1666.497024</c:v>
                </c:pt>
                <c:pt idx="347">
                  <c:v>1668.4258400000001</c:v>
                </c:pt>
                <c:pt idx="348">
                  <c:v>1670.354656</c:v>
                </c:pt>
                <c:pt idx="349">
                  <c:v>1672.2834720000001</c:v>
                </c:pt>
                <c:pt idx="350">
                  <c:v>1674.2122879999999</c:v>
                </c:pt>
                <c:pt idx="351">
                  <c:v>1676.141104</c:v>
                </c:pt>
                <c:pt idx="352">
                  <c:v>1678.0699199999999</c:v>
                </c:pt>
                <c:pt idx="353">
                  <c:v>1679.998736</c:v>
                </c:pt>
                <c:pt idx="354">
                  <c:v>1681.9275520000001</c:v>
                </c:pt>
                <c:pt idx="355">
                  <c:v>1683.856368</c:v>
                </c:pt>
                <c:pt idx="356">
                  <c:v>1685.7851840000001</c:v>
                </c:pt>
                <c:pt idx="357">
                  <c:v>1687.7139999999999</c:v>
                </c:pt>
                <c:pt idx="358">
                  <c:v>1689.642816</c:v>
                </c:pt>
                <c:pt idx="359">
                  <c:v>1691.5716319999999</c:v>
                </c:pt>
                <c:pt idx="360">
                  <c:v>1693.500448</c:v>
                </c:pt>
                <c:pt idx="361">
                  <c:v>1695.4292640000001</c:v>
                </c:pt>
                <c:pt idx="362">
                  <c:v>1697.35808</c:v>
                </c:pt>
                <c:pt idx="363">
                  <c:v>1699.2868960000001</c:v>
                </c:pt>
                <c:pt idx="364">
                  <c:v>1701.2157119999999</c:v>
                </c:pt>
                <c:pt idx="365">
                  <c:v>1703.144528</c:v>
                </c:pt>
                <c:pt idx="366">
                  <c:v>1705.0733439999999</c:v>
                </c:pt>
                <c:pt idx="367">
                  <c:v>1707.00216</c:v>
                </c:pt>
                <c:pt idx="368">
                  <c:v>1708.9309760000001</c:v>
                </c:pt>
                <c:pt idx="369">
                  <c:v>1710.859792</c:v>
                </c:pt>
                <c:pt idx="370">
                  <c:v>1712.7886080000001</c:v>
                </c:pt>
                <c:pt idx="371">
                  <c:v>1714.7174239999999</c:v>
                </c:pt>
                <c:pt idx="372">
                  <c:v>1716.64624</c:v>
                </c:pt>
                <c:pt idx="373">
                  <c:v>1718.5750559999999</c:v>
                </c:pt>
                <c:pt idx="374">
                  <c:v>1720.503872</c:v>
                </c:pt>
                <c:pt idx="375">
                  <c:v>1722.4326880000001</c:v>
                </c:pt>
                <c:pt idx="376">
                  <c:v>1724.361504</c:v>
                </c:pt>
                <c:pt idx="377">
                  <c:v>1726.2903200000001</c:v>
                </c:pt>
                <c:pt idx="378">
                  <c:v>1728.2191359999999</c:v>
                </c:pt>
                <c:pt idx="379">
                  <c:v>1730.147952</c:v>
                </c:pt>
                <c:pt idx="380">
                  <c:v>1732.0767679999999</c:v>
                </c:pt>
                <c:pt idx="381">
                  <c:v>1734.005584</c:v>
                </c:pt>
                <c:pt idx="382">
                  <c:v>1735.9344000000001</c:v>
                </c:pt>
                <c:pt idx="383">
                  <c:v>1737.863216</c:v>
                </c:pt>
                <c:pt idx="384">
                  <c:v>1739.7920320000001</c:v>
                </c:pt>
                <c:pt idx="385">
                  <c:v>1741.7208479999999</c:v>
                </c:pt>
                <c:pt idx="386">
                  <c:v>1743.649664</c:v>
                </c:pt>
                <c:pt idx="387">
                  <c:v>1745.5784799999999</c:v>
                </c:pt>
                <c:pt idx="388">
                  <c:v>1747.507296</c:v>
                </c:pt>
                <c:pt idx="389">
                  <c:v>1749.4361120000001</c:v>
                </c:pt>
                <c:pt idx="390">
                  <c:v>1751.364928</c:v>
                </c:pt>
                <c:pt idx="391">
                  <c:v>1753.2937440000001</c:v>
                </c:pt>
                <c:pt idx="392">
                  <c:v>1755.2225599999999</c:v>
                </c:pt>
                <c:pt idx="393">
                  <c:v>1757.151376</c:v>
                </c:pt>
                <c:pt idx="394">
                  <c:v>1759.0801919999999</c:v>
                </c:pt>
                <c:pt idx="395">
                  <c:v>1761.009008</c:v>
                </c:pt>
                <c:pt idx="396">
                  <c:v>1762.9378240000001</c:v>
                </c:pt>
                <c:pt idx="397">
                  <c:v>1764.86664</c:v>
                </c:pt>
                <c:pt idx="398">
                  <c:v>1766.7954560000001</c:v>
                </c:pt>
                <c:pt idx="399">
                  <c:v>1768.7242719999999</c:v>
                </c:pt>
                <c:pt idx="400">
                  <c:v>1770.653088</c:v>
                </c:pt>
                <c:pt idx="401">
                  <c:v>1772.5819039999999</c:v>
                </c:pt>
                <c:pt idx="402">
                  <c:v>1774.51072</c:v>
                </c:pt>
                <c:pt idx="403">
                  <c:v>1776.4395360000001</c:v>
                </c:pt>
                <c:pt idx="404">
                  <c:v>1778.368352</c:v>
                </c:pt>
                <c:pt idx="405">
                  <c:v>1780.2971680000001</c:v>
                </c:pt>
                <c:pt idx="406">
                  <c:v>1782.2259839999999</c:v>
                </c:pt>
                <c:pt idx="407">
                  <c:v>1784.1548</c:v>
                </c:pt>
                <c:pt idx="408">
                  <c:v>1786.0836159999999</c:v>
                </c:pt>
                <c:pt idx="409">
                  <c:v>1788.012432</c:v>
                </c:pt>
                <c:pt idx="410">
                  <c:v>1789.9412480000001</c:v>
                </c:pt>
                <c:pt idx="411">
                  <c:v>1791.870064</c:v>
                </c:pt>
                <c:pt idx="412">
                  <c:v>1793.7988800000001</c:v>
                </c:pt>
                <c:pt idx="413">
                  <c:v>1795.7276959999999</c:v>
                </c:pt>
                <c:pt idx="414">
                  <c:v>1797.656512</c:v>
                </c:pt>
                <c:pt idx="415">
                  <c:v>1799.5853279999999</c:v>
                </c:pt>
                <c:pt idx="416">
                  <c:v>1801.514144</c:v>
                </c:pt>
                <c:pt idx="417">
                  <c:v>1803.4429600000001</c:v>
                </c:pt>
                <c:pt idx="418">
                  <c:v>1805.371776</c:v>
                </c:pt>
                <c:pt idx="419">
                  <c:v>1807.3005920000001</c:v>
                </c:pt>
                <c:pt idx="420">
                  <c:v>1809.2294079999999</c:v>
                </c:pt>
                <c:pt idx="421">
                  <c:v>1811.158224</c:v>
                </c:pt>
                <c:pt idx="422">
                  <c:v>1813.0870399999999</c:v>
                </c:pt>
                <c:pt idx="423">
                  <c:v>1815.015856</c:v>
                </c:pt>
                <c:pt idx="424">
                  <c:v>1816.9446720000001</c:v>
                </c:pt>
                <c:pt idx="425">
                  <c:v>1818.873488</c:v>
                </c:pt>
                <c:pt idx="426">
                  <c:v>1820.802304</c:v>
                </c:pt>
                <c:pt idx="427">
                  <c:v>1822.7311199999999</c:v>
                </c:pt>
                <c:pt idx="428">
                  <c:v>1824.659936</c:v>
                </c:pt>
                <c:pt idx="429">
                  <c:v>1826.5887520000001</c:v>
                </c:pt>
                <c:pt idx="430">
                  <c:v>1828.517568</c:v>
                </c:pt>
                <c:pt idx="431">
                  <c:v>1830.4463840000001</c:v>
                </c:pt>
                <c:pt idx="432">
                  <c:v>1832.3751999999999</c:v>
                </c:pt>
                <c:pt idx="433">
                  <c:v>1834.304016</c:v>
                </c:pt>
                <c:pt idx="434">
                  <c:v>1836.2328319999999</c:v>
                </c:pt>
                <c:pt idx="435">
                  <c:v>1838.161648</c:v>
                </c:pt>
                <c:pt idx="436">
                  <c:v>1840.0904640000001</c:v>
                </c:pt>
                <c:pt idx="437">
                  <c:v>1842.01928</c:v>
                </c:pt>
                <c:pt idx="438">
                  <c:v>1843.9480960000001</c:v>
                </c:pt>
                <c:pt idx="439">
                  <c:v>1845.8769119999999</c:v>
                </c:pt>
                <c:pt idx="440">
                  <c:v>1847.805728</c:v>
                </c:pt>
                <c:pt idx="441">
                  <c:v>1849.7345439999999</c:v>
                </c:pt>
                <c:pt idx="442">
                  <c:v>1851.66336</c:v>
                </c:pt>
                <c:pt idx="443">
                  <c:v>1853.5921760000001</c:v>
                </c:pt>
                <c:pt idx="444">
                  <c:v>1855.520992</c:v>
                </c:pt>
                <c:pt idx="445">
                  <c:v>1857.4498080000001</c:v>
                </c:pt>
                <c:pt idx="446">
                  <c:v>1859.3786239999999</c:v>
                </c:pt>
                <c:pt idx="447">
                  <c:v>1861.30744</c:v>
                </c:pt>
                <c:pt idx="448">
                  <c:v>1863.2362559999999</c:v>
                </c:pt>
                <c:pt idx="449">
                  <c:v>1865.165072</c:v>
                </c:pt>
                <c:pt idx="450">
                  <c:v>1867.0938880000001</c:v>
                </c:pt>
                <c:pt idx="451">
                  <c:v>1869.022704</c:v>
                </c:pt>
                <c:pt idx="452">
                  <c:v>1870.9515200000001</c:v>
                </c:pt>
                <c:pt idx="453">
                  <c:v>1872.8803359999999</c:v>
                </c:pt>
                <c:pt idx="454">
                  <c:v>1874.809152</c:v>
                </c:pt>
                <c:pt idx="455">
                  <c:v>1876.7379679999999</c:v>
                </c:pt>
                <c:pt idx="456">
                  <c:v>1878.666784</c:v>
                </c:pt>
                <c:pt idx="457">
                  <c:v>1880.5956000000001</c:v>
                </c:pt>
                <c:pt idx="458">
                  <c:v>1882.524416</c:v>
                </c:pt>
                <c:pt idx="459">
                  <c:v>1884.4532320000001</c:v>
                </c:pt>
                <c:pt idx="460">
                  <c:v>1886.3820479999999</c:v>
                </c:pt>
                <c:pt idx="461">
                  <c:v>1888.310864</c:v>
                </c:pt>
                <c:pt idx="462">
                  <c:v>1890.2396799999999</c:v>
                </c:pt>
                <c:pt idx="463">
                  <c:v>1892.168496</c:v>
                </c:pt>
                <c:pt idx="464">
                  <c:v>1894.0973120000001</c:v>
                </c:pt>
                <c:pt idx="465">
                  <c:v>1896.026128</c:v>
                </c:pt>
                <c:pt idx="466">
                  <c:v>1897.9549440000001</c:v>
                </c:pt>
                <c:pt idx="467">
                  <c:v>1899.8837599999999</c:v>
                </c:pt>
                <c:pt idx="468">
                  <c:v>1901.812576</c:v>
                </c:pt>
                <c:pt idx="469">
                  <c:v>1903.7413919999999</c:v>
                </c:pt>
                <c:pt idx="470">
                  <c:v>1905.670208</c:v>
                </c:pt>
                <c:pt idx="471">
                  <c:v>1907.5990240000001</c:v>
                </c:pt>
                <c:pt idx="472">
                  <c:v>1909.52784</c:v>
                </c:pt>
                <c:pt idx="473">
                  <c:v>1911.4566560000001</c:v>
                </c:pt>
                <c:pt idx="474">
                  <c:v>1913.3854719999999</c:v>
                </c:pt>
                <c:pt idx="475">
                  <c:v>1915.314288</c:v>
                </c:pt>
                <c:pt idx="476">
                  <c:v>1917.2431039999999</c:v>
                </c:pt>
                <c:pt idx="477">
                  <c:v>1919.17192</c:v>
                </c:pt>
                <c:pt idx="478">
                  <c:v>1921.1007360000001</c:v>
                </c:pt>
                <c:pt idx="479">
                  <c:v>1923.029552</c:v>
                </c:pt>
                <c:pt idx="480">
                  <c:v>1924.9583680000001</c:v>
                </c:pt>
                <c:pt idx="481">
                  <c:v>1926.8871839999999</c:v>
                </c:pt>
                <c:pt idx="482">
                  <c:v>1928.816</c:v>
                </c:pt>
                <c:pt idx="483">
                  <c:v>1930.7448159999999</c:v>
                </c:pt>
                <c:pt idx="484">
                  <c:v>1932.673632</c:v>
                </c:pt>
                <c:pt idx="485">
                  <c:v>1934.6024480000001</c:v>
                </c:pt>
                <c:pt idx="486">
                  <c:v>1936.531264</c:v>
                </c:pt>
                <c:pt idx="487">
                  <c:v>1938.4600800000001</c:v>
                </c:pt>
                <c:pt idx="488">
                  <c:v>1940.3888959999999</c:v>
                </c:pt>
                <c:pt idx="489">
                  <c:v>1942.317712</c:v>
                </c:pt>
                <c:pt idx="490">
                  <c:v>1944.2465279999999</c:v>
                </c:pt>
                <c:pt idx="491">
                  <c:v>1946.175344</c:v>
                </c:pt>
                <c:pt idx="492">
                  <c:v>1948.1041600000001</c:v>
                </c:pt>
                <c:pt idx="493">
                  <c:v>1950.032976</c:v>
                </c:pt>
                <c:pt idx="494">
                  <c:v>1951.9617920000001</c:v>
                </c:pt>
                <c:pt idx="495">
                  <c:v>1953.8906079999999</c:v>
                </c:pt>
                <c:pt idx="496">
                  <c:v>1955.819424</c:v>
                </c:pt>
                <c:pt idx="497">
                  <c:v>1957.7482399999999</c:v>
                </c:pt>
                <c:pt idx="498">
                  <c:v>1959.677056</c:v>
                </c:pt>
                <c:pt idx="499">
                  <c:v>1961.6058720000001</c:v>
                </c:pt>
                <c:pt idx="500">
                  <c:v>1963.534688</c:v>
                </c:pt>
                <c:pt idx="501">
                  <c:v>1965.4635040000001</c:v>
                </c:pt>
                <c:pt idx="502">
                  <c:v>1967.3923199999999</c:v>
                </c:pt>
                <c:pt idx="503">
                  <c:v>1969.321136</c:v>
                </c:pt>
                <c:pt idx="504">
                  <c:v>1971.2499519999999</c:v>
                </c:pt>
                <c:pt idx="505">
                  <c:v>1973.178768</c:v>
                </c:pt>
                <c:pt idx="506">
                  <c:v>1975.1075840000001</c:v>
                </c:pt>
                <c:pt idx="507">
                  <c:v>1977.0364</c:v>
                </c:pt>
                <c:pt idx="508">
                  <c:v>1978.9652160000001</c:v>
                </c:pt>
                <c:pt idx="509">
                  <c:v>1980.8940319999999</c:v>
                </c:pt>
                <c:pt idx="510">
                  <c:v>1982.822848</c:v>
                </c:pt>
                <c:pt idx="511">
                  <c:v>1984.7516639999999</c:v>
                </c:pt>
                <c:pt idx="512">
                  <c:v>1986.68048</c:v>
                </c:pt>
                <c:pt idx="513">
                  <c:v>1988.6092960000001</c:v>
                </c:pt>
                <c:pt idx="514">
                  <c:v>1990.538112</c:v>
                </c:pt>
                <c:pt idx="515">
                  <c:v>1992.4669280000001</c:v>
                </c:pt>
                <c:pt idx="516">
                  <c:v>1994.3957439999999</c:v>
                </c:pt>
                <c:pt idx="517">
                  <c:v>1996.32456</c:v>
                </c:pt>
                <c:pt idx="518">
                  <c:v>1998.2533759999999</c:v>
                </c:pt>
                <c:pt idx="519">
                  <c:v>2000.182192</c:v>
                </c:pt>
                <c:pt idx="520">
                  <c:v>2002.1110080000001</c:v>
                </c:pt>
                <c:pt idx="521">
                  <c:v>2004.039824</c:v>
                </c:pt>
                <c:pt idx="522">
                  <c:v>2005.9686400000001</c:v>
                </c:pt>
                <c:pt idx="523">
                  <c:v>2007.8974559999999</c:v>
                </c:pt>
                <c:pt idx="524">
                  <c:v>2009.826272</c:v>
                </c:pt>
                <c:pt idx="525">
                  <c:v>2011.7550879999999</c:v>
                </c:pt>
                <c:pt idx="526">
                  <c:v>2013.683904</c:v>
                </c:pt>
                <c:pt idx="527">
                  <c:v>2015.6127200000001</c:v>
                </c:pt>
                <c:pt idx="528">
                  <c:v>2017.541536</c:v>
                </c:pt>
                <c:pt idx="529">
                  <c:v>2019.470352</c:v>
                </c:pt>
                <c:pt idx="530">
                  <c:v>2021.3991679999999</c:v>
                </c:pt>
                <c:pt idx="531">
                  <c:v>2023.327984</c:v>
                </c:pt>
                <c:pt idx="532">
                  <c:v>2025.2568000000001</c:v>
                </c:pt>
                <c:pt idx="533">
                  <c:v>2027.185616</c:v>
                </c:pt>
                <c:pt idx="534">
                  <c:v>2029.1144320000001</c:v>
                </c:pt>
                <c:pt idx="535">
                  <c:v>2031.0432479999999</c:v>
                </c:pt>
                <c:pt idx="536">
                  <c:v>2032.972064</c:v>
                </c:pt>
                <c:pt idx="537">
                  <c:v>2034.9008799999999</c:v>
                </c:pt>
                <c:pt idx="538">
                  <c:v>2036.829696</c:v>
                </c:pt>
                <c:pt idx="539">
                  <c:v>2038.7585120000001</c:v>
                </c:pt>
                <c:pt idx="540">
                  <c:v>2040.687328</c:v>
                </c:pt>
                <c:pt idx="541">
                  <c:v>2042.6161440000001</c:v>
                </c:pt>
                <c:pt idx="542">
                  <c:v>2044.5449599999999</c:v>
                </c:pt>
                <c:pt idx="543">
                  <c:v>2046.473776</c:v>
                </c:pt>
                <c:pt idx="544">
                  <c:v>2048.4025919999999</c:v>
                </c:pt>
                <c:pt idx="545">
                  <c:v>2050.331408</c:v>
                </c:pt>
                <c:pt idx="546">
                  <c:v>2052.2602240000001</c:v>
                </c:pt>
                <c:pt idx="547">
                  <c:v>2054.1890400000002</c:v>
                </c:pt>
                <c:pt idx="548">
                  <c:v>2056.1178559999998</c:v>
                </c:pt>
                <c:pt idx="549">
                  <c:v>2058.0466719999999</c:v>
                </c:pt>
                <c:pt idx="550">
                  <c:v>2059.975488</c:v>
                </c:pt>
                <c:pt idx="551">
                  <c:v>2061.9043040000001</c:v>
                </c:pt>
                <c:pt idx="552">
                  <c:v>2063.8331199999998</c:v>
                </c:pt>
                <c:pt idx="553">
                  <c:v>2065.7619359999999</c:v>
                </c:pt>
                <c:pt idx="554">
                  <c:v>2067.690752</c:v>
                </c:pt>
                <c:pt idx="555">
                  <c:v>2069.6195680000001</c:v>
                </c:pt>
                <c:pt idx="556">
                  <c:v>2071.5483840000002</c:v>
                </c:pt>
                <c:pt idx="557">
                  <c:v>2073.4771999999998</c:v>
                </c:pt>
                <c:pt idx="558">
                  <c:v>2075.4060159999999</c:v>
                </c:pt>
                <c:pt idx="559">
                  <c:v>2077.334832</c:v>
                </c:pt>
                <c:pt idx="560">
                  <c:v>2079.2636480000001</c:v>
                </c:pt>
                <c:pt idx="561">
                  <c:v>2081.1924640000002</c:v>
                </c:pt>
                <c:pt idx="562">
                  <c:v>2083.1212799999998</c:v>
                </c:pt>
                <c:pt idx="563">
                  <c:v>2085.0500959999999</c:v>
                </c:pt>
                <c:pt idx="564">
                  <c:v>2086.978912</c:v>
                </c:pt>
                <c:pt idx="565">
                  <c:v>2088.9077280000001</c:v>
                </c:pt>
                <c:pt idx="566">
                  <c:v>2090.8365439999998</c:v>
                </c:pt>
                <c:pt idx="567">
                  <c:v>2092.7653599999999</c:v>
                </c:pt>
                <c:pt idx="568">
                  <c:v>2094.694176</c:v>
                </c:pt>
                <c:pt idx="569">
                  <c:v>2096.6229920000001</c:v>
                </c:pt>
                <c:pt idx="570">
                  <c:v>2098.5518080000002</c:v>
                </c:pt>
                <c:pt idx="571">
                  <c:v>2100.4806239999998</c:v>
                </c:pt>
                <c:pt idx="572">
                  <c:v>2102.4094399999999</c:v>
                </c:pt>
                <c:pt idx="573">
                  <c:v>2104.338256</c:v>
                </c:pt>
                <c:pt idx="574">
                  <c:v>2106.2670720000001</c:v>
                </c:pt>
                <c:pt idx="575">
                  <c:v>2108.1958880000002</c:v>
                </c:pt>
                <c:pt idx="576">
                  <c:v>2110.1247039999998</c:v>
                </c:pt>
                <c:pt idx="577">
                  <c:v>2112.0535199999999</c:v>
                </c:pt>
                <c:pt idx="578">
                  <c:v>2113.982336</c:v>
                </c:pt>
                <c:pt idx="579">
                  <c:v>2115.9111520000001</c:v>
                </c:pt>
                <c:pt idx="580">
                  <c:v>2117.8399680000002</c:v>
                </c:pt>
                <c:pt idx="581">
                  <c:v>2119.7687839999999</c:v>
                </c:pt>
                <c:pt idx="582">
                  <c:v>2121.6976</c:v>
                </c:pt>
                <c:pt idx="583">
                  <c:v>2123.6264160000001</c:v>
                </c:pt>
                <c:pt idx="584">
                  <c:v>2125.5552320000002</c:v>
                </c:pt>
                <c:pt idx="585">
                  <c:v>2127.4840479999998</c:v>
                </c:pt>
                <c:pt idx="586">
                  <c:v>2129.4128639999999</c:v>
                </c:pt>
                <c:pt idx="587">
                  <c:v>2131.34168</c:v>
                </c:pt>
                <c:pt idx="588">
                  <c:v>2133.2704960000001</c:v>
                </c:pt>
                <c:pt idx="589">
                  <c:v>2135.1993120000002</c:v>
                </c:pt>
                <c:pt idx="590">
                  <c:v>2137.1281279999998</c:v>
                </c:pt>
                <c:pt idx="591">
                  <c:v>2139.0569439999999</c:v>
                </c:pt>
                <c:pt idx="592">
                  <c:v>2140.98576</c:v>
                </c:pt>
                <c:pt idx="593">
                  <c:v>2142.9145760000001</c:v>
                </c:pt>
                <c:pt idx="594">
                  <c:v>2144.8433920000002</c:v>
                </c:pt>
                <c:pt idx="595">
                  <c:v>2146.7722079999999</c:v>
                </c:pt>
                <c:pt idx="596">
                  <c:v>2148.701024</c:v>
                </c:pt>
                <c:pt idx="597">
                  <c:v>2150.6298400000001</c:v>
                </c:pt>
                <c:pt idx="598">
                  <c:v>2152.5586560000002</c:v>
                </c:pt>
                <c:pt idx="599">
                  <c:v>2154.4874719999998</c:v>
                </c:pt>
                <c:pt idx="600">
                  <c:v>2156.4162879999999</c:v>
                </c:pt>
                <c:pt idx="601">
                  <c:v>2158.345104</c:v>
                </c:pt>
                <c:pt idx="602">
                  <c:v>2160.2739200000001</c:v>
                </c:pt>
                <c:pt idx="603">
                  <c:v>2162.2027360000002</c:v>
                </c:pt>
                <c:pt idx="604">
                  <c:v>2164.1315519999998</c:v>
                </c:pt>
                <c:pt idx="605">
                  <c:v>2166.0603679999999</c:v>
                </c:pt>
                <c:pt idx="606">
                  <c:v>2167.989184</c:v>
                </c:pt>
                <c:pt idx="607">
                  <c:v>2169.9180000000001</c:v>
                </c:pt>
                <c:pt idx="608">
                  <c:v>2171.8468160000002</c:v>
                </c:pt>
                <c:pt idx="609">
                  <c:v>2173.7756319999999</c:v>
                </c:pt>
                <c:pt idx="610">
                  <c:v>2175.704448</c:v>
                </c:pt>
                <c:pt idx="611">
                  <c:v>2177.6332640000001</c:v>
                </c:pt>
                <c:pt idx="612">
                  <c:v>2179.5620800000002</c:v>
                </c:pt>
                <c:pt idx="613">
                  <c:v>2181.4908959999998</c:v>
                </c:pt>
                <c:pt idx="614">
                  <c:v>2183.4197119999999</c:v>
                </c:pt>
                <c:pt idx="615">
                  <c:v>2185.348528</c:v>
                </c:pt>
                <c:pt idx="616">
                  <c:v>2187.2773440000001</c:v>
                </c:pt>
                <c:pt idx="617">
                  <c:v>2189.2061600000002</c:v>
                </c:pt>
                <c:pt idx="618">
                  <c:v>2191.1349759999998</c:v>
                </c:pt>
                <c:pt idx="619">
                  <c:v>2193.0637919999999</c:v>
                </c:pt>
                <c:pt idx="620">
                  <c:v>2194.992608</c:v>
                </c:pt>
                <c:pt idx="621">
                  <c:v>2196.9214240000001</c:v>
                </c:pt>
                <c:pt idx="622">
                  <c:v>2198.8502400000002</c:v>
                </c:pt>
                <c:pt idx="623">
                  <c:v>2200.7790559999999</c:v>
                </c:pt>
                <c:pt idx="624">
                  <c:v>2202.707872</c:v>
                </c:pt>
                <c:pt idx="625">
                  <c:v>2204.636688</c:v>
                </c:pt>
                <c:pt idx="626">
                  <c:v>2206.5655040000001</c:v>
                </c:pt>
                <c:pt idx="627">
                  <c:v>2208.4943199999998</c:v>
                </c:pt>
                <c:pt idx="628">
                  <c:v>2210.4231359999999</c:v>
                </c:pt>
                <c:pt idx="629">
                  <c:v>2212.351952</c:v>
                </c:pt>
                <c:pt idx="630">
                  <c:v>2214.2807680000001</c:v>
                </c:pt>
                <c:pt idx="631">
                  <c:v>2216.2095840000002</c:v>
                </c:pt>
                <c:pt idx="632">
                  <c:v>2218.1383999999998</c:v>
                </c:pt>
                <c:pt idx="633">
                  <c:v>2220.0672159999999</c:v>
                </c:pt>
                <c:pt idx="634">
                  <c:v>2221.996032</c:v>
                </c:pt>
                <c:pt idx="635">
                  <c:v>2223.9248480000001</c:v>
                </c:pt>
                <c:pt idx="636">
                  <c:v>2225.8536640000002</c:v>
                </c:pt>
                <c:pt idx="637">
                  <c:v>2227.7824799999999</c:v>
                </c:pt>
                <c:pt idx="638">
                  <c:v>2229.7112959999999</c:v>
                </c:pt>
                <c:pt idx="639">
                  <c:v>2231.640112</c:v>
                </c:pt>
                <c:pt idx="640">
                  <c:v>2233.5689280000001</c:v>
                </c:pt>
                <c:pt idx="641">
                  <c:v>2235.4977439999998</c:v>
                </c:pt>
                <c:pt idx="642">
                  <c:v>2237.4265599999999</c:v>
                </c:pt>
                <c:pt idx="643">
                  <c:v>2239.355376</c:v>
                </c:pt>
                <c:pt idx="644">
                  <c:v>2241.2841920000001</c:v>
                </c:pt>
                <c:pt idx="645">
                  <c:v>2243.2130080000002</c:v>
                </c:pt>
                <c:pt idx="646">
                  <c:v>2245.1418239999998</c:v>
                </c:pt>
                <c:pt idx="647">
                  <c:v>2247.0706399999999</c:v>
                </c:pt>
                <c:pt idx="648">
                  <c:v>2248.999456</c:v>
                </c:pt>
                <c:pt idx="649">
                  <c:v>2250.9282720000001</c:v>
                </c:pt>
                <c:pt idx="650">
                  <c:v>2252.8570880000002</c:v>
                </c:pt>
                <c:pt idx="651">
                  <c:v>2254.7859039999998</c:v>
                </c:pt>
                <c:pt idx="652">
                  <c:v>2256.7147199999999</c:v>
                </c:pt>
                <c:pt idx="653">
                  <c:v>2258.643536</c:v>
                </c:pt>
                <c:pt idx="654">
                  <c:v>2260.5723520000001</c:v>
                </c:pt>
                <c:pt idx="655">
                  <c:v>2262.5011679999998</c:v>
                </c:pt>
                <c:pt idx="656">
                  <c:v>2264.4299839999999</c:v>
                </c:pt>
                <c:pt idx="657">
                  <c:v>2266.3588</c:v>
                </c:pt>
                <c:pt idx="658">
                  <c:v>2268.2876160000001</c:v>
                </c:pt>
                <c:pt idx="659">
                  <c:v>2270.2164320000002</c:v>
                </c:pt>
                <c:pt idx="660">
                  <c:v>2272.1452479999998</c:v>
                </c:pt>
                <c:pt idx="661">
                  <c:v>2274.0740639999999</c:v>
                </c:pt>
                <c:pt idx="662">
                  <c:v>2276.00288</c:v>
                </c:pt>
                <c:pt idx="663">
                  <c:v>2277.9316960000001</c:v>
                </c:pt>
                <c:pt idx="664">
                  <c:v>2279.8605120000002</c:v>
                </c:pt>
                <c:pt idx="665">
                  <c:v>2281.7893279999998</c:v>
                </c:pt>
                <c:pt idx="666">
                  <c:v>2283.7181439999999</c:v>
                </c:pt>
                <c:pt idx="667">
                  <c:v>2285.64696</c:v>
                </c:pt>
                <c:pt idx="668">
                  <c:v>2287.5757760000001</c:v>
                </c:pt>
                <c:pt idx="669">
                  <c:v>2289.5045919999998</c:v>
                </c:pt>
                <c:pt idx="670">
                  <c:v>2291.4334079999999</c:v>
                </c:pt>
                <c:pt idx="671">
                  <c:v>2293.362224</c:v>
                </c:pt>
                <c:pt idx="672">
                  <c:v>2295.2910400000001</c:v>
                </c:pt>
                <c:pt idx="673">
                  <c:v>2297.2198560000002</c:v>
                </c:pt>
                <c:pt idx="674">
                  <c:v>2299.1486719999998</c:v>
                </c:pt>
                <c:pt idx="675">
                  <c:v>2301.0774879999999</c:v>
                </c:pt>
                <c:pt idx="676">
                  <c:v>2303.006304</c:v>
                </c:pt>
                <c:pt idx="677">
                  <c:v>2304.9351200000001</c:v>
                </c:pt>
                <c:pt idx="678">
                  <c:v>2306.8639360000002</c:v>
                </c:pt>
                <c:pt idx="679">
                  <c:v>2308.7927519999998</c:v>
                </c:pt>
                <c:pt idx="680">
                  <c:v>2310.7215679999999</c:v>
                </c:pt>
                <c:pt idx="681">
                  <c:v>2312.650384</c:v>
                </c:pt>
                <c:pt idx="682">
                  <c:v>2314.5792000000001</c:v>
                </c:pt>
                <c:pt idx="683">
                  <c:v>2316.5080160000002</c:v>
                </c:pt>
                <c:pt idx="684">
                  <c:v>2318.4368319999999</c:v>
                </c:pt>
                <c:pt idx="685">
                  <c:v>2320.365648</c:v>
                </c:pt>
                <c:pt idx="686">
                  <c:v>2322.2944640000001</c:v>
                </c:pt>
                <c:pt idx="687">
                  <c:v>2324.2232800000002</c:v>
                </c:pt>
                <c:pt idx="688">
                  <c:v>2326.1520959999998</c:v>
                </c:pt>
                <c:pt idx="689">
                  <c:v>2328.0809119999999</c:v>
                </c:pt>
                <c:pt idx="690">
                  <c:v>2330.009728</c:v>
                </c:pt>
                <c:pt idx="691">
                  <c:v>2331.9385440000001</c:v>
                </c:pt>
                <c:pt idx="692">
                  <c:v>2333.8673600000002</c:v>
                </c:pt>
                <c:pt idx="693">
                  <c:v>2335.7961759999998</c:v>
                </c:pt>
                <c:pt idx="694">
                  <c:v>2337.7249919999999</c:v>
                </c:pt>
                <c:pt idx="695">
                  <c:v>2339.653808</c:v>
                </c:pt>
                <c:pt idx="696">
                  <c:v>2341.5826240000001</c:v>
                </c:pt>
                <c:pt idx="697">
                  <c:v>2343.5114400000002</c:v>
                </c:pt>
                <c:pt idx="698">
                  <c:v>2345.4402559999999</c:v>
                </c:pt>
                <c:pt idx="699">
                  <c:v>2347.369072</c:v>
                </c:pt>
                <c:pt idx="700">
                  <c:v>2349.2978880000001</c:v>
                </c:pt>
                <c:pt idx="701">
                  <c:v>2351.2267040000002</c:v>
                </c:pt>
                <c:pt idx="702">
                  <c:v>2353.1555199999998</c:v>
                </c:pt>
                <c:pt idx="703">
                  <c:v>2355.0843359999999</c:v>
                </c:pt>
                <c:pt idx="704">
                  <c:v>2357.013152</c:v>
                </c:pt>
                <c:pt idx="705">
                  <c:v>2358.9419680000001</c:v>
                </c:pt>
                <c:pt idx="706">
                  <c:v>2360.8707840000002</c:v>
                </c:pt>
                <c:pt idx="707">
                  <c:v>2362.7995999999998</c:v>
                </c:pt>
                <c:pt idx="708">
                  <c:v>2364.7284159999999</c:v>
                </c:pt>
                <c:pt idx="709">
                  <c:v>2366.657232</c:v>
                </c:pt>
                <c:pt idx="710">
                  <c:v>2368.5860480000001</c:v>
                </c:pt>
                <c:pt idx="711">
                  <c:v>2370.5148640000002</c:v>
                </c:pt>
                <c:pt idx="712">
                  <c:v>2372.4436799999999</c:v>
                </c:pt>
                <c:pt idx="713">
                  <c:v>2374.372496</c:v>
                </c:pt>
                <c:pt idx="714">
                  <c:v>2376.3013120000001</c:v>
                </c:pt>
                <c:pt idx="715">
                  <c:v>2378.2301280000001</c:v>
                </c:pt>
                <c:pt idx="716">
                  <c:v>2380.1589439999998</c:v>
                </c:pt>
                <c:pt idx="717">
                  <c:v>2382.0877599999999</c:v>
                </c:pt>
                <c:pt idx="718">
                  <c:v>2384.016576</c:v>
                </c:pt>
                <c:pt idx="719">
                  <c:v>2385.9453920000001</c:v>
                </c:pt>
                <c:pt idx="720">
                  <c:v>2387.8742080000002</c:v>
                </c:pt>
                <c:pt idx="721">
                  <c:v>2389.8030239999998</c:v>
                </c:pt>
                <c:pt idx="722">
                  <c:v>2391.7318399999999</c:v>
                </c:pt>
                <c:pt idx="723">
                  <c:v>2393.660656</c:v>
                </c:pt>
                <c:pt idx="724">
                  <c:v>2395.5894720000001</c:v>
                </c:pt>
                <c:pt idx="725">
                  <c:v>2397.5182880000002</c:v>
                </c:pt>
                <c:pt idx="726">
                  <c:v>2399.4471039999999</c:v>
                </c:pt>
                <c:pt idx="727">
                  <c:v>2401.37592</c:v>
                </c:pt>
                <c:pt idx="728">
                  <c:v>2403.304736</c:v>
                </c:pt>
                <c:pt idx="729">
                  <c:v>2405.2335520000001</c:v>
                </c:pt>
                <c:pt idx="730">
                  <c:v>2407.1623679999998</c:v>
                </c:pt>
                <c:pt idx="731">
                  <c:v>2409.0911839999999</c:v>
                </c:pt>
                <c:pt idx="732">
                  <c:v>2411.02</c:v>
                </c:pt>
                <c:pt idx="733">
                  <c:v>2412.9488160000001</c:v>
                </c:pt>
                <c:pt idx="734">
                  <c:v>2414.8776320000002</c:v>
                </c:pt>
                <c:pt idx="735">
                  <c:v>2416.8064479999998</c:v>
                </c:pt>
                <c:pt idx="736">
                  <c:v>2418.7352639999999</c:v>
                </c:pt>
                <c:pt idx="737">
                  <c:v>2420.66408</c:v>
                </c:pt>
                <c:pt idx="738">
                  <c:v>2422.5928960000001</c:v>
                </c:pt>
                <c:pt idx="739">
                  <c:v>2424.5217120000002</c:v>
                </c:pt>
                <c:pt idx="740">
                  <c:v>2426.4505279999998</c:v>
                </c:pt>
                <c:pt idx="741">
                  <c:v>2428.3793439999999</c:v>
                </c:pt>
                <c:pt idx="742">
                  <c:v>2430.30816</c:v>
                </c:pt>
                <c:pt idx="743">
                  <c:v>2432.2369760000001</c:v>
                </c:pt>
                <c:pt idx="744">
                  <c:v>2434.1657919999998</c:v>
                </c:pt>
                <c:pt idx="745">
                  <c:v>2436.0946079999999</c:v>
                </c:pt>
                <c:pt idx="746">
                  <c:v>2438.023424</c:v>
                </c:pt>
                <c:pt idx="747">
                  <c:v>2439.9522400000001</c:v>
                </c:pt>
                <c:pt idx="748">
                  <c:v>2441.8810560000002</c:v>
                </c:pt>
                <c:pt idx="749">
                  <c:v>2443.8098719999998</c:v>
                </c:pt>
                <c:pt idx="750">
                  <c:v>2445.7386879999999</c:v>
                </c:pt>
                <c:pt idx="751">
                  <c:v>2447.667504</c:v>
                </c:pt>
                <c:pt idx="752">
                  <c:v>2449.5963200000001</c:v>
                </c:pt>
                <c:pt idx="753">
                  <c:v>2451.5251360000002</c:v>
                </c:pt>
                <c:pt idx="754">
                  <c:v>2453.4539519999998</c:v>
                </c:pt>
                <c:pt idx="755">
                  <c:v>2455.3827679999999</c:v>
                </c:pt>
                <c:pt idx="756">
                  <c:v>2457.311584</c:v>
                </c:pt>
                <c:pt idx="757">
                  <c:v>2459.2404000000001</c:v>
                </c:pt>
                <c:pt idx="758">
                  <c:v>2461.1692159999998</c:v>
                </c:pt>
                <c:pt idx="759">
                  <c:v>2463.0980319999999</c:v>
                </c:pt>
                <c:pt idx="760">
                  <c:v>2465.026848</c:v>
                </c:pt>
                <c:pt idx="761">
                  <c:v>2466.9556640000001</c:v>
                </c:pt>
                <c:pt idx="762">
                  <c:v>2468.8844800000002</c:v>
                </c:pt>
                <c:pt idx="763">
                  <c:v>2470.8132959999998</c:v>
                </c:pt>
                <c:pt idx="764">
                  <c:v>2472.7421119999999</c:v>
                </c:pt>
                <c:pt idx="765">
                  <c:v>2474.670928</c:v>
                </c:pt>
                <c:pt idx="766">
                  <c:v>2476.5997440000001</c:v>
                </c:pt>
                <c:pt idx="767">
                  <c:v>2478.5285600000002</c:v>
                </c:pt>
                <c:pt idx="768">
                  <c:v>2480.4573759999998</c:v>
                </c:pt>
                <c:pt idx="769">
                  <c:v>2482.3861919999999</c:v>
                </c:pt>
                <c:pt idx="770">
                  <c:v>2484.315008</c:v>
                </c:pt>
                <c:pt idx="771">
                  <c:v>2486.2438240000001</c:v>
                </c:pt>
                <c:pt idx="772">
                  <c:v>2488.1726399999998</c:v>
                </c:pt>
                <c:pt idx="773">
                  <c:v>2490.1014559999999</c:v>
                </c:pt>
                <c:pt idx="774">
                  <c:v>2492.030272</c:v>
                </c:pt>
                <c:pt idx="775">
                  <c:v>2493.9590880000001</c:v>
                </c:pt>
                <c:pt idx="776">
                  <c:v>2495.8879040000002</c:v>
                </c:pt>
                <c:pt idx="777">
                  <c:v>2497.8167199999998</c:v>
                </c:pt>
                <c:pt idx="778">
                  <c:v>2499.7455359999999</c:v>
                </c:pt>
                <c:pt idx="779">
                  <c:v>2501.674352</c:v>
                </c:pt>
                <c:pt idx="780">
                  <c:v>2503.6031680000001</c:v>
                </c:pt>
                <c:pt idx="781">
                  <c:v>2505.5319840000002</c:v>
                </c:pt>
                <c:pt idx="782">
                  <c:v>2507.4607999999998</c:v>
                </c:pt>
                <c:pt idx="783">
                  <c:v>2509.3896159999999</c:v>
                </c:pt>
                <c:pt idx="784">
                  <c:v>2511.318432</c:v>
                </c:pt>
                <c:pt idx="785">
                  <c:v>2513.2472480000001</c:v>
                </c:pt>
                <c:pt idx="786">
                  <c:v>2515.1760640000002</c:v>
                </c:pt>
                <c:pt idx="787">
                  <c:v>2517.1048799999999</c:v>
                </c:pt>
                <c:pt idx="788">
                  <c:v>2519.033696</c:v>
                </c:pt>
                <c:pt idx="789">
                  <c:v>2520.9625120000001</c:v>
                </c:pt>
                <c:pt idx="790">
                  <c:v>2522.8913280000002</c:v>
                </c:pt>
                <c:pt idx="791">
                  <c:v>2524.8201439999998</c:v>
                </c:pt>
                <c:pt idx="792">
                  <c:v>2526.7489599999999</c:v>
                </c:pt>
                <c:pt idx="793">
                  <c:v>2528.677776</c:v>
                </c:pt>
                <c:pt idx="794">
                  <c:v>2530.6065920000001</c:v>
                </c:pt>
                <c:pt idx="795">
                  <c:v>2532.5354080000002</c:v>
                </c:pt>
                <c:pt idx="796">
                  <c:v>2534.4642239999998</c:v>
                </c:pt>
                <c:pt idx="797">
                  <c:v>2536.3930399999999</c:v>
                </c:pt>
                <c:pt idx="798">
                  <c:v>2538.321856</c:v>
                </c:pt>
                <c:pt idx="799">
                  <c:v>2540.2506720000001</c:v>
                </c:pt>
                <c:pt idx="800">
                  <c:v>2542.1794880000002</c:v>
                </c:pt>
                <c:pt idx="801">
                  <c:v>2544.1083039999999</c:v>
                </c:pt>
                <c:pt idx="802">
                  <c:v>2546.03712</c:v>
                </c:pt>
                <c:pt idx="803">
                  <c:v>2547.9659360000001</c:v>
                </c:pt>
                <c:pt idx="804">
                  <c:v>2549.8947520000002</c:v>
                </c:pt>
                <c:pt idx="805">
                  <c:v>2551.8235679999998</c:v>
                </c:pt>
                <c:pt idx="806">
                  <c:v>2553.7523839999999</c:v>
                </c:pt>
                <c:pt idx="807">
                  <c:v>2555.6812</c:v>
                </c:pt>
                <c:pt idx="808">
                  <c:v>2557.6100160000001</c:v>
                </c:pt>
                <c:pt idx="809">
                  <c:v>2559.5388320000002</c:v>
                </c:pt>
                <c:pt idx="810">
                  <c:v>2561.4676479999998</c:v>
                </c:pt>
                <c:pt idx="811">
                  <c:v>2563.3964639999999</c:v>
                </c:pt>
                <c:pt idx="812">
                  <c:v>2565.32528</c:v>
                </c:pt>
                <c:pt idx="813">
                  <c:v>2567.2540960000001</c:v>
                </c:pt>
                <c:pt idx="814">
                  <c:v>2569.1829120000002</c:v>
                </c:pt>
                <c:pt idx="815">
                  <c:v>2571.1117279999999</c:v>
                </c:pt>
                <c:pt idx="816">
                  <c:v>2573.040544</c:v>
                </c:pt>
                <c:pt idx="817">
                  <c:v>2574.9693600000001</c:v>
                </c:pt>
                <c:pt idx="818">
                  <c:v>2576.8981760000001</c:v>
                </c:pt>
                <c:pt idx="819">
                  <c:v>2578.8269919999998</c:v>
                </c:pt>
                <c:pt idx="820">
                  <c:v>2580.7558079999999</c:v>
                </c:pt>
                <c:pt idx="821">
                  <c:v>2582.684624</c:v>
                </c:pt>
                <c:pt idx="822">
                  <c:v>2584.6134400000001</c:v>
                </c:pt>
                <c:pt idx="823">
                  <c:v>2586.5422560000002</c:v>
                </c:pt>
                <c:pt idx="824">
                  <c:v>2588.4710719999998</c:v>
                </c:pt>
                <c:pt idx="825">
                  <c:v>2590.3998879999999</c:v>
                </c:pt>
                <c:pt idx="826">
                  <c:v>2592.328704</c:v>
                </c:pt>
                <c:pt idx="827">
                  <c:v>2594.2575200000001</c:v>
                </c:pt>
                <c:pt idx="828">
                  <c:v>2596.1863360000002</c:v>
                </c:pt>
                <c:pt idx="829">
                  <c:v>2598.1151519999999</c:v>
                </c:pt>
                <c:pt idx="830">
                  <c:v>2600.0439679999999</c:v>
                </c:pt>
                <c:pt idx="831">
                  <c:v>2601.972784</c:v>
                </c:pt>
                <c:pt idx="832">
                  <c:v>2603.9016000000001</c:v>
                </c:pt>
                <c:pt idx="833">
                  <c:v>2605.8304159999998</c:v>
                </c:pt>
                <c:pt idx="834">
                  <c:v>2607.7592319999999</c:v>
                </c:pt>
                <c:pt idx="835">
                  <c:v>2609.688048</c:v>
                </c:pt>
                <c:pt idx="836">
                  <c:v>2611.6168640000001</c:v>
                </c:pt>
                <c:pt idx="837">
                  <c:v>2613.5456800000002</c:v>
                </c:pt>
                <c:pt idx="838">
                  <c:v>2615.4744959999998</c:v>
                </c:pt>
                <c:pt idx="839">
                  <c:v>2617.4033119999999</c:v>
                </c:pt>
                <c:pt idx="840">
                  <c:v>2619.332128</c:v>
                </c:pt>
                <c:pt idx="841">
                  <c:v>2621.2609440000001</c:v>
                </c:pt>
                <c:pt idx="842">
                  <c:v>2623.1897600000002</c:v>
                </c:pt>
                <c:pt idx="843">
                  <c:v>2625.1185759999998</c:v>
                </c:pt>
                <c:pt idx="844">
                  <c:v>2627.0473919999999</c:v>
                </c:pt>
                <c:pt idx="845">
                  <c:v>2628.976208</c:v>
                </c:pt>
                <c:pt idx="846">
                  <c:v>2630.9050240000001</c:v>
                </c:pt>
                <c:pt idx="847">
                  <c:v>2632.8338399999998</c:v>
                </c:pt>
                <c:pt idx="848">
                  <c:v>2634.7626559999999</c:v>
                </c:pt>
                <c:pt idx="849">
                  <c:v>2636.691472</c:v>
                </c:pt>
                <c:pt idx="850">
                  <c:v>2638.6202880000001</c:v>
                </c:pt>
                <c:pt idx="851">
                  <c:v>2640.5491040000002</c:v>
                </c:pt>
                <c:pt idx="852">
                  <c:v>2642.4779199999998</c:v>
                </c:pt>
                <c:pt idx="853">
                  <c:v>2644.4067359999999</c:v>
                </c:pt>
                <c:pt idx="854">
                  <c:v>2646.335552</c:v>
                </c:pt>
                <c:pt idx="855">
                  <c:v>2648.2643680000001</c:v>
                </c:pt>
                <c:pt idx="856">
                  <c:v>2650.1931840000002</c:v>
                </c:pt>
                <c:pt idx="857">
                  <c:v>2652.1219999999998</c:v>
                </c:pt>
                <c:pt idx="858">
                  <c:v>2654.0508159999999</c:v>
                </c:pt>
                <c:pt idx="859">
                  <c:v>2655.979632</c:v>
                </c:pt>
                <c:pt idx="860">
                  <c:v>2657.9084480000001</c:v>
                </c:pt>
                <c:pt idx="861">
                  <c:v>2659.8372639999998</c:v>
                </c:pt>
                <c:pt idx="862">
                  <c:v>2661.7660799999999</c:v>
                </c:pt>
                <c:pt idx="863">
                  <c:v>2663.694896</c:v>
                </c:pt>
                <c:pt idx="864">
                  <c:v>2665.6237120000001</c:v>
                </c:pt>
                <c:pt idx="865">
                  <c:v>2667.5525280000002</c:v>
                </c:pt>
                <c:pt idx="866">
                  <c:v>2669.4813439999998</c:v>
                </c:pt>
                <c:pt idx="867">
                  <c:v>2671.4101599999999</c:v>
                </c:pt>
                <c:pt idx="868">
                  <c:v>2673.338976</c:v>
                </c:pt>
                <c:pt idx="869">
                  <c:v>2675.2677920000001</c:v>
                </c:pt>
                <c:pt idx="870">
                  <c:v>2677.1966080000002</c:v>
                </c:pt>
                <c:pt idx="871">
                  <c:v>2679.1254239999998</c:v>
                </c:pt>
                <c:pt idx="872">
                  <c:v>2681.0542399999999</c:v>
                </c:pt>
                <c:pt idx="873">
                  <c:v>2682.983056</c:v>
                </c:pt>
                <c:pt idx="874">
                  <c:v>2684.9118720000001</c:v>
                </c:pt>
                <c:pt idx="875">
                  <c:v>2686.8406880000002</c:v>
                </c:pt>
                <c:pt idx="876">
                  <c:v>2688.7695039999999</c:v>
                </c:pt>
                <c:pt idx="877">
                  <c:v>2690.69832</c:v>
                </c:pt>
                <c:pt idx="878">
                  <c:v>2692.6271360000001</c:v>
                </c:pt>
                <c:pt idx="879">
                  <c:v>2694.5559520000002</c:v>
                </c:pt>
                <c:pt idx="880">
                  <c:v>2696.4847679999998</c:v>
                </c:pt>
                <c:pt idx="881">
                  <c:v>2698.4135839999999</c:v>
                </c:pt>
                <c:pt idx="882">
                  <c:v>2700.3424</c:v>
                </c:pt>
                <c:pt idx="883">
                  <c:v>2702.2712160000001</c:v>
                </c:pt>
                <c:pt idx="884">
                  <c:v>2704.2000320000002</c:v>
                </c:pt>
                <c:pt idx="885">
                  <c:v>2706.1288479999998</c:v>
                </c:pt>
                <c:pt idx="886">
                  <c:v>2708.0576639999999</c:v>
                </c:pt>
                <c:pt idx="887">
                  <c:v>2709.98648</c:v>
                </c:pt>
                <c:pt idx="888">
                  <c:v>2711.9152960000001</c:v>
                </c:pt>
                <c:pt idx="889">
                  <c:v>2713.8441120000002</c:v>
                </c:pt>
                <c:pt idx="890">
                  <c:v>2715.7729279999999</c:v>
                </c:pt>
                <c:pt idx="891">
                  <c:v>2717.701744</c:v>
                </c:pt>
                <c:pt idx="892">
                  <c:v>2719.6305600000001</c:v>
                </c:pt>
                <c:pt idx="893">
                  <c:v>2721.5593760000002</c:v>
                </c:pt>
                <c:pt idx="894">
                  <c:v>2723.4881919999998</c:v>
                </c:pt>
                <c:pt idx="895">
                  <c:v>2725.4170079999999</c:v>
                </c:pt>
                <c:pt idx="896">
                  <c:v>2727.345824</c:v>
                </c:pt>
                <c:pt idx="897">
                  <c:v>2729.2746400000001</c:v>
                </c:pt>
                <c:pt idx="898">
                  <c:v>2731.2034560000002</c:v>
                </c:pt>
                <c:pt idx="899">
                  <c:v>2733.1322719999998</c:v>
                </c:pt>
                <c:pt idx="900">
                  <c:v>2735.0610879999999</c:v>
                </c:pt>
                <c:pt idx="901">
                  <c:v>2736.989904</c:v>
                </c:pt>
                <c:pt idx="902">
                  <c:v>2738.9187200000001</c:v>
                </c:pt>
                <c:pt idx="903">
                  <c:v>2740.8475360000002</c:v>
                </c:pt>
                <c:pt idx="904">
                  <c:v>2742.7763519999999</c:v>
                </c:pt>
                <c:pt idx="905">
                  <c:v>2744.705168</c:v>
                </c:pt>
                <c:pt idx="906">
                  <c:v>2746.6339840000001</c:v>
                </c:pt>
                <c:pt idx="907">
                  <c:v>2748.5628000000002</c:v>
                </c:pt>
                <c:pt idx="908">
                  <c:v>2750.4916159999998</c:v>
                </c:pt>
                <c:pt idx="909">
                  <c:v>2752.4204319999999</c:v>
                </c:pt>
                <c:pt idx="910">
                  <c:v>2754.349248</c:v>
                </c:pt>
                <c:pt idx="911">
                  <c:v>2756.2780640000001</c:v>
                </c:pt>
                <c:pt idx="912">
                  <c:v>2758.2068800000002</c:v>
                </c:pt>
                <c:pt idx="913">
                  <c:v>2760.1356959999998</c:v>
                </c:pt>
                <c:pt idx="914">
                  <c:v>2762.0645119999999</c:v>
                </c:pt>
                <c:pt idx="915">
                  <c:v>2763.993328</c:v>
                </c:pt>
                <c:pt idx="916">
                  <c:v>2765.9221440000001</c:v>
                </c:pt>
                <c:pt idx="917">
                  <c:v>2767.8509600000002</c:v>
                </c:pt>
                <c:pt idx="918">
                  <c:v>2769.7797759999999</c:v>
                </c:pt>
                <c:pt idx="919">
                  <c:v>2771.708592</c:v>
                </c:pt>
                <c:pt idx="920">
                  <c:v>2773.6374080000001</c:v>
                </c:pt>
                <c:pt idx="921">
                  <c:v>2775.5662240000001</c:v>
                </c:pt>
                <c:pt idx="922">
                  <c:v>2777.4950399999998</c:v>
                </c:pt>
                <c:pt idx="923">
                  <c:v>2779.4238559999999</c:v>
                </c:pt>
                <c:pt idx="924">
                  <c:v>2781.352672</c:v>
                </c:pt>
                <c:pt idx="925">
                  <c:v>2783.2814880000001</c:v>
                </c:pt>
                <c:pt idx="926">
                  <c:v>2785.2103040000002</c:v>
                </c:pt>
                <c:pt idx="927">
                  <c:v>2787.1391199999998</c:v>
                </c:pt>
                <c:pt idx="928">
                  <c:v>2789.0679359999999</c:v>
                </c:pt>
                <c:pt idx="929">
                  <c:v>2790.996752</c:v>
                </c:pt>
                <c:pt idx="930">
                  <c:v>2792.9255680000001</c:v>
                </c:pt>
                <c:pt idx="931">
                  <c:v>2794.8543840000002</c:v>
                </c:pt>
                <c:pt idx="932">
                  <c:v>2796.7831999999999</c:v>
                </c:pt>
                <c:pt idx="933">
                  <c:v>2798.7120159999999</c:v>
                </c:pt>
                <c:pt idx="934">
                  <c:v>2800.640832</c:v>
                </c:pt>
                <c:pt idx="935">
                  <c:v>2802.5696480000001</c:v>
                </c:pt>
                <c:pt idx="936">
                  <c:v>2804.4984639999998</c:v>
                </c:pt>
                <c:pt idx="937">
                  <c:v>2806.4272799999999</c:v>
                </c:pt>
                <c:pt idx="938">
                  <c:v>2808.356096</c:v>
                </c:pt>
                <c:pt idx="939">
                  <c:v>2810.2849120000001</c:v>
                </c:pt>
                <c:pt idx="940">
                  <c:v>2812.2137280000002</c:v>
                </c:pt>
                <c:pt idx="941">
                  <c:v>2814.1425439999998</c:v>
                </c:pt>
                <c:pt idx="942">
                  <c:v>2816.0713599999999</c:v>
                </c:pt>
                <c:pt idx="943">
                  <c:v>2818.000176</c:v>
                </c:pt>
                <c:pt idx="944">
                  <c:v>2819.9289920000001</c:v>
                </c:pt>
                <c:pt idx="945">
                  <c:v>2821.8578080000002</c:v>
                </c:pt>
                <c:pt idx="946">
                  <c:v>2823.7866239999998</c:v>
                </c:pt>
                <c:pt idx="947">
                  <c:v>2825.7154399999999</c:v>
                </c:pt>
                <c:pt idx="948">
                  <c:v>2827.644256</c:v>
                </c:pt>
                <c:pt idx="949">
                  <c:v>2829.5730720000001</c:v>
                </c:pt>
                <c:pt idx="950">
                  <c:v>2831.5018879999998</c:v>
                </c:pt>
                <c:pt idx="951">
                  <c:v>2833.4307039999999</c:v>
                </c:pt>
                <c:pt idx="952">
                  <c:v>2835.35952</c:v>
                </c:pt>
                <c:pt idx="953">
                  <c:v>2837.2883360000001</c:v>
                </c:pt>
                <c:pt idx="954">
                  <c:v>2839.2171520000002</c:v>
                </c:pt>
                <c:pt idx="955">
                  <c:v>2841.1459679999998</c:v>
                </c:pt>
                <c:pt idx="956">
                  <c:v>2843.0747839999999</c:v>
                </c:pt>
                <c:pt idx="957">
                  <c:v>2845.0036</c:v>
                </c:pt>
                <c:pt idx="958">
                  <c:v>2846.9324160000001</c:v>
                </c:pt>
                <c:pt idx="959">
                  <c:v>2848.8612320000002</c:v>
                </c:pt>
                <c:pt idx="960">
                  <c:v>2850.7900479999998</c:v>
                </c:pt>
                <c:pt idx="961">
                  <c:v>2852.7188639999999</c:v>
                </c:pt>
                <c:pt idx="962">
                  <c:v>2854.64768</c:v>
                </c:pt>
                <c:pt idx="963">
                  <c:v>2856.5764960000001</c:v>
                </c:pt>
                <c:pt idx="964">
                  <c:v>2858.5053119999998</c:v>
                </c:pt>
                <c:pt idx="965">
                  <c:v>2860.4341279999999</c:v>
                </c:pt>
                <c:pt idx="966">
                  <c:v>2862.362944</c:v>
                </c:pt>
                <c:pt idx="967">
                  <c:v>2864.2917600000001</c:v>
                </c:pt>
                <c:pt idx="968">
                  <c:v>2866.2205760000002</c:v>
                </c:pt>
                <c:pt idx="969">
                  <c:v>2868.1493919999998</c:v>
                </c:pt>
                <c:pt idx="970">
                  <c:v>2870.0782079999999</c:v>
                </c:pt>
                <c:pt idx="971">
                  <c:v>2872.007024</c:v>
                </c:pt>
                <c:pt idx="972">
                  <c:v>2873.9358400000001</c:v>
                </c:pt>
                <c:pt idx="973">
                  <c:v>2875.8646560000002</c:v>
                </c:pt>
                <c:pt idx="974">
                  <c:v>2877.7934719999998</c:v>
                </c:pt>
                <c:pt idx="975">
                  <c:v>2879.7222879999999</c:v>
                </c:pt>
                <c:pt idx="976">
                  <c:v>2881.651104</c:v>
                </c:pt>
                <c:pt idx="977">
                  <c:v>2883.5799200000001</c:v>
                </c:pt>
                <c:pt idx="978">
                  <c:v>2885.5087360000002</c:v>
                </c:pt>
                <c:pt idx="979">
                  <c:v>2887.4375519999999</c:v>
                </c:pt>
                <c:pt idx="980">
                  <c:v>2889.366368</c:v>
                </c:pt>
                <c:pt idx="981">
                  <c:v>2891.2951840000001</c:v>
                </c:pt>
                <c:pt idx="982">
                  <c:v>2893.2240000000002</c:v>
                </c:pt>
                <c:pt idx="983">
                  <c:v>2895.1528159999998</c:v>
                </c:pt>
                <c:pt idx="984">
                  <c:v>2897.0816319999999</c:v>
                </c:pt>
                <c:pt idx="985">
                  <c:v>2899.010448</c:v>
                </c:pt>
                <c:pt idx="986">
                  <c:v>2900.9392640000001</c:v>
                </c:pt>
                <c:pt idx="987">
                  <c:v>2902.8680800000002</c:v>
                </c:pt>
                <c:pt idx="988">
                  <c:v>2904.7968959999998</c:v>
                </c:pt>
                <c:pt idx="989">
                  <c:v>2906.7257119999999</c:v>
                </c:pt>
                <c:pt idx="990">
                  <c:v>2908.654528</c:v>
                </c:pt>
                <c:pt idx="991">
                  <c:v>2910.5833440000001</c:v>
                </c:pt>
                <c:pt idx="992">
                  <c:v>2912.5121600000002</c:v>
                </c:pt>
                <c:pt idx="993">
                  <c:v>2914.4409759999999</c:v>
                </c:pt>
                <c:pt idx="994">
                  <c:v>2916.369792</c:v>
                </c:pt>
                <c:pt idx="995">
                  <c:v>2918.2986080000001</c:v>
                </c:pt>
                <c:pt idx="996">
                  <c:v>2920.2274240000002</c:v>
                </c:pt>
                <c:pt idx="997">
                  <c:v>2922.1562399999998</c:v>
                </c:pt>
                <c:pt idx="998">
                  <c:v>2924.0850559999999</c:v>
                </c:pt>
                <c:pt idx="999">
                  <c:v>2926.013872</c:v>
                </c:pt>
                <c:pt idx="1000">
                  <c:v>2927.9426880000001</c:v>
                </c:pt>
                <c:pt idx="1001">
                  <c:v>2929.8715040000002</c:v>
                </c:pt>
                <c:pt idx="1002">
                  <c:v>2931.8003199999998</c:v>
                </c:pt>
                <c:pt idx="1003">
                  <c:v>2933.7291359999999</c:v>
                </c:pt>
                <c:pt idx="1004">
                  <c:v>2935.657952</c:v>
                </c:pt>
                <c:pt idx="1005">
                  <c:v>2937.5867680000001</c:v>
                </c:pt>
                <c:pt idx="1006">
                  <c:v>2939.5155840000002</c:v>
                </c:pt>
                <c:pt idx="1007">
                  <c:v>2941.4443999999999</c:v>
                </c:pt>
                <c:pt idx="1008">
                  <c:v>2943.373216</c:v>
                </c:pt>
                <c:pt idx="1009">
                  <c:v>2945.3020320000001</c:v>
                </c:pt>
                <c:pt idx="1010">
                  <c:v>2947.2308480000002</c:v>
                </c:pt>
                <c:pt idx="1011">
                  <c:v>2949.1596639999998</c:v>
                </c:pt>
                <c:pt idx="1012">
                  <c:v>2951.0884799999999</c:v>
                </c:pt>
                <c:pt idx="1013">
                  <c:v>2953.017296</c:v>
                </c:pt>
                <c:pt idx="1014">
                  <c:v>2954.9461120000001</c:v>
                </c:pt>
                <c:pt idx="1015">
                  <c:v>2956.8749280000002</c:v>
                </c:pt>
                <c:pt idx="1016">
                  <c:v>2958.8037439999998</c:v>
                </c:pt>
                <c:pt idx="1017">
                  <c:v>2960.7325599999999</c:v>
                </c:pt>
                <c:pt idx="1018">
                  <c:v>2962.661376</c:v>
                </c:pt>
                <c:pt idx="1019">
                  <c:v>2964.5901920000001</c:v>
                </c:pt>
                <c:pt idx="1020">
                  <c:v>2966.5190080000002</c:v>
                </c:pt>
                <c:pt idx="1021">
                  <c:v>2968.4478239999999</c:v>
                </c:pt>
                <c:pt idx="1022">
                  <c:v>2970.37664</c:v>
                </c:pt>
                <c:pt idx="1023">
                  <c:v>2972.305456</c:v>
                </c:pt>
                <c:pt idx="1024">
                  <c:v>2974.2342720000001</c:v>
                </c:pt>
                <c:pt idx="1025">
                  <c:v>2976.1630879999998</c:v>
                </c:pt>
                <c:pt idx="1026">
                  <c:v>2978.0919039999999</c:v>
                </c:pt>
                <c:pt idx="1027">
                  <c:v>2980.02072</c:v>
                </c:pt>
                <c:pt idx="1028">
                  <c:v>2981.9495360000001</c:v>
                </c:pt>
                <c:pt idx="1029">
                  <c:v>2983.8783520000002</c:v>
                </c:pt>
                <c:pt idx="1030">
                  <c:v>2985.8071679999998</c:v>
                </c:pt>
                <c:pt idx="1031">
                  <c:v>2987.7359839999999</c:v>
                </c:pt>
                <c:pt idx="1032">
                  <c:v>2989.6648</c:v>
                </c:pt>
                <c:pt idx="1033">
                  <c:v>2991.5936160000001</c:v>
                </c:pt>
                <c:pt idx="1034">
                  <c:v>2993.5224320000002</c:v>
                </c:pt>
                <c:pt idx="1035">
                  <c:v>2995.4512479999999</c:v>
                </c:pt>
                <c:pt idx="1036">
                  <c:v>2997.3800639999999</c:v>
                </c:pt>
                <c:pt idx="1037">
                  <c:v>2999.30888</c:v>
                </c:pt>
                <c:pt idx="1038">
                  <c:v>3001.2376960000001</c:v>
                </c:pt>
                <c:pt idx="1039">
                  <c:v>3003.1665119999998</c:v>
                </c:pt>
                <c:pt idx="1040">
                  <c:v>3005.0953279999999</c:v>
                </c:pt>
                <c:pt idx="1041">
                  <c:v>3007.024144</c:v>
                </c:pt>
                <c:pt idx="1042">
                  <c:v>3008.9529600000001</c:v>
                </c:pt>
                <c:pt idx="1043">
                  <c:v>3010.8817760000002</c:v>
                </c:pt>
                <c:pt idx="1044">
                  <c:v>3012.8105919999998</c:v>
                </c:pt>
                <c:pt idx="1045">
                  <c:v>3014.7394079999999</c:v>
                </c:pt>
                <c:pt idx="1046">
                  <c:v>3016.668224</c:v>
                </c:pt>
                <c:pt idx="1047">
                  <c:v>3018.5970400000001</c:v>
                </c:pt>
                <c:pt idx="1048">
                  <c:v>3020.5258560000002</c:v>
                </c:pt>
                <c:pt idx="1049">
                  <c:v>3022.4546719999998</c:v>
                </c:pt>
                <c:pt idx="1050">
                  <c:v>3024.3834879999999</c:v>
                </c:pt>
                <c:pt idx="1051">
                  <c:v>3026.312304</c:v>
                </c:pt>
                <c:pt idx="1052">
                  <c:v>3028.2411200000001</c:v>
                </c:pt>
                <c:pt idx="1053">
                  <c:v>3030.1699359999998</c:v>
                </c:pt>
                <c:pt idx="1054">
                  <c:v>3032.0987519999999</c:v>
                </c:pt>
                <c:pt idx="1055">
                  <c:v>3034.027568</c:v>
                </c:pt>
                <c:pt idx="1056">
                  <c:v>3035.9563840000001</c:v>
                </c:pt>
                <c:pt idx="1057">
                  <c:v>3037.8852000000002</c:v>
                </c:pt>
                <c:pt idx="1058">
                  <c:v>3039.8140159999998</c:v>
                </c:pt>
                <c:pt idx="1059">
                  <c:v>3041.7428319999999</c:v>
                </c:pt>
                <c:pt idx="1060">
                  <c:v>3043.671648</c:v>
                </c:pt>
                <c:pt idx="1061">
                  <c:v>3045.6004640000001</c:v>
                </c:pt>
                <c:pt idx="1062">
                  <c:v>3047.5292800000002</c:v>
                </c:pt>
                <c:pt idx="1063">
                  <c:v>3049.4580959999998</c:v>
                </c:pt>
                <c:pt idx="1064">
                  <c:v>3051.3869119999999</c:v>
                </c:pt>
                <c:pt idx="1065">
                  <c:v>3053.315728</c:v>
                </c:pt>
                <c:pt idx="1066">
                  <c:v>3055.2445440000001</c:v>
                </c:pt>
                <c:pt idx="1067">
                  <c:v>3057.1733599999998</c:v>
                </c:pt>
                <c:pt idx="1068">
                  <c:v>3059.1021759999999</c:v>
                </c:pt>
                <c:pt idx="1069">
                  <c:v>3061.030992</c:v>
                </c:pt>
                <c:pt idx="1070">
                  <c:v>3062.9598080000001</c:v>
                </c:pt>
                <c:pt idx="1071">
                  <c:v>3064.8886240000002</c:v>
                </c:pt>
                <c:pt idx="1072">
                  <c:v>3066.8174399999998</c:v>
                </c:pt>
                <c:pt idx="1073">
                  <c:v>3068.7462559999999</c:v>
                </c:pt>
                <c:pt idx="1074">
                  <c:v>3070.675072</c:v>
                </c:pt>
                <c:pt idx="1075">
                  <c:v>3072.6038880000001</c:v>
                </c:pt>
                <c:pt idx="1076">
                  <c:v>3074.5327040000002</c:v>
                </c:pt>
                <c:pt idx="1077">
                  <c:v>3076.4615199999998</c:v>
                </c:pt>
                <c:pt idx="1078">
                  <c:v>3078.3903359999999</c:v>
                </c:pt>
                <c:pt idx="1079">
                  <c:v>3080.319152</c:v>
                </c:pt>
                <c:pt idx="1080">
                  <c:v>3082.2479680000001</c:v>
                </c:pt>
                <c:pt idx="1081">
                  <c:v>3084.1767840000002</c:v>
                </c:pt>
                <c:pt idx="1082">
                  <c:v>3086.1055999999999</c:v>
                </c:pt>
                <c:pt idx="1083">
                  <c:v>3088.034416</c:v>
                </c:pt>
                <c:pt idx="1084">
                  <c:v>3089.9632320000001</c:v>
                </c:pt>
                <c:pt idx="1085">
                  <c:v>3091.8920480000002</c:v>
                </c:pt>
                <c:pt idx="1086">
                  <c:v>3093.8208639999998</c:v>
                </c:pt>
                <c:pt idx="1087">
                  <c:v>3095.7496799999999</c:v>
                </c:pt>
                <c:pt idx="1088">
                  <c:v>3097.678496</c:v>
                </c:pt>
                <c:pt idx="1089">
                  <c:v>3099.6073120000001</c:v>
                </c:pt>
                <c:pt idx="1090">
                  <c:v>3101.5361280000002</c:v>
                </c:pt>
                <c:pt idx="1091">
                  <c:v>3103.4649439999998</c:v>
                </c:pt>
                <c:pt idx="1092">
                  <c:v>3105.3937599999999</c:v>
                </c:pt>
                <c:pt idx="1093">
                  <c:v>3107.322576</c:v>
                </c:pt>
                <c:pt idx="1094">
                  <c:v>3109.2513920000001</c:v>
                </c:pt>
                <c:pt idx="1095">
                  <c:v>3111.1802080000002</c:v>
                </c:pt>
                <c:pt idx="1096">
                  <c:v>3113.1090239999999</c:v>
                </c:pt>
                <c:pt idx="1097">
                  <c:v>3115.03784</c:v>
                </c:pt>
                <c:pt idx="1098">
                  <c:v>3116.9666560000001</c:v>
                </c:pt>
                <c:pt idx="1099">
                  <c:v>3118.8954720000002</c:v>
                </c:pt>
                <c:pt idx="1100">
                  <c:v>3120.8242879999998</c:v>
                </c:pt>
                <c:pt idx="1101">
                  <c:v>3122.7531039999999</c:v>
                </c:pt>
                <c:pt idx="1102">
                  <c:v>3124.68192</c:v>
                </c:pt>
                <c:pt idx="1103">
                  <c:v>3126.6107360000001</c:v>
                </c:pt>
                <c:pt idx="1104">
                  <c:v>3128.5395520000002</c:v>
                </c:pt>
                <c:pt idx="1105">
                  <c:v>3130.4683679999998</c:v>
                </c:pt>
                <c:pt idx="1106">
                  <c:v>3132.3971839999999</c:v>
                </c:pt>
                <c:pt idx="1107">
                  <c:v>3134.326</c:v>
                </c:pt>
                <c:pt idx="1108">
                  <c:v>3136.2548160000001</c:v>
                </c:pt>
                <c:pt idx="1109">
                  <c:v>3138.1836320000002</c:v>
                </c:pt>
                <c:pt idx="1110">
                  <c:v>3140.1124479999999</c:v>
                </c:pt>
                <c:pt idx="1111">
                  <c:v>3142.041264</c:v>
                </c:pt>
                <c:pt idx="1112">
                  <c:v>3143.9700800000001</c:v>
                </c:pt>
                <c:pt idx="1113">
                  <c:v>3145.8988960000001</c:v>
                </c:pt>
                <c:pt idx="1114">
                  <c:v>3147.8277119999998</c:v>
                </c:pt>
                <c:pt idx="1115">
                  <c:v>3149.7565279999999</c:v>
                </c:pt>
                <c:pt idx="1116">
                  <c:v>3151.685344</c:v>
                </c:pt>
                <c:pt idx="1117">
                  <c:v>3153.6141600000001</c:v>
                </c:pt>
                <c:pt idx="1118">
                  <c:v>3155.5429760000002</c:v>
                </c:pt>
                <c:pt idx="1119">
                  <c:v>3157.4717919999998</c:v>
                </c:pt>
                <c:pt idx="1120">
                  <c:v>3159.4006079999999</c:v>
                </c:pt>
                <c:pt idx="1121">
                  <c:v>3161.329424</c:v>
                </c:pt>
                <c:pt idx="1122">
                  <c:v>3163.2582400000001</c:v>
                </c:pt>
                <c:pt idx="1123">
                  <c:v>3165.1870560000002</c:v>
                </c:pt>
                <c:pt idx="1124">
                  <c:v>3167.1158719999999</c:v>
                </c:pt>
                <c:pt idx="1125">
                  <c:v>3169.044688</c:v>
                </c:pt>
                <c:pt idx="1126">
                  <c:v>3170.973504</c:v>
                </c:pt>
                <c:pt idx="1127">
                  <c:v>3172.9023200000001</c:v>
                </c:pt>
                <c:pt idx="1128">
                  <c:v>3174.8311359999998</c:v>
                </c:pt>
                <c:pt idx="1129">
                  <c:v>3176.7599519999999</c:v>
                </c:pt>
                <c:pt idx="1130">
                  <c:v>3178.688768</c:v>
                </c:pt>
                <c:pt idx="1131">
                  <c:v>3180.6175840000001</c:v>
                </c:pt>
                <c:pt idx="1132">
                  <c:v>3182.5464000000002</c:v>
                </c:pt>
                <c:pt idx="1133">
                  <c:v>3184.4752159999998</c:v>
                </c:pt>
                <c:pt idx="1134">
                  <c:v>3186.4040319999999</c:v>
                </c:pt>
                <c:pt idx="1135">
                  <c:v>3188.332848</c:v>
                </c:pt>
                <c:pt idx="1136">
                  <c:v>3190.2616640000001</c:v>
                </c:pt>
                <c:pt idx="1137">
                  <c:v>3192.1904800000002</c:v>
                </c:pt>
                <c:pt idx="1138">
                  <c:v>3194.1192959999998</c:v>
                </c:pt>
                <c:pt idx="1139">
                  <c:v>3196.0481119999999</c:v>
                </c:pt>
                <c:pt idx="1140">
                  <c:v>3197.976928</c:v>
                </c:pt>
                <c:pt idx="1141">
                  <c:v>3199.9057440000001</c:v>
                </c:pt>
                <c:pt idx="1142">
                  <c:v>3201.8345599999998</c:v>
                </c:pt>
                <c:pt idx="1143">
                  <c:v>3203.7633759999999</c:v>
                </c:pt>
                <c:pt idx="1144">
                  <c:v>3205.692192</c:v>
                </c:pt>
                <c:pt idx="1145">
                  <c:v>3207.6210080000001</c:v>
                </c:pt>
                <c:pt idx="1146">
                  <c:v>3209.5498240000002</c:v>
                </c:pt>
                <c:pt idx="1147">
                  <c:v>3211.4786399999998</c:v>
                </c:pt>
                <c:pt idx="1148">
                  <c:v>3213.4074559999999</c:v>
                </c:pt>
                <c:pt idx="1149">
                  <c:v>3215.336272</c:v>
                </c:pt>
                <c:pt idx="1150">
                  <c:v>3217.2650880000001</c:v>
                </c:pt>
                <c:pt idx="1151">
                  <c:v>3219.1939040000002</c:v>
                </c:pt>
                <c:pt idx="1152">
                  <c:v>3221.1227199999998</c:v>
                </c:pt>
                <c:pt idx="1153">
                  <c:v>3223.0515359999999</c:v>
                </c:pt>
                <c:pt idx="1154">
                  <c:v>3224.980352</c:v>
                </c:pt>
                <c:pt idx="1155">
                  <c:v>3226.9091680000001</c:v>
                </c:pt>
                <c:pt idx="1156">
                  <c:v>3228.8379839999998</c:v>
                </c:pt>
                <c:pt idx="1157">
                  <c:v>3230.7667999999999</c:v>
                </c:pt>
                <c:pt idx="1158">
                  <c:v>3232.695616</c:v>
                </c:pt>
                <c:pt idx="1159">
                  <c:v>3234.6244320000001</c:v>
                </c:pt>
                <c:pt idx="1160">
                  <c:v>3236.5532480000002</c:v>
                </c:pt>
                <c:pt idx="1161">
                  <c:v>3238.4820639999998</c:v>
                </c:pt>
                <c:pt idx="1162">
                  <c:v>3240.4108799999999</c:v>
                </c:pt>
                <c:pt idx="1163">
                  <c:v>3242.339696</c:v>
                </c:pt>
                <c:pt idx="1164">
                  <c:v>3244.2685120000001</c:v>
                </c:pt>
                <c:pt idx="1165">
                  <c:v>3246.1973280000002</c:v>
                </c:pt>
                <c:pt idx="1166">
                  <c:v>3248.1261439999998</c:v>
                </c:pt>
                <c:pt idx="1167">
                  <c:v>3250.0549599999999</c:v>
                </c:pt>
                <c:pt idx="1168">
                  <c:v>3251.983776</c:v>
                </c:pt>
                <c:pt idx="1169">
                  <c:v>3253.9125920000001</c:v>
                </c:pt>
                <c:pt idx="1170">
                  <c:v>3255.8414079999998</c:v>
                </c:pt>
                <c:pt idx="1171">
                  <c:v>3257.7702239999999</c:v>
                </c:pt>
                <c:pt idx="1172">
                  <c:v>3259.69904</c:v>
                </c:pt>
                <c:pt idx="1173">
                  <c:v>3261.6278560000001</c:v>
                </c:pt>
                <c:pt idx="1174">
                  <c:v>3263.5566720000002</c:v>
                </c:pt>
                <c:pt idx="1175">
                  <c:v>3265.4854879999998</c:v>
                </c:pt>
                <c:pt idx="1176">
                  <c:v>3267.4143039999999</c:v>
                </c:pt>
                <c:pt idx="1177">
                  <c:v>3269.34312</c:v>
                </c:pt>
                <c:pt idx="1178">
                  <c:v>3271.2719360000001</c:v>
                </c:pt>
                <c:pt idx="1179">
                  <c:v>3273.2007520000002</c:v>
                </c:pt>
                <c:pt idx="1180">
                  <c:v>3275.1295679999998</c:v>
                </c:pt>
                <c:pt idx="1181">
                  <c:v>3277.0583839999999</c:v>
                </c:pt>
                <c:pt idx="1182">
                  <c:v>3278.9872</c:v>
                </c:pt>
                <c:pt idx="1183">
                  <c:v>3280.9160160000001</c:v>
                </c:pt>
                <c:pt idx="1184">
                  <c:v>3282.8448320000002</c:v>
                </c:pt>
                <c:pt idx="1185">
                  <c:v>3284.7736479999999</c:v>
                </c:pt>
                <c:pt idx="1186">
                  <c:v>3286.702464</c:v>
                </c:pt>
                <c:pt idx="1187">
                  <c:v>3288.6312800000001</c:v>
                </c:pt>
                <c:pt idx="1188">
                  <c:v>3290.5600960000002</c:v>
                </c:pt>
                <c:pt idx="1189">
                  <c:v>3292.4889119999998</c:v>
                </c:pt>
                <c:pt idx="1190">
                  <c:v>3294.4177279999999</c:v>
                </c:pt>
                <c:pt idx="1191">
                  <c:v>3296.346544</c:v>
                </c:pt>
                <c:pt idx="1192">
                  <c:v>3298.2753600000001</c:v>
                </c:pt>
                <c:pt idx="1193">
                  <c:v>3300.2041760000002</c:v>
                </c:pt>
                <c:pt idx="1194">
                  <c:v>3302.1329919999998</c:v>
                </c:pt>
                <c:pt idx="1195">
                  <c:v>3304.0618079999999</c:v>
                </c:pt>
                <c:pt idx="1196">
                  <c:v>3305.990624</c:v>
                </c:pt>
                <c:pt idx="1197">
                  <c:v>3307.9194400000001</c:v>
                </c:pt>
                <c:pt idx="1198">
                  <c:v>3309.8482560000002</c:v>
                </c:pt>
                <c:pt idx="1199">
                  <c:v>3311.7770719999999</c:v>
                </c:pt>
                <c:pt idx="1200">
                  <c:v>3313.705888</c:v>
                </c:pt>
                <c:pt idx="1201">
                  <c:v>3315.6347040000001</c:v>
                </c:pt>
                <c:pt idx="1202">
                  <c:v>3317.5635200000002</c:v>
                </c:pt>
                <c:pt idx="1203">
                  <c:v>3319.4923359999998</c:v>
                </c:pt>
                <c:pt idx="1204">
                  <c:v>3321.4211519999999</c:v>
                </c:pt>
                <c:pt idx="1205">
                  <c:v>3323.349968</c:v>
                </c:pt>
                <c:pt idx="1206">
                  <c:v>3325.2787840000001</c:v>
                </c:pt>
                <c:pt idx="1207">
                  <c:v>3327.2076000000002</c:v>
                </c:pt>
                <c:pt idx="1208">
                  <c:v>3329.1364159999998</c:v>
                </c:pt>
                <c:pt idx="1209">
                  <c:v>3331.0652319999999</c:v>
                </c:pt>
                <c:pt idx="1210">
                  <c:v>3332.994048</c:v>
                </c:pt>
                <c:pt idx="1211">
                  <c:v>3334.9228640000001</c:v>
                </c:pt>
                <c:pt idx="1212">
                  <c:v>3336.8516800000002</c:v>
                </c:pt>
                <c:pt idx="1213">
                  <c:v>3338.7804959999999</c:v>
                </c:pt>
                <c:pt idx="1214">
                  <c:v>3340.709312</c:v>
                </c:pt>
                <c:pt idx="1215">
                  <c:v>3342.6381280000001</c:v>
                </c:pt>
                <c:pt idx="1216">
                  <c:v>3344.5669440000001</c:v>
                </c:pt>
                <c:pt idx="1217">
                  <c:v>3346.4957599999998</c:v>
                </c:pt>
                <c:pt idx="1218">
                  <c:v>3348.4245759999999</c:v>
                </c:pt>
                <c:pt idx="1219">
                  <c:v>3350.353392</c:v>
                </c:pt>
                <c:pt idx="1220">
                  <c:v>3352.2822080000001</c:v>
                </c:pt>
                <c:pt idx="1221">
                  <c:v>3354.2110240000002</c:v>
                </c:pt>
                <c:pt idx="1222">
                  <c:v>3356.1398399999998</c:v>
                </c:pt>
                <c:pt idx="1223">
                  <c:v>3358.0686559999999</c:v>
                </c:pt>
                <c:pt idx="1224">
                  <c:v>3359.997472</c:v>
                </c:pt>
                <c:pt idx="1225">
                  <c:v>3361.9262880000001</c:v>
                </c:pt>
                <c:pt idx="1226">
                  <c:v>3363.8551040000002</c:v>
                </c:pt>
                <c:pt idx="1227">
                  <c:v>3365.7839199999999</c:v>
                </c:pt>
                <c:pt idx="1228">
                  <c:v>3367.7127359999999</c:v>
                </c:pt>
                <c:pt idx="1229">
                  <c:v>3369.641552</c:v>
                </c:pt>
                <c:pt idx="1230">
                  <c:v>3371.5703680000001</c:v>
                </c:pt>
                <c:pt idx="1231">
                  <c:v>3373.4991839999998</c:v>
                </c:pt>
                <c:pt idx="1232">
                  <c:v>3375.4279999999999</c:v>
                </c:pt>
                <c:pt idx="1233">
                  <c:v>3377.356816</c:v>
                </c:pt>
                <c:pt idx="1234">
                  <c:v>3379.2856320000001</c:v>
                </c:pt>
                <c:pt idx="1235">
                  <c:v>3381.2144480000002</c:v>
                </c:pt>
                <c:pt idx="1236">
                  <c:v>3383.1432639999998</c:v>
                </c:pt>
                <c:pt idx="1237">
                  <c:v>3385.0720799999999</c:v>
                </c:pt>
                <c:pt idx="1238">
                  <c:v>3387.000896</c:v>
                </c:pt>
                <c:pt idx="1239">
                  <c:v>3388.9297120000001</c:v>
                </c:pt>
                <c:pt idx="1240">
                  <c:v>3390.8585280000002</c:v>
                </c:pt>
                <c:pt idx="1241">
                  <c:v>3392.7873439999998</c:v>
                </c:pt>
                <c:pt idx="1242">
                  <c:v>3394.7161599999999</c:v>
                </c:pt>
                <c:pt idx="1243">
                  <c:v>3396.644976</c:v>
                </c:pt>
                <c:pt idx="1244">
                  <c:v>3398.5737920000001</c:v>
                </c:pt>
                <c:pt idx="1245">
                  <c:v>3400.5026079999998</c:v>
                </c:pt>
                <c:pt idx="1246">
                  <c:v>3402.4314239999999</c:v>
                </c:pt>
                <c:pt idx="1247">
                  <c:v>3404.36024</c:v>
                </c:pt>
                <c:pt idx="1248">
                  <c:v>3406.2890560000001</c:v>
                </c:pt>
                <c:pt idx="1249">
                  <c:v>3408.2178720000002</c:v>
                </c:pt>
                <c:pt idx="1250">
                  <c:v>3410.1466879999998</c:v>
                </c:pt>
                <c:pt idx="1251">
                  <c:v>3412.0755039999999</c:v>
                </c:pt>
                <c:pt idx="1252">
                  <c:v>3414.00432</c:v>
                </c:pt>
                <c:pt idx="1253">
                  <c:v>3415.9331360000001</c:v>
                </c:pt>
                <c:pt idx="1254">
                  <c:v>3417.8619520000002</c:v>
                </c:pt>
                <c:pt idx="1255">
                  <c:v>3419.7907679999998</c:v>
                </c:pt>
                <c:pt idx="1256">
                  <c:v>3421.7195839999999</c:v>
                </c:pt>
                <c:pt idx="1257">
                  <c:v>3423.6484</c:v>
                </c:pt>
                <c:pt idx="1258">
                  <c:v>3425.5772160000001</c:v>
                </c:pt>
                <c:pt idx="1259">
                  <c:v>3427.5060319999998</c:v>
                </c:pt>
                <c:pt idx="1260">
                  <c:v>3429.4348479999999</c:v>
                </c:pt>
                <c:pt idx="1261">
                  <c:v>3431.363664</c:v>
                </c:pt>
                <c:pt idx="1262">
                  <c:v>3433.2924800000001</c:v>
                </c:pt>
                <c:pt idx="1263">
                  <c:v>3435.2212960000002</c:v>
                </c:pt>
                <c:pt idx="1264">
                  <c:v>3437.1501119999998</c:v>
                </c:pt>
                <c:pt idx="1265">
                  <c:v>3439.0789279999999</c:v>
                </c:pt>
                <c:pt idx="1266">
                  <c:v>3441.007744</c:v>
                </c:pt>
                <c:pt idx="1267">
                  <c:v>3442.9365600000001</c:v>
                </c:pt>
                <c:pt idx="1268">
                  <c:v>3444.8653760000002</c:v>
                </c:pt>
                <c:pt idx="1269">
                  <c:v>3446.7941919999998</c:v>
                </c:pt>
                <c:pt idx="1270">
                  <c:v>3448.7230079999999</c:v>
                </c:pt>
                <c:pt idx="1271">
                  <c:v>3450.651824</c:v>
                </c:pt>
                <c:pt idx="1272">
                  <c:v>3452.5806400000001</c:v>
                </c:pt>
                <c:pt idx="1273">
                  <c:v>3454.5094559999998</c:v>
                </c:pt>
                <c:pt idx="1274">
                  <c:v>3456.4382719999999</c:v>
                </c:pt>
                <c:pt idx="1275">
                  <c:v>3458.367088</c:v>
                </c:pt>
                <c:pt idx="1276">
                  <c:v>3460.2959040000001</c:v>
                </c:pt>
                <c:pt idx="1277">
                  <c:v>3462.2247200000002</c:v>
                </c:pt>
                <c:pt idx="1278">
                  <c:v>3464.1535359999998</c:v>
                </c:pt>
                <c:pt idx="1279">
                  <c:v>3466.0823519999999</c:v>
                </c:pt>
                <c:pt idx="1280">
                  <c:v>3468.011168</c:v>
                </c:pt>
                <c:pt idx="1281">
                  <c:v>3469.9399840000001</c:v>
                </c:pt>
                <c:pt idx="1282">
                  <c:v>3471.8688000000002</c:v>
                </c:pt>
                <c:pt idx="1283">
                  <c:v>3473.7976159999998</c:v>
                </c:pt>
                <c:pt idx="1284">
                  <c:v>3475.7264319999999</c:v>
                </c:pt>
                <c:pt idx="1285">
                  <c:v>3477.655248</c:v>
                </c:pt>
                <c:pt idx="1286">
                  <c:v>3479.5840640000001</c:v>
                </c:pt>
                <c:pt idx="1287">
                  <c:v>3481.5128800000002</c:v>
                </c:pt>
                <c:pt idx="1288">
                  <c:v>3483.4416959999999</c:v>
                </c:pt>
                <c:pt idx="1289">
                  <c:v>3485.370512</c:v>
                </c:pt>
                <c:pt idx="1290">
                  <c:v>3487.2993280000001</c:v>
                </c:pt>
                <c:pt idx="1291">
                  <c:v>3489.2281440000002</c:v>
                </c:pt>
                <c:pt idx="1292">
                  <c:v>3491.1569599999998</c:v>
                </c:pt>
                <c:pt idx="1293">
                  <c:v>3493.0857759999999</c:v>
                </c:pt>
                <c:pt idx="1294">
                  <c:v>3495.014592</c:v>
                </c:pt>
                <c:pt idx="1295">
                  <c:v>3496.9434080000001</c:v>
                </c:pt>
                <c:pt idx="1296">
                  <c:v>3498.8722240000002</c:v>
                </c:pt>
                <c:pt idx="1297">
                  <c:v>3500.8010399999998</c:v>
                </c:pt>
                <c:pt idx="1298">
                  <c:v>3502.7298559999999</c:v>
                </c:pt>
                <c:pt idx="1299">
                  <c:v>3504.658672</c:v>
                </c:pt>
                <c:pt idx="1300">
                  <c:v>3506.5874880000001</c:v>
                </c:pt>
                <c:pt idx="1301">
                  <c:v>3508.5163040000002</c:v>
                </c:pt>
                <c:pt idx="1302">
                  <c:v>3510.4451199999999</c:v>
                </c:pt>
                <c:pt idx="1303">
                  <c:v>3512.373936</c:v>
                </c:pt>
                <c:pt idx="1304">
                  <c:v>3514.3027520000001</c:v>
                </c:pt>
                <c:pt idx="1305">
                  <c:v>3516.2315680000002</c:v>
                </c:pt>
                <c:pt idx="1306">
                  <c:v>3518.1603839999998</c:v>
                </c:pt>
                <c:pt idx="1307">
                  <c:v>3520.0891999999999</c:v>
                </c:pt>
                <c:pt idx="1308">
                  <c:v>3522.018016</c:v>
                </c:pt>
                <c:pt idx="1309">
                  <c:v>3523.9468320000001</c:v>
                </c:pt>
                <c:pt idx="1310">
                  <c:v>3525.8756480000002</c:v>
                </c:pt>
                <c:pt idx="1311">
                  <c:v>3527.8044639999998</c:v>
                </c:pt>
                <c:pt idx="1312">
                  <c:v>3529.7332799999999</c:v>
                </c:pt>
                <c:pt idx="1313">
                  <c:v>3531.662096</c:v>
                </c:pt>
                <c:pt idx="1314">
                  <c:v>3533.5909120000001</c:v>
                </c:pt>
                <c:pt idx="1315">
                  <c:v>3535.5197280000002</c:v>
                </c:pt>
                <c:pt idx="1316">
                  <c:v>3537.4485439999999</c:v>
                </c:pt>
                <c:pt idx="1317">
                  <c:v>3539.37736</c:v>
                </c:pt>
                <c:pt idx="1318">
                  <c:v>3541.3061760000001</c:v>
                </c:pt>
                <c:pt idx="1319">
                  <c:v>3543.2349920000001</c:v>
                </c:pt>
                <c:pt idx="1320">
                  <c:v>3545.1638079999998</c:v>
                </c:pt>
                <c:pt idx="1321">
                  <c:v>3547.0926239999999</c:v>
                </c:pt>
                <c:pt idx="1322">
                  <c:v>3549.02144</c:v>
                </c:pt>
                <c:pt idx="1323">
                  <c:v>3550.9502560000001</c:v>
                </c:pt>
                <c:pt idx="1324">
                  <c:v>3552.8790720000002</c:v>
                </c:pt>
                <c:pt idx="1325">
                  <c:v>3554.8078879999998</c:v>
                </c:pt>
                <c:pt idx="1326">
                  <c:v>3556.7367039999999</c:v>
                </c:pt>
                <c:pt idx="1327">
                  <c:v>3558.66552</c:v>
                </c:pt>
                <c:pt idx="1328">
                  <c:v>3560.5943360000001</c:v>
                </c:pt>
                <c:pt idx="1329">
                  <c:v>3562.5231520000002</c:v>
                </c:pt>
                <c:pt idx="1330">
                  <c:v>3564.4519679999999</c:v>
                </c:pt>
                <c:pt idx="1331">
                  <c:v>3566.3807839999999</c:v>
                </c:pt>
                <c:pt idx="1332">
                  <c:v>3568.3096</c:v>
                </c:pt>
                <c:pt idx="1333">
                  <c:v>3570.2384160000001</c:v>
                </c:pt>
                <c:pt idx="1334">
                  <c:v>3572.1672319999998</c:v>
                </c:pt>
                <c:pt idx="1335">
                  <c:v>3574.0960479999999</c:v>
                </c:pt>
                <c:pt idx="1336">
                  <c:v>3576.024864</c:v>
                </c:pt>
                <c:pt idx="1337">
                  <c:v>3577.9536800000001</c:v>
                </c:pt>
                <c:pt idx="1338">
                  <c:v>3579.8824960000002</c:v>
                </c:pt>
                <c:pt idx="1339">
                  <c:v>3581.8113119999998</c:v>
                </c:pt>
                <c:pt idx="1340">
                  <c:v>3583.7401279999999</c:v>
                </c:pt>
                <c:pt idx="1341">
                  <c:v>3585.668944</c:v>
                </c:pt>
                <c:pt idx="1342">
                  <c:v>3587.5977600000001</c:v>
                </c:pt>
                <c:pt idx="1343">
                  <c:v>3589.5265760000002</c:v>
                </c:pt>
                <c:pt idx="1344">
                  <c:v>3591.4553919999998</c:v>
                </c:pt>
                <c:pt idx="1345">
                  <c:v>3593.3842079999999</c:v>
                </c:pt>
                <c:pt idx="1346">
                  <c:v>3595.313024</c:v>
                </c:pt>
                <c:pt idx="1347">
                  <c:v>3597.2418400000001</c:v>
                </c:pt>
                <c:pt idx="1348">
                  <c:v>3599.1706559999998</c:v>
                </c:pt>
                <c:pt idx="1349">
                  <c:v>3601.0994719999999</c:v>
                </c:pt>
                <c:pt idx="1350">
                  <c:v>3603.028288</c:v>
                </c:pt>
                <c:pt idx="1351">
                  <c:v>3604.9571040000001</c:v>
                </c:pt>
                <c:pt idx="1352">
                  <c:v>3606.8859200000002</c:v>
                </c:pt>
                <c:pt idx="1353">
                  <c:v>3608.8147359999998</c:v>
                </c:pt>
                <c:pt idx="1354">
                  <c:v>3610.7435519999999</c:v>
                </c:pt>
                <c:pt idx="1355">
                  <c:v>3612.672368</c:v>
                </c:pt>
                <c:pt idx="1356">
                  <c:v>3614.6011840000001</c:v>
                </c:pt>
                <c:pt idx="1357">
                  <c:v>3616.53</c:v>
                </c:pt>
                <c:pt idx="1358">
                  <c:v>3618.4588159999998</c:v>
                </c:pt>
                <c:pt idx="1359">
                  <c:v>3620.3876319999999</c:v>
                </c:pt>
                <c:pt idx="1360">
                  <c:v>3622.316448</c:v>
                </c:pt>
                <c:pt idx="1361">
                  <c:v>3624.2452640000001</c:v>
                </c:pt>
                <c:pt idx="1362">
                  <c:v>3626.1740799999998</c:v>
                </c:pt>
                <c:pt idx="1363">
                  <c:v>3628.1028959999999</c:v>
                </c:pt>
                <c:pt idx="1364">
                  <c:v>3630.031712</c:v>
                </c:pt>
                <c:pt idx="1365">
                  <c:v>3631.9605280000001</c:v>
                </c:pt>
                <c:pt idx="1366">
                  <c:v>3633.8893440000002</c:v>
                </c:pt>
                <c:pt idx="1367">
                  <c:v>3635.8181599999998</c:v>
                </c:pt>
                <c:pt idx="1368">
                  <c:v>3637.7469759999999</c:v>
                </c:pt>
                <c:pt idx="1369">
                  <c:v>3639.675792</c:v>
                </c:pt>
                <c:pt idx="1370">
                  <c:v>3641.6046080000001</c:v>
                </c:pt>
                <c:pt idx="1371">
                  <c:v>3643.5334240000002</c:v>
                </c:pt>
                <c:pt idx="1372">
                  <c:v>3645.4622399999998</c:v>
                </c:pt>
                <c:pt idx="1373">
                  <c:v>3647.3910559999999</c:v>
                </c:pt>
                <c:pt idx="1374">
                  <c:v>3649.319872</c:v>
                </c:pt>
                <c:pt idx="1375">
                  <c:v>3651.2486880000001</c:v>
                </c:pt>
                <c:pt idx="1376">
                  <c:v>3653.1775040000002</c:v>
                </c:pt>
                <c:pt idx="1377">
                  <c:v>3655.1063199999999</c:v>
                </c:pt>
                <c:pt idx="1378">
                  <c:v>3657.035136</c:v>
                </c:pt>
                <c:pt idx="1379">
                  <c:v>3658.9639520000001</c:v>
                </c:pt>
                <c:pt idx="1380">
                  <c:v>3660.8927680000002</c:v>
                </c:pt>
                <c:pt idx="1381">
                  <c:v>3662.8215839999998</c:v>
                </c:pt>
                <c:pt idx="1382">
                  <c:v>3664.7503999999999</c:v>
                </c:pt>
                <c:pt idx="1383">
                  <c:v>3666.679216</c:v>
                </c:pt>
                <c:pt idx="1384">
                  <c:v>3668.6080320000001</c:v>
                </c:pt>
                <c:pt idx="1385">
                  <c:v>3670.5368480000002</c:v>
                </c:pt>
                <c:pt idx="1386">
                  <c:v>3672.4656639999998</c:v>
                </c:pt>
                <c:pt idx="1387">
                  <c:v>3674.3944799999999</c:v>
                </c:pt>
                <c:pt idx="1388">
                  <c:v>3676.323296</c:v>
                </c:pt>
                <c:pt idx="1389">
                  <c:v>3678.2521120000001</c:v>
                </c:pt>
                <c:pt idx="1390">
                  <c:v>3680.1809280000002</c:v>
                </c:pt>
                <c:pt idx="1391">
                  <c:v>3682.1097439999999</c:v>
                </c:pt>
                <c:pt idx="1392">
                  <c:v>3684.03856</c:v>
                </c:pt>
                <c:pt idx="1393">
                  <c:v>3685.9673760000001</c:v>
                </c:pt>
                <c:pt idx="1394">
                  <c:v>3687.8961920000002</c:v>
                </c:pt>
                <c:pt idx="1395">
                  <c:v>3689.8250079999998</c:v>
                </c:pt>
                <c:pt idx="1396">
                  <c:v>3691.7538239999999</c:v>
                </c:pt>
                <c:pt idx="1397">
                  <c:v>3693.68264</c:v>
                </c:pt>
                <c:pt idx="1398">
                  <c:v>3695.6114560000001</c:v>
                </c:pt>
                <c:pt idx="1399">
                  <c:v>3697.5402720000002</c:v>
                </c:pt>
                <c:pt idx="1400">
                  <c:v>3699.4690879999998</c:v>
                </c:pt>
                <c:pt idx="1401">
                  <c:v>3701.3979039999999</c:v>
                </c:pt>
                <c:pt idx="1402">
                  <c:v>3703.32672</c:v>
                </c:pt>
                <c:pt idx="1403">
                  <c:v>3705.2555360000001</c:v>
                </c:pt>
                <c:pt idx="1404">
                  <c:v>3707.1843520000002</c:v>
                </c:pt>
                <c:pt idx="1405">
                  <c:v>3709.1131679999999</c:v>
                </c:pt>
                <c:pt idx="1406">
                  <c:v>3711.041984</c:v>
                </c:pt>
                <c:pt idx="1407">
                  <c:v>3712.9708000000001</c:v>
                </c:pt>
                <c:pt idx="1408">
                  <c:v>3714.8996160000002</c:v>
                </c:pt>
                <c:pt idx="1409">
                  <c:v>3716.8284319999998</c:v>
                </c:pt>
                <c:pt idx="1410">
                  <c:v>3718.7572479999999</c:v>
                </c:pt>
                <c:pt idx="1411">
                  <c:v>3720.686064</c:v>
                </c:pt>
                <c:pt idx="1412">
                  <c:v>3722.6148800000001</c:v>
                </c:pt>
                <c:pt idx="1413">
                  <c:v>3724.5436960000002</c:v>
                </c:pt>
                <c:pt idx="1414">
                  <c:v>3726.4725119999998</c:v>
                </c:pt>
                <c:pt idx="1415">
                  <c:v>3728.4013279999999</c:v>
                </c:pt>
                <c:pt idx="1416">
                  <c:v>3730.330144</c:v>
                </c:pt>
                <c:pt idx="1417">
                  <c:v>3732.2589600000001</c:v>
                </c:pt>
                <c:pt idx="1418">
                  <c:v>3734.1877760000002</c:v>
                </c:pt>
                <c:pt idx="1419">
                  <c:v>3736.1165919999999</c:v>
                </c:pt>
                <c:pt idx="1420">
                  <c:v>3738.045408</c:v>
                </c:pt>
                <c:pt idx="1421">
                  <c:v>3739.974224</c:v>
                </c:pt>
                <c:pt idx="1422">
                  <c:v>3741.9030400000001</c:v>
                </c:pt>
                <c:pt idx="1423">
                  <c:v>3743.8318559999998</c:v>
                </c:pt>
                <c:pt idx="1424">
                  <c:v>3745.7606719999999</c:v>
                </c:pt>
                <c:pt idx="1425">
                  <c:v>3747.689488</c:v>
                </c:pt>
                <c:pt idx="1426">
                  <c:v>3749.6183040000001</c:v>
                </c:pt>
                <c:pt idx="1427">
                  <c:v>3751.5471200000002</c:v>
                </c:pt>
                <c:pt idx="1428">
                  <c:v>3753.4759359999998</c:v>
                </c:pt>
                <c:pt idx="1429">
                  <c:v>3755.4047519999999</c:v>
                </c:pt>
                <c:pt idx="1430">
                  <c:v>3757.333568</c:v>
                </c:pt>
                <c:pt idx="1431">
                  <c:v>3759.2623840000001</c:v>
                </c:pt>
                <c:pt idx="1432">
                  <c:v>3761.1912000000002</c:v>
                </c:pt>
                <c:pt idx="1433">
                  <c:v>3763.1200159999999</c:v>
                </c:pt>
                <c:pt idx="1434">
                  <c:v>3765.0488319999999</c:v>
                </c:pt>
                <c:pt idx="1435">
                  <c:v>3766.977648</c:v>
                </c:pt>
                <c:pt idx="1436">
                  <c:v>3768.9064640000001</c:v>
                </c:pt>
                <c:pt idx="1437">
                  <c:v>3770.8352799999998</c:v>
                </c:pt>
                <c:pt idx="1438">
                  <c:v>3772.7640959999999</c:v>
                </c:pt>
                <c:pt idx="1439">
                  <c:v>3774.692912</c:v>
                </c:pt>
                <c:pt idx="1440">
                  <c:v>3776.6217280000001</c:v>
                </c:pt>
                <c:pt idx="1441">
                  <c:v>3778.5505440000002</c:v>
                </c:pt>
                <c:pt idx="1442">
                  <c:v>3780.4793599999998</c:v>
                </c:pt>
                <c:pt idx="1443">
                  <c:v>3782.4081759999999</c:v>
                </c:pt>
                <c:pt idx="1444">
                  <c:v>3784.336992</c:v>
                </c:pt>
                <c:pt idx="1445">
                  <c:v>3786.2658080000001</c:v>
                </c:pt>
                <c:pt idx="1446">
                  <c:v>3788.1946240000002</c:v>
                </c:pt>
                <c:pt idx="1447">
                  <c:v>3790.1234399999998</c:v>
                </c:pt>
                <c:pt idx="1448">
                  <c:v>3792.0522559999999</c:v>
                </c:pt>
                <c:pt idx="1449">
                  <c:v>3793.981072</c:v>
                </c:pt>
                <c:pt idx="1450">
                  <c:v>3795.9098880000001</c:v>
                </c:pt>
                <c:pt idx="1451">
                  <c:v>3797.8387039999998</c:v>
                </c:pt>
                <c:pt idx="1452">
                  <c:v>3799.7675199999999</c:v>
                </c:pt>
                <c:pt idx="1453">
                  <c:v>3801.696336</c:v>
                </c:pt>
                <c:pt idx="1454">
                  <c:v>3803.6251520000001</c:v>
                </c:pt>
                <c:pt idx="1455">
                  <c:v>3805.5539680000002</c:v>
                </c:pt>
                <c:pt idx="1456">
                  <c:v>3807.4827839999998</c:v>
                </c:pt>
                <c:pt idx="1457">
                  <c:v>3809.4115999999999</c:v>
                </c:pt>
                <c:pt idx="1458">
                  <c:v>3811.340416</c:v>
                </c:pt>
                <c:pt idx="1459">
                  <c:v>3813.2692320000001</c:v>
                </c:pt>
                <c:pt idx="1460">
                  <c:v>3815.1980480000002</c:v>
                </c:pt>
                <c:pt idx="1461">
                  <c:v>3817.1268639999998</c:v>
                </c:pt>
                <c:pt idx="1462">
                  <c:v>3819.0556799999999</c:v>
                </c:pt>
                <c:pt idx="1463">
                  <c:v>3820.984496</c:v>
                </c:pt>
                <c:pt idx="1464">
                  <c:v>3822.9133120000001</c:v>
                </c:pt>
                <c:pt idx="1465">
                  <c:v>3824.8421279999998</c:v>
                </c:pt>
                <c:pt idx="1466">
                  <c:v>3826.7709439999999</c:v>
                </c:pt>
                <c:pt idx="1467">
                  <c:v>3828.69976</c:v>
                </c:pt>
                <c:pt idx="1468">
                  <c:v>3830.6285760000001</c:v>
                </c:pt>
                <c:pt idx="1469">
                  <c:v>3832.5573920000002</c:v>
                </c:pt>
                <c:pt idx="1470">
                  <c:v>3834.4862079999998</c:v>
                </c:pt>
                <c:pt idx="1471">
                  <c:v>3836.4150239999999</c:v>
                </c:pt>
                <c:pt idx="1472">
                  <c:v>3838.34384</c:v>
                </c:pt>
                <c:pt idx="1473">
                  <c:v>3840.2726560000001</c:v>
                </c:pt>
                <c:pt idx="1474">
                  <c:v>3842.2014720000002</c:v>
                </c:pt>
                <c:pt idx="1475">
                  <c:v>3844.1302879999998</c:v>
                </c:pt>
                <c:pt idx="1476">
                  <c:v>3846.0591039999999</c:v>
                </c:pt>
                <c:pt idx="1477">
                  <c:v>3847.98792</c:v>
                </c:pt>
                <c:pt idx="1478">
                  <c:v>3849.9167360000001</c:v>
                </c:pt>
                <c:pt idx="1479">
                  <c:v>3851.8455520000002</c:v>
                </c:pt>
                <c:pt idx="1480">
                  <c:v>3853.7743679999999</c:v>
                </c:pt>
                <c:pt idx="1481">
                  <c:v>3855.703184</c:v>
                </c:pt>
                <c:pt idx="1482">
                  <c:v>3857.6320000000001</c:v>
                </c:pt>
                <c:pt idx="1483">
                  <c:v>3859.5608160000002</c:v>
                </c:pt>
                <c:pt idx="1484">
                  <c:v>3861.4896319999998</c:v>
                </c:pt>
                <c:pt idx="1485">
                  <c:v>3863.4184479999999</c:v>
                </c:pt>
                <c:pt idx="1486">
                  <c:v>3865.347264</c:v>
                </c:pt>
                <c:pt idx="1487">
                  <c:v>3867.2760800000001</c:v>
                </c:pt>
                <c:pt idx="1488">
                  <c:v>3869.2048960000002</c:v>
                </c:pt>
                <c:pt idx="1489">
                  <c:v>3871.1337119999998</c:v>
                </c:pt>
                <c:pt idx="1490">
                  <c:v>3873.0625279999999</c:v>
                </c:pt>
                <c:pt idx="1491">
                  <c:v>3874.991344</c:v>
                </c:pt>
                <c:pt idx="1492">
                  <c:v>3876.9201600000001</c:v>
                </c:pt>
                <c:pt idx="1493">
                  <c:v>3878.8489760000002</c:v>
                </c:pt>
                <c:pt idx="1494">
                  <c:v>3880.7777919999999</c:v>
                </c:pt>
                <c:pt idx="1495">
                  <c:v>3882.706608</c:v>
                </c:pt>
                <c:pt idx="1496">
                  <c:v>3884.6354240000001</c:v>
                </c:pt>
                <c:pt idx="1497">
                  <c:v>3886.5642400000002</c:v>
                </c:pt>
                <c:pt idx="1498">
                  <c:v>3888.4930559999998</c:v>
                </c:pt>
                <c:pt idx="1499">
                  <c:v>3890.4218719999999</c:v>
                </c:pt>
                <c:pt idx="1500">
                  <c:v>3892.350688</c:v>
                </c:pt>
                <c:pt idx="1501">
                  <c:v>3894.2795040000001</c:v>
                </c:pt>
                <c:pt idx="1502">
                  <c:v>3896.2083200000002</c:v>
                </c:pt>
                <c:pt idx="1503">
                  <c:v>3898.1371359999998</c:v>
                </c:pt>
                <c:pt idx="1504">
                  <c:v>3900.0659519999999</c:v>
                </c:pt>
                <c:pt idx="1505">
                  <c:v>3901.994768</c:v>
                </c:pt>
                <c:pt idx="1506">
                  <c:v>3903.9235840000001</c:v>
                </c:pt>
                <c:pt idx="1507">
                  <c:v>3905.8524000000002</c:v>
                </c:pt>
                <c:pt idx="1508">
                  <c:v>3907.7812159999999</c:v>
                </c:pt>
                <c:pt idx="1509">
                  <c:v>3909.710032</c:v>
                </c:pt>
                <c:pt idx="1510">
                  <c:v>3911.6388480000001</c:v>
                </c:pt>
                <c:pt idx="1511">
                  <c:v>3913.5676640000001</c:v>
                </c:pt>
                <c:pt idx="1512">
                  <c:v>3915.4964799999998</c:v>
                </c:pt>
                <c:pt idx="1513">
                  <c:v>3917.4252959999999</c:v>
                </c:pt>
                <c:pt idx="1514">
                  <c:v>3919.354112</c:v>
                </c:pt>
                <c:pt idx="1515">
                  <c:v>3921.2829280000001</c:v>
                </c:pt>
                <c:pt idx="1516">
                  <c:v>3923.2117440000002</c:v>
                </c:pt>
                <c:pt idx="1517">
                  <c:v>3925.1405599999998</c:v>
                </c:pt>
                <c:pt idx="1518">
                  <c:v>3927.0693759999999</c:v>
                </c:pt>
                <c:pt idx="1519">
                  <c:v>3928.998192</c:v>
                </c:pt>
                <c:pt idx="1520">
                  <c:v>3930.9270080000001</c:v>
                </c:pt>
                <c:pt idx="1521">
                  <c:v>3932.8558240000002</c:v>
                </c:pt>
                <c:pt idx="1522">
                  <c:v>3934.7846399999999</c:v>
                </c:pt>
                <c:pt idx="1523">
                  <c:v>3936.713456</c:v>
                </c:pt>
                <c:pt idx="1524">
                  <c:v>3938.642272</c:v>
                </c:pt>
                <c:pt idx="1525">
                  <c:v>3940.5710880000001</c:v>
                </c:pt>
                <c:pt idx="1526">
                  <c:v>3942.4999039999998</c:v>
                </c:pt>
                <c:pt idx="1527">
                  <c:v>3944.4287199999999</c:v>
                </c:pt>
                <c:pt idx="1528">
                  <c:v>3946.357536</c:v>
                </c:pt>
                <c:pt idx="1529">
                  <c:v>3948.2863520000001</c:v>
                </c:pt>
                <c:pt idx="1530">
                  <c:v>3950.2151680000002</c:v>
                </c:pt>
                <c:pt idx="1531">
                  <c:v>3952.1439839999998</c:v>
                </c:pt>
                <c:pt idx="1532">
                  <c:v>3954.0727999999999</c:v>
                </c:pt>
                <c:pt idx="1533">
                  <c:v>3956.001616</c:v>
                </c:pt>
                <c:pt idx="1534">
                  <c:v>3957.9304320000001</c:v>
                </c:pt>
                <c:pt idx="1535">
                  <c:v>3959.8592480000002</c:v>
                </c:pt>
                <c:pt idx="1536">
                  <c:v>3961.7880639999998</c:v>
                </c:pt>
                <c:pt idx="1537">
                  <c:v>3963.7168799999999</c:v>
                </c:pt>
                <c:pt idx="1538">
                  <c:v>3965.645696</c:v>
                </c:pt>
                <c:pt idx="1539">
                  <c:v>3967.5745120000001</c:v>
                </c:pt>
                <c:pt idx="1540">
                  <c:v>3969.5033279999998</c:v>
                </c:pt>
                <c:pt idx="1541">
                  <c:v>3971.4321439999999</c:v>
                </c:pt>
                <c:pt idx="1542">
                  <c:v>3973.36096</c:v>
                </c:pt>
                <c:pt idx="1543">
                  <c:v>3975.2897760000001</c:v>
                </c:pt>
                <c:pt idx="1544">
                  <c:v>3977.2185920000002</c:v>
                </c:pt>
                <c:pt idx="1545">
                  <c:v>3979.1474079999998</c:v>
                </c:pt>
                <c:pt idx="1546">
                  <c:v>3981.0762239999999</c:v>
                </c:pt>
                <c:pt idx="1547">
                  <c:v>3983.00504</c:v>
                </c:pt>
                <c:pt idx="1548">
                  <c:v>3984.9338560000001</c:v>
                </c:pt>
                <c:pt idx="1549">
                  <c:v>3986.8626720000002</c:v>
                </c:pt>
                <c:pt idx="1550">
                  <c:v>3988.7914879999998</c:v>
                </c:pt>
                <c:pt idx="1551">
                  <c:v>3990.7203039999999</c:v>
                </c:pt>
                <c:pt idx="1552">
                  <c:v>3992.64912</c:v>
                </c:pt>
                <c:pt idx="1553">
                  <c:v>3994.5779360000001</c:v>
                </c:pt>
                <c:pt idx="1554">
                  <c:v>3996.5067519999998</c:v>
                </c:pt>
                <c:pt idx="1555">
                  <c:v>3998.4355679999999</c:v>
                </c:pt>
                <c:pt idx="1556">
                  <c:v>4000.364384</c:v>
                </c:pt>
              </c:numCache>
            </c:numRef>
          </c:xVal>
          <c:yVal>
            <c:numRef>
              <c:f>'Fig 2 a'!$G$11:$G$1567</c:f>
              <c:numCache>
                <c:formatCode>General</c:formatCode>
                <c:ptCount val="1557"/>
                <c:pt idx="0">
                  <c:v>85.421295000000001</c:v>
                </c:pt>
                <c:pt idx="1">
                  <c:v>82.891395000000003</c:v>
                </c:pt>
                <c:pt idx="2">
                  <c:v>80.387912999999998</c:v>
                </c:pt>
                <c:pt idx="3">
                  <c:v>77.781896000000003</c:v>
                </c:pt>
                <c:pt idx="4">
                  <c:v>75.011061999999995</c:v>
                </c:pt>
                <c:pt idx="5">
                  <c:v>72.202000999999996</c:v>
                </c:pt>
                <c:pt idx="6">
                  <c:v>69.397174000000007</c:v>
                </c:pt>
                <c:pt idx="7">
                  <c:v>66.337832000000006</c:v>
                </c:pt>
                <c:pt idx="8">
                  <c:v>63.336393999999999</c:v>
                </c:pt>
                <c:pt idx="9">
                  <c:v>60.340922999999997</c:v>
                </c:pt>
                <c:pt idx="10">
                  <c:v>57.520310000000002</c:v>
                </c:pt>
                <c:pt idx="11">
                  <c:v>54.811343000000001</c:v>
                </c:pt>
                <c:pt idx="12">
                  <c:v>52.265557000000001</c:v>
                </c:pt>
                <c:pt idx="13">
                  <c:v>49.947181</c:v>
                </c:pt>
                <c:pt idx="14">
                  <c:v>47.835115000000002</c:v>
                </c:pt>
                <c:pt idx="15">
                  <c:v>45.968181000000001</c:v>
                </c:pt>
                <c:pt idx="16">
                  <c:v>44.435293999999999</c:v>
                </c:pt>
                <c:pt idx="17">
                  <c:v>43.090707000000002</c:v>
                </c:pt>
                <c:pt idx="18">
                  <c:v>42.050173999999998</c:v>
                </c:pt>
                <c:pt idx="19">
                  <c:v>41.140389999999996</c:v>
                </c:pt>
                <c:pt idx="20">
                  <c:v>40.528682000000003</c:v>
                </c:pt>
                <c:pt idx="21">
                  <c:v>39.923287000000002</c:v>
                </c:pt>
                <c:pt idx="22">
                  <c:v>39.543047999999999</c:v>
                </c:pt>
                <c:pt idx="23">
                  <c:v>39.314287</c:v>
                </c:pt>
                <c:pt idx="24">
                  <c:v>39.242922999999998</c:v>
                </c:pt>
                <c:pt idx="25">
                  <c:v>39.120151999999997</c:v>
                </c:pt>
                <c:pt idx="26">
                  <c:v>39.279403000000002</c:v>
                </c:pt>
                <c:pt idx="27">
                  <c:v>39.453274999999998</c:v>
                </c:pt>
                <c:pt idx="28">
                  <c:v>39.790671000000003</c:v>
                </c:pt>
                <c:pt idx="29">
                  <c:v>40.131599999999999</c:v>
                </c:pt>
                <c:pt idx="30">
                  <c:v>40.588622000000001</c:v>
                </c:pt>
                <c:pt idx="31">
                  <c:v>41.050593999999997</c:v>
                </c:pt>
                <c:pt idx="32">
                  <c:v>41.619804000000002</c:v>
                </c:pt>
                <c:pt idx="33">
                  <c:v>42.155681999999999</c:v>
                </c:pt>
                <c:pt idx="34">
                  <c:v>42.870396</c:v>
                </c:pt>
                <c:pt idx="35">
                  <c:v>43.541870000000003</c:v>
                </c:pt>
                <c:pt idx="36">
                  <c:v>44.304102</c:v>
                </c:pt>
                <c:pt idx="37">
                  <c:v>45.010368999999997</c:v>
                </c:pt>
                <c:pt idx="38">
                  <c:v>45.898758999999998</c:v>
                </c:pt>
                <c:pt idx="39">
                  <c:v>46.776133000000002</c:v>
                </c:pt>
                <c:pt idx="40">
                  <c:v>47.760568999999997</c:v>
                </c:pt>
                <c:pt idx="41">
                  <c:v>48.673157000000003</c:v>
                </c:pt>
                <c:pt idx="42">
                  <c:v>49.703240000000001</c:v>
                </c:pt>
                <c:pt idx="43">
                  <c:v>50.852369000000003</c:v>
                </c:pt>
                <c:pt idx="44">
                  <c:v>52.111190000000001</c:v>
                </c:pt>
                <c:pt idx="45">
                  <c:v>53.195430999999999</c:v>
                </c:pt>
                <c:pt idx="46">
                  <c:v>54.526353</c:v>
                </c:pt>
                <c:pt idx="47">
                  <c:v>55.905565000000003</c:v>
                </c:pt>
                <c:pt idx="48">
                  <c:v>57.318758000000003</c:v>
                </c:pt>
                <c:pt idx="49">
                  <c:v>58.695478000000001</c:v>
                </c:pt>
                <c:pt idx="50">
                  <c:v>60.244605</c:v>
                </c:pt>
                <c:pt idx="51">
                  <c:v>61.793309000000001</c:v>
                </c:pt>
                <c:pt idx="52">
                  <c:v>63.456704000000002</c:v>
                </c:pt>
                <c:pt idx="53">
                  <c:v>64.998114000000001</c:v>
                </c:pt>
                <c:pt idx="54">
                  <c:v>66.691485</c:v>
                </c:pt>
                <c:pt idx="55">
                  <c:v>68.287521999999996</c:v>
                </c:pt>
                <c:pt idx="56">
                  <c:v>69.712271000000001</c:v>
                </c:pt>
                <c:pt idx="57">
                  <c:v>71.145495999999994</c:v>
                </c:pt>
                <c:pt idx="58">
                  <c:v>72.687332999999995</c:v>
                </c:pt>
                <c:pt idx="59">
                  <c:v>73.996780999999999</c:v>
                </c:pt>
                <c:pt idx="60">
                  <c:v>75.140997999999996</c:v>
                </c:pt>
                <c:pt idx="61">
                  <c:v>76.154951999999994</c:v>
                </c:pt>
                <c:pt idx="62">
                  <c:v>77.233847999999995</c:v>
                </c:pt>
                <c:pt idx="63">
                  <c:v>78.185901999999999</c:v>
                </c:pt>
                <c:pt idx="64">
                  <c:v>79.131187999999995</c:v>
                </c:pt>
                <c:pt idx="65">
                  <c:v>79.916015000000002</c:v>
                </c:pt>
                <c:pt idx="66">
                  <c:v>80.601545999999999</c:v>
                </c:pt>
                <c:pt idx="67">
                  <c:v>81.268583000000007</c:v>
                </c:pt>
                <c:pt idx="68">
                  <c:v>81.973293999999996</c:v>
                </c:pt>
                <c:pt idx="69">
                  <c:v>82.444013999999996</c:v>
                </c:pt>
                <c:pt idx="70">
                  <c:v>82.997693999999996</c:v>
                </c:pt>
                <c:pt idx="71">
                  <c:v>83.566411000000002</c:v>
                </c:pt>
                <c:pt idx="72">
                  <c:v>84.134297000000004</c:v>
                </c:pt>
                <c:pt idx="73">
                  <c:v>84.587653000000003</c:v>
                </c:pt>
                <c:pt idx="74">
                  <c:v>85.145808000000002</c:v>
                </c:pt>
                <c:pt idx="75">
                  <c:v>85.668886999999998</c:v>
                </c:pt>
                <c:pt idx="76">
                  <c:v>86.175627000000006</c:v>
                </c:pt>
                <c:pt idx="77">
                  <c:v>86.654038</c:v>
                </c:pt>
                <c:pt idx="78">
                  <c:v>87.243521999999999</c:v>
                </c:pt>
                <c:pt idx="79">
                  <c:v>87.772615999999999</c:v>
                </c:pt>
                <c:pt idx="80">
                  <c:v>88.210245999999998</c:v>
                </c:pt>
                <c:pt idx="81">
                  <c:v>88.652234000000007</c:v>
                </c:pt>
                <c:pt idx="82">
                  <c:v>89.180135000000007</c:v>
                </c:pt>
                <c:pt idx="83">
                  <c:v>89.608528000000007</c:v>
                </c:pt>
                <c:pt idx="84">
                  <c:v>90.090289999999996</c:v>
                </c:pt>
                <c:pt idx="85">
                  <c:v>90.542283999999995</c:v>
                </c:pt>
                <c:pt idx="86">
                  <c:v>91.034762999999998</c:v>
                </c:pt>
                <c:pt idx="87">
                  <c:v>91.458439999999996</c:v>
                </c:pt>
                <c:pt idx="88">
                  <c:v>91.961268000000004</c:v>
                </c:pt>
                <c:pt idx="89">
                  <c:v>92.416542000000007</c:v>
                </c:pt>
                <c:pt idx="90">
                  <c:v>92.853948000000003</c:v>
                </c:pt>
                <c:pt idx="91">
                  <c:v>93.263095000000007</c:v>
                </c:pt>
                <c:pt idx="92">
                  <c:v>93.691129000000004</c:v>
                </c:pt>
                <c:pt idx="93">
                  <c:v>93.984487999999999</c:v>
                </c:pt>
                <c:pt idx="94">
                  <c:v>94.267718000000002</c:v>
                </c:pt>
                <c:pt idx="95">
                  <c:v>94.579049999999995</c:v>
                </c:pt>
                <c:pt idx="96">
                  <c:v>94.898049</c:v>
                </c:pt>
                <c:pt idx="97">
                  <c:v>95.214680999999999</c:v>
                </c:pt>
                <c:pt idx="98">
                  <c:v>95.588367000000005</c:v>
                </c:pt>
                <c:pt idx="99">
                  <c:v>95.888542000000001</c:v>
                </c:pt>
                <c:pt idx="100">
                  <c:v>96.142343999999994</c:v>
                </c:pt>
                <c:pt idx="101">
                  <c:v>96.428019000000006</c:v>
                </c:pt>
                <c:pt idx="102">
                  <c:v>96.806072999999998</c:v>
                </c:pt>
                <c:pt idx="103">
                  <c:v>97.153458999999998</c:v>
                </c:pt>
                <c:pt idx="104">
                  <c:v>97.480548999999996</c:v>
                </c:pt>
                <c:pt idx="105">
                  <c:v>97.803741000000002</c:v>
                </c:pt>
                <c:pt idx="106">
                  <c:v>98.205466000000001</c:v>
                </c:pt>
                <c:pt idx="107">
                  <c:v>98.503179000000003</c:v>
                </c:pt>
                <c:pt idx="108">
                  <c:v>98.924915999999996</c:v>
                </c:pt>
                <c:pt idx="109">
                  <c:v>99.3386</c:v>
                </c:pt>
                <c:pt idx="110">
                  <c:v>99.688090000000003</c:v>
                </c:pt>
                <c:pt idx="111">
                  <c:v>100.050117</c:v>
                </c:pt>
                <c:pt idx="112">
                  <c:v>100.48891</c:v>
                </c:pt>
                <c:pt idx="113">
                  <c:v>100.810187</c:v>
                </c:pt>
                <c:pt idx="114">
                  <c:v>101.17274399999999</c:v>
                </c:pt>
                <c:pt idx="115">
                  <c:v>101.509535</c:v>
                </c:pt>
                <c:pt idx="116">
                  <c:v>101.84508599999999</c:v>
                </c:pt>
                <c:pt idx="117">
                  <c:v>102.294427</c:v>
                </c:pt>
                <c:pt idx="118">
                  <c:v>102.82938</c:v>
                </c:pt>
                <c:pt idx="119">
                  <c:v>103.227721</c:v>
                </c:pt>
                <c:pt idx="120">
                  <c:v>103.683817</c:v>
                </c:pt>
                <c:pt idx="121">
                  <c:v>104.15745699999999</c:v>
                </c:pt>
                <c:pt idx="122">
                  <c:v>104.750304</c:v>
                </c:pt>
                <c:pt idx="123">
                  <c:v>105.44855800000001</c:v>
                </c:pt>
                <c:pt idx="124">
                  <c:v>106.179157</c:v>
                </c:pt>
                <c:pt idx="125">
                  <c:v>106.788284</c:v>
                </c:pt>
                <c:pt idx="126">
                  <c:v>107.380178</c:v>
                </c:pt>
                <c:pt idx="127">
                  <c:v>108.172518</c:v>
                </c:pt>
                <c:pt idx="128">
                  <c:v>109.119817</c:v>
                </c:pt>
                <c:pt idx="129">
                  <c:v>109.983847</c:v>
                </c:pt>
                <c:pt idx="130">
                  <c:v>110.886025</c:v>
                </c:pt>
                <c:pt idx="131">
                  <c:v>111.87487400000001</c:v>
                </c:pt>
                <c:pt idx="132">
                  <c:v>112.80771</c:v>
                </c:pt>
                <c:pt idx="133">
                  <c:v>113.572504</c:v>
                </c:pt>
                <c:pt idx="134">
                  <c:v>114.38417699999999</c:v>
                </c:pt>
                <c:pt idx="135">
                  <c:v>115.22561399999999</c:v>
                </c:pt>
                <c:pt idx="136">
                  <c:v>115.985664</c:v>
                </c:pt>
                <c:pt idx="137">
                  <c:v>116.52533699999999</c:v>
                </c:pt>
                <c:pt idx="138">
                  <c:v>116.99172</c:v>
                </c:pt>
                <c:pt idx="139">
                  <c:v>117.482491</c:v>
                </c:pt>
                <c:pt idx="140">
                  <c:v>117.91016</c:v>
                </c:pt>
                <c:pt idx="141">
                  <c:v>118.291062</c:v>
                </c:pt>
                <c:pt idx="142">
                  <c:v>118.570126</c:v>
                </c:pt>
                <c:pt idx="143">
                  <c:v>118.765542</c:v>
                </c:pt>
                <c:pt idx="144">
                  <c:v>118.947132</c:v>
                </c:pt>
                <c:pt idx="145">
                  <c:v>119.177643</c:v>
                </c:pt>
                <c:pt idx="146">
                  <c:v>119.37868899999999</c:v>
                </c:pt>
                <c:pt idx="147">
                  <c:v>119.489328</c:v>
                </c:pt>
                <c:pt idx="148">
                  <c:v>119.52460000000001</c:v>
                </c:pt>
                <c:pt idx="149">
                  <c:v>119.61945299999999</c:v>
                </c:pt>
                <c:pt idx="150">
                  <c:v>119.69543</c:v>
                </c:pt>
                <c:pt idx="151">
                  <c:v>119.710252</c:v>
                </c:pt>
                <c:pt idx="152">
                  <c:v>119.710278</c:v>
                </c:pt>
                <c:pt idx="153">
                  <c:v>119.73196</c:v>
                </c:pt>
                <c:pt idx="154">
                  <c:v>119.76026400000001</c:v>
                </c:pt>
                <c:pt idx="155">
                  <c:v>119.78663299999999</c:v>
                </c:pt>
                <c:pt idx="156">
                  <c:v>119.769892</c:v>
                </c:pt>
                <c:pt idx="157">
                  <c:v>119.750882</c:v>
                </c:pt>
                <c:pt idx="158">
                  <c:v>119.73196799999999</c:v>
                </c:pt>
                <c:pt idx="159">
                  <c:v>119.774376</c:v>
                </c:pt>
                <c:pt idx="160">
                  <c:v>119.841142</c:v>
                </c:pt>
                <c:pt idx="161">
                  <c:v>119.93482299999999</c:v>
                </c:pt>
                <c:pt idx="162">
                  <c:v>119.95483299999999</c:v>
                </c:pt>
                <c:pt idx="163">
                  <c:v>119.980682</c:v>
                </c:pt>
                <c:pt idx="164">
                  <c:v>119.95963999999999</c:v>
                </c:pt>
                <c:pt idx="165">
                  <c:v>119.915436</c:v>
                </c:pt>
                <c:pt idx="166">
                  <c:v>119.96363599999999</c:v>
                </c:pt>
                <c:pt idx="167">
                  <c:v>120.060171</c:v>
                </c:pt>
                <c:pt idx="168">
                  <c:v>120.078332</c:v>
                </c:pt>
                <c:pt idx="169">
                  <c:v>120.07256700000001</c:v>
                </c:pt>
                <c:pt idx="170">
                  <c:v>120.008267</c:v>
                </c:pt>
                <c:pt idx="171">
                  <c:v>120.00956499999999</c:v>
                </c:pt>
                <c:pt idx="172">
                  <c:v>120.011954</c:v>
                </c:pt>
                <c:pt idx="173">
                  <c:v>120.013233</c:v>
                </c:pt>
                <c:pt idx="174">
                  <c:v>120.02703700000001</c:v>
                </c:pt>
                <c:pt idx="175">
                  <c:v>120.052578</c:v>
                </c:pt>
                <c:pt idx="176">
                  <c:v>120.071568</c:v>
                </c:pt>
                <c:pt idx="177">
                  <c:v>120.117037</c:v>
                </c:pt>
                <c:pt idx="178">
                  <c:v>120.149941</c:v>
                </c:pt>
                <c:pt idx="179">
                  <c:v>120.177587</c:v>
                </c:pt>
                <c:pt idx="180">
                  <c:v>120.245152</c:v>
                </c:pt>
                <c:pt idx="181">
                  <c:v>120.327316</c:v>
                </c:pt>
                <c:pt idx="182">
                  <c:v>120.41348499999999</c:v>
                </c:pt>
                <c:pt idx="183">
                  <c:v>120.48626299999999</c:v>
                </c:pt>
                <c:pt idx="184">
                  <c:v>120.56254199999999</c:v>
                </c:pt>
                <c:pt idx="185">
                  <c:v>120.627696</c:v>
                </c:pt>
                <c:pt idx="186">
                  <c:v>120.713706</c:v>
                </c:pt>
                <c:pt idx="187">
                  <c:v>120.780125</c:v>
                </c:pt>
                <c:pt idx="188">
                  <c:v>120.821842</c:v>
                </c:pt>
                <c:pt idx="189">
                  <c:v>120.916967</c:v>
                </c:pt>
                <c:pt idx="190">
                  <c:v>120.90212</c:v>
                </c:pt>
                <c:pt idx="191">
                  <c:v>120.87933099999999</c:v>
                </c:pt>
                <c:pt idx="192">
                  <c:v>120.862692</c:v>
                </c:pt>
                <c:pt idx="193">
                  <c:v>120.813526</c:v>
                </c:pt>
                <c:pt idx="194">
                  <c:v>120.792998</c:v>
                </c:pt>
                <c:pt idx="195">
                  <c:v>120.688867</c:v>
                </c:pt>
                <c:pt idx="196">
                  <c:v>120.579399</c:v>
                </c:pt>
                <c:pt idx="197">
                  <c:v>120.515888</c:v>
                </c:pt>
                <c:pt idx="198">
                  <c:v>120.432018</c:v>
                </c:pt>
                <c:pt idx="199">
                  <c:v>120.368848</c:v>
                </c:pt>
                <c:pt idx="200">
                  <c:v>120.29902</c:v>
                </c:pt>
                <c:pt idx="201">
                  <c:v>120.281069</c:v>
                </c:pt>
                <c:pt idx="202">
                  <c:v>120.31506</c:v>
                </c:pt>
                <c:pt idx="203">
                  <c:v>120.348241</c:v>
                </c:pt>
                <c:pt idx="204">
                  <c:v>120.364346</c:v>
                </c:pt>
                <c:pt idx="205">
                  <c:v>120.400604</c:v>
                </c:pt>
                <c:pt idx="206">
                  <c:v>120.433886</c:v>
                </c:pt>
                <c:pt idx="207">
                  <c:v>120.456293</c:v>
                </c:pt>
                <c:pt idx="208">
                  <c:v>120.53841799999999</c:v>
                </c:pt>
                <c:pt idx="209">
                  <c:v>120.55212899999999</c:v>
                </c:pt>
                <c:pt idx="210">
                  <c:v>120.532464</c:v>
                </c:pt>
                <c:pt idx="211">
                  <c:v>120.460565</c:v>
                </c:pt>
                <c:pt idx="212">
                  <c:v>120.390792</c:v>
                </c:pt>
                <c:pt idx="213">
                  <c:v>120.347545</c:v>
                </c:pt>
                <c:pt idx="214">
                  <c:v>120.304697</c:v>
                </c:pt>
                <c:pt idx="215">
                  <c:v>120.277356</c:v>
                </c:pt>
                <c:pt idx="216">
                  <c:v>120.25372900000001</c:v>
                </c:pt>
                <c:pt idx="217">
                  <c:v>120.261754</c:v>
                </c:pt>
                <c:pt idx="218">
                  <c:v>120.33089200000001</c:v>
                </c:pt>
                <c:pt idx="219">
                  <c:v>120.330152</c:v>
                </c:pt>
                <c:pt idx="220">
                  <c:v>120.25318</c:v>
                </c:pt>
                <c:pt idx="221">
                  <c:v>120.233406</c:v>
                </c:pt>
                <c:pt idx="222">
                  <c:v>120.175365</c:v>
                </c:pt>
                <c:pt idx="223">
                  <c:v>120.130619</c:v>
                </c:pt>
                <c:pt idx="224">
                  <c:v>120.021601</c:v>
                </c:pt>
                <c:pt idx="225">
                  <c:v>119.986271</c:v>
                </c:pt>
                <c:pt idx="226">
                  <c:v>119.948049</c:v>
                </c:pt>
                <c:pt idx="227">
                  <c:v>120.01056199999999</c:v>
                </c:pt>
                <c:pt idx="228">
                  <c:v>119.988253</c:v>
                </c:pt>
                <c:pt idx="229">
                  <c:v>119.896964</c:v>
                </c:pt>
                <c:pt idx="230">
                  <c:v>119.847679</c:v>
                </c:pt>
                <c:pt idx="231">
                  <c:v>119.816484</c:v>
                </c:pt>
                <c:pt idx="232">
                  <c:v>119.72782100000001</c:v>
                </c:pt>
                <c:pt idx="233">
                  <c:v>119.69893999999999</c:v>
                </c:pt>
                <c:pt idx="234">
                  <c:v>119.658407</c:v>
                </c:pt>
                <c:pt idx="235">
                  <c:v>119.610529</c:v>
                </c:pt>
                <c:pt idx="236">
                  <c:v>119.50348700000001</c:v>
                </c:pt>
                <c:pt idx="237">
                  <c:v>119.44738099999999</c:v>
                </c:pt>
                <c:pt idx="238">
                  <c:v>119.513347</c:v>
                </c:pt>
                <c:pt idx="239">
                  <c:v>119.46803199999999</c:v>
                </c:pt>
                <c:pt idx="240">
                  <c:v>119.333445</c:v>
                </c:pt>
                <c:pt idx="241">
                  <c:v>119.23559899999999</c:v>
                </c:pt>
                <c:pt idx="242">
                  <c:v>119.111743</c:v>
                </c:pt>
                <c:pt idx="243">
                  <c:v>118.960491</c:v>
                </c:pt>
                <c:pt idx="244">
                  <c:v>118.797602</c:v>
                </c:pt>
                <c:pt idx="245">
                  <c:v>118.700219</c:v>
                </c:pt>
                <c:pt idx="246">
                  <c:v>118.707823</c:v>
                </c:pt>
                <c:pt idx="247">
                  <c:v>118.632205</c:v>
                </c:pt>
                <c:pt idx="248">
                  <c:v>118.63022100000001</c:v>
                </c:pt>
                <c:pt idx="249">
                  <c:v>118.60902299999999</c:v>
                </c:pt>
                <c:pt idx="250">
                  <c:v>118.60676599999999</c:v>
                </c:pt>
                <c:pt idx="251">
                  <c:v>118.582291</c:v>
                </c:pt>
                <c:pt idx="252">
                  <c:v>118.50272200000001</c:v>
                </c:pt>
                <c:pt idx="253">
                  <c:v>118.40454</c:v>
                </c:pt>
                <c:pt idx="254">
                  <c:v>118.37873500000001</c:v>
                </c:pt>
                <c:pt idx="255">
                  <c:v>118.507544</c:v>
                </c:pt>
                <c:pt idx="256">
                  <c:v>118.47156200000001</c:v>
                </c:pt>
                <c:pt idx="257">
                  <c:v>118.41856300000001</c:v>
                </c:pt>
                <c:pt idx="258">
                  <c:v>118.429452</c:v>
                </c:pt>
                <c:pt idx="259">
                  <c:v>118.579748</c:v>
                </c:pt>
                <c:pt idx="260">
                  <c:v>118.619433</c:v>
                </c:pt>
                <c:pt idx="261">
                  <c:v>118.557238</c:v>
                </c:pt>
                <c:pt idx="262">
                  <c:v>118.532409</c:v>
                </c:pt>
                <c:pt idx="263">
                  <c:v>118.719984</c:v>
                </c:pt>
                <c:pt idx="264">
                  <c:v>118.744422</c:v>
                </c:pt>
                <c:pt idx="265">
                  <c:v>118.622039</c:v>
                </c:pt>
                <c:pt idx="266">
                  <c:v>118.57213</c:v>
                </c:pt>
                <c:pt idx="267">
                  <c:v>118.509576</c:v>
                </c:pt>
                <c:pt idx="268">
                  <c:v>118.55296300000001</c:v>
                </c:pt>
                <c:pt idx="269">
                  <c:v>118.68864000000001</c:v>
                </c:pt>
                <c:pt idx="270">
                  <c:v>118.619075</c:v>
                </c:pt>
                <c:pt idx="271">
                  <c:v>118.461387</c:v>
                </c:pt>
                <c:pt idx="272">
                  <c:v>118.307283</c:v>
                </c:pt>
                <c:pt idx="273">
                  <c:v>118.244957</c:v>
                </c:pt>
                <c:pt idx="274">
                  <c:v>118.20607</c:v>
                </c:pt>
                <c:pt idx="275">
                  <c:v>118.137089</c:v>
                </c:pt>
                <c:pt idx="276">
                  <c:v>118.025868</c:v>
                </c:pt>
                <c:pt idx="277">
                  <c:v>117.973249</c:v>
                </c:pt>
                <c:pt idx="278">
                  <c:v>117.98696700000001</c:v>
                </c:pt>
                <c:pt idx="279">
                  <c:v>117.924089</c:v>
                </c:pt>
                <c:pt idx="280">
                  <c:v>117.829599</c:v>
                </c:pt>
                <c:pt idx="281">
                  <c:v>117.57785</c:v>
                </c:pt>
                <c:pt idx="282">
                  <c:v>117.478736</c:v>
                </c:pt>
                <c:pt idx="283">
                  <c:v>117.440136</c:v>
                </c:pt>
                <c:pt idx="284">
                  <c:v>117.40840300000001</c:v>
                </c:pt>
                <c:pt idx="285">
                  <c:v>117.409981</c:v>
                </c:pt>
                <c:pt idx="286">
                  <c:v>117.32835300000001</c:v>
                </c:pt>
                <c:pt idx="287">
                  <c:v>117.232688</c:v>
                </c:pt>
                <c:pt idx="288">
                  <c:v>117.21171699999999</c:v>
                </c:pt>
                <c:pt idx="289">
                  <c:v>117.152165</c:v>
                </c:pt>
                <c:pt idx="290">
                  <c:v>117.202839</c:v>
                </c:pt>
                <c:pt idx="291">
                  <c:v>117.18586999999999</c:v>
                </c:pt>
                <c:pt idx="292">
                  <c:v>117.04550399999999</c:v>
                </c:pt>
                <c:pt idx="293">
                  <c:v>116.960865</c:v>
                </c:pt>
                <c:pt idx="294">
                  <c:v>116.956625</c:v>
                </c:pt>
                <c:pt idx="295">
                  <c:v>116.97113</c:v>
                </c:pt>
                <c:pt idx="296">
                  <c:v>117.081214</c:v>
                </c:pt>
                <c:pt idx="297">
                  <c:v>117.053138</c:v>
                </c:pt>
                <c:pt idx="298">
                  <c:v>116.987739</c:v>
                </c:pt>
                <c:pt idx="299">
                  <c:v>117.078485</c:v>
                </c:pt>
                <c:pt idx="300">
                  <c:v>117.191323</c:v>
                </c:pt>
                <c:pt idx="301">
                  <c:v>117.169163</c:v>
                </c:pt>
                <c:pt idx="302">
                  <c:v>117.205844</c:v>
                </c:pt>
                <c:pt idx="303">
                  <c:v>117.257142</c:v>
                </c:pt>
                <c:pt idx="304">
                  <c:v>117.301129</c:v>
                </c:pt>
                <c:pt idx="305">
                  <c:v>117.333585</c:v>
                </c:pt>
                <c:pt idx="306">
                  <c:v>117.33696500000001</c:v>
                </c:pt>
                <c:pt idx="307">
                  <c:v>117.299143</c:v>
                </c:pt>
                <c:pt idx="308">
                  <c:v>117.28319999999999</c:v>
                </c:pt>
                <c:pt idx="309">
                  <c:v>117.298652</c:v>
                </c:pt>
                <c:pt idx="310">
                  <c:v>117.333046</c:v>
                </c:pt>
                <c:pt idx="311">
                  <c:v>117.405069</c:v>
                </c:pt>
                <c:pt idx="312">
                  <c:v>117.464367</c:v>
                </c:pt>
                <c:pt idx="313">
                  <c:v>117.482507</c:v>
                </c:pt>
                <c:pt idx="314">
                  <c:v>117.47261</c:v>
                </c:pt>
                <c:pt idx="315">
                  <c:v>117.463042</c:v>
                </c:pt>
                <c:pt idx="316">
                  <c:v>117.462586</c:v>
                </c:pt>
                <c:pt idx="317">
                  <c:v>117.463081</c:v>
                </c:pt>
                <c:pt idx="318">
                  <c:v>117.44107700000001</c:v>
                </c:pt>
                <c:pt idx="319">
                  <c:v>117.384699</c:v>
                </c:pt>
                <c:pt idx="320">
                  <c:v>117.41459</c:v>
                </c:pt>
                <c:pt idx="321">
                  <c:v>117.44050300000001</c:v>
                </c:pt>
                <c:pt idx="322">
                  <c:v>117.334957</c:v>
                </c:pt>
                <c:pt idx="323">
                  <c:v>117.225692</c:v>
                </c:pt>
                <c:pt idx="324">
                  <c:v>117.22994799999999</c:v>
                </c:pt>
                <c:pt idx="325">
                  <c:v>117.23165400000001</c:v>
                </c:pt>
                <c:pt idx="326">
                  <c:v>117.20865000000001</c:v>
                </c:pt>
                <c:pt idx="327">
                  <c:v>117.209823</c:v>
                </c:pt>
                <c:pt idx="328">
                  <c:v>117.15706</c:v>
                </c:pt>
                <c:pt idx="329">
                  <c:v>117.069506</c:v>
                </c:pt>
                <c:pt idx="330">
                  <c:v>117.018829</c:v>
                </c:pt>
                <c:pt idx="331">
                  <c:v>117.05457</c:v>
                </c:pt>
                <c:pt idx="332">
                  <c:v>117.039804</c:v>
                </c:pt>
                <c:pt idx="333">
                  <c:v>117.052639</c:v>
                </c:pt>
                <c:pt idx="334">
                  <c:v>117.05109899999999</c:v>
                </c:pt>
                <c:pt idx="335">
                  <c:v>117.020831</c:v>
                </c:pt>
                <c:pt idx="336">
                  <c:v>117.108127</c:v>
                </c:pt>
                <c:pt idx="337">
                  <c:v>117.174262</c:v>
                </c:pt>
                <c:pt idx="338">
                  <c:v>117.05623900000001</c:v>
                </c:pt>
                <c:pt idx="339">
                  <c:v>116.99955199999999</c:v>
                </c:pt>
                <c:pt idx="340">
                  <c:v>117.25738699999999</c:v>
                </c:pt>
                <c:pt idx="341">
                  <c:v>117.255049</c:v>
                </c:pt>
                <c:pt idx="342">
                  <c:v>117.292669</c:v>
                </c:pt>
                <c:pt idx="343">
                  <c:v>117.323919</c:v>
                </c:pt>
                <c:pt idx="344">
                  <c:v>117.39368</c:v>
                </c:pt>
                <c:pt idx="345">
                  <c:v>117.475944</c:v>
                </c:pt>
                <c:pt idx="346">
                  <c:v>117.47725800000001</c:v>
                </c:pt>
                <c:pt idx="347">
                  <c:v>117.457947</c:v>
                </c:pt>
                <c:pt idx="348">
                  <c:v>117.488938</c:v>
                </c:pt>
                <c:pt idx="349">
                  <c:v>117.553127</c:v>
                </c:pt>
                <c:pt idx="350">
                  <c:v>117.581942</c:v>
                </c:pt>
                <c:pt idx="351">
                  <c:v>117.663163</c:v>
                </c:pt>
                <c:pt idx="352">
                  <c:v>117.668601</c:v>
                </c:pt>
                <c:pt idx="353">
                  <c:v>117.692694</c:v>
                </c:pt>
                <c:pt idx="354">
                  <c:v>117.687111</c:v>
                </c:pt>
                <c:pt idx="355">
                  <c:v>117.71422800000001</c:v>
                </c:pt>
                <c:pt idx="356">
                  <c:v>117.81769300000001</c:v>
                </c:pt>
                <c:pt idx="357">
                  <c:v>117.754481</c:v>
                </c:pt>
                <c:pt idx="358">
                  <c:v>117.708326</c:v>
                </c:pt>
                <c:pt idx="359">
                  <c:v>117.711151</c:v>
                </c:pt>
                <c:pt idx="360">
                  <c:v>117.71602300000001</c:v>
                </c:pt>
                <c:pt idx="361">
                  <c:v>117.747829</c:v>
                </c:pt>
                <c:pt idx="362">
                  <c:v>117.799904</c:v>
                </c:pt>
                <c:pt idx="363">
                  <c:v>117.708151</c:v>
                </c:pt>
                <c:pt idx="364">
                  <c:v>117.720375</c:v>
                </c:pt>
                <c:pt idx="365">
                  <c:v>117.72251</c:v>
                </c:pt>
                <c:pt idx="366">
                  <c:v>117.722379</c:v>
                </c:pt>
                <c:pt idx="367">
                  <c:v>117.70511500000001</c:v>
                </c:pt>
                <c:pt idx="368">
                  <c:v>117.749594</c:v>
                </c:pt>
                <c:pt idx="369">
                  <c:v>117.763076</c:v>
                </c:pt>
                <c:pt idx="370">
                  <c:v>117.702483</c:v>
                </c:pt>
                <c:pt idx="371">
                  <c:v>117.643615</c:v>
                </c:pt>
                <c:pt idx="372">
                  <c:v>117.534023</c:v>
                </c:pt>
                <c:pt idx="373">
                  <c:v>117.64460200000001</c:v>
                </c:pt>
                <c:pt idx="374">
                  <c:v>117.695913</c:v>
                </c:pt>
                <c:pt idx="375">
                  <c:v>117.68156999999999</c:v>
                </c:pt>
                <c:pt idx="376">
                  <c:v>117.72407800000001</c:v>
                </c:pt>
                <c:pt idx="377">
                  <c:v>117.729799</c:v>
                </c:pt>
                <c:pt idx="378">
                  <c:v>117.70088800000001</c:v>
                </c:pt>
                <c:pt idx="379">
                  <c:v>117.689244</c:v>
                </c:pt>
                <c:pt idx="380">
                  <c:v>117.638609</c:v>
                </c:pt>
                <c:pt idx="381">
                  <c:v>117.679405</c:v>
                </c:pt>
                <c:pt idx="382">
                  <c:v>117.80429700000001</c:v>
                </c:pt>
                <c:pt idx="383">
                  <c:v>117.737925</c:v>
                </c:pt>
                <c:pt idx="384">
                  <c:v>117.71603399999999</c:v>
                </c:pt>
                <c:pt idx="385">
                  <c:v>117.685441</c:v>
                </c:pt>
                <c:pt idx="386">
                  <c:v>117.645687</c:v>
                </c:pt>
                <c:pt idx="387">
                  <c:v>117.590018</c:v>
                </c:pt>
                <c:pt idx="388">
                  <c:v>117.489513</c:v>
                </c:pt>
                <c:pt idx="389">
                  <c:v>117.562439</c:v>
                </c:pt>
                <c:pt idx="390">
                  <c:v>117.65537500000001</c:v>
                </c:pt>
                <c:pt idx="391">
                  <c:v>117.595303</c:v>
                </c:pt>
                <c:pt idx="392">
                  <c:v>117.53323399999999</c:v>
                </c:pt>
                <c:pt idx="393">
                  <c:v>117.501003</c:v>
                </c:pt>
                <c:pt idx="394">
                  <c:v>117.434695</c:v>
                </c:pt>
                <c:pt idx="395">
                  <c:v>117.434636</c:v>
                </c:pt>
                <c:pt idx="396">
                  <c:v>117.465366</c:v>
                </c:pt>
                <c:pt idx="397">
                  <c:v>117.486414</c:v>
                </c:pt>
                <c:pt idx="398">
                  <c:v>117.495397</c:v>
                </c:pt>
                <c:pt idx="399">
                  <c:v>117.40423</c:v>
                </c:pt>
                <c:pt idx="400">
                  <c:v>117.290046</c:v>
                </c:pt>
                <c:pt idx="401">
                  <c:v>117.231382</c:v>
                </c:pt>
                <c:pt idx="402">
                  <c:v>117.350455</c:v>
                </c:pt>
                <c:pt idx="403">
                  <c:v>117.393897</c:v>
                </c:pt>
                <c:pt idx="404">
                  <c:v>117.319245</c:v>
                </c:pt>
                <c:pt idx="405">
                  <c:v>117.281863</c:v>
                </c:pt>
                <c:pt idx="406">
                  <c:v>117.37369700000001</c:v>
                </c:pt>
                <c:pt idx="407">
                  <c:v>117.337997</c:v>
                </c:pt>
                <c:pt idx="408">
                  <c:v>117.25202299999999</c:v>
                </c:pt>
                <c:pt idx="409">
                  <c:v>117.221692</c:v>
                </c:pt>
                <c:pt idx="410">
                  <c:v>117.22500100000001</c:v>
                </c:pt>
                <c:pt idx="411">
                  <c:v>117.233497</c:v>
                </c:pt>
                <c:pt idx="412">
                  <c:v>117.24886100000001</c:v>
                </c:pt>
                <c:pt idx="413">
                  <c:v>117.17947599999999</c:v>
                </c:pt>
                <c:pt idx="414">
                  <c:v>117.128139</c:v>
                </c:pt>
                <c:pt idx="415">
                  <c:v>117.076148</c:v>
                </c:pt>
                <c:pt idx="416">
                  <c:v>117.046251</c:v>
                </c:pt>
                <c:pt idx="417">
                  <c:v>117.11257000000001</c:v>
                </c:pt>
                <c:pt idx="418">
                  <c:v>117.166303</c:v>
                </c:pt>
                <c:pt idx="419">
                  <c:v>117.194464</c:v>
                </c:pt>
                <c:pt idx="420">
                  <c:v>117.201063</c:v>
                </c:pt>
                <c:pt idx="421">
                  <c:v>117.15552</c:v>
                </c:pt>
                <c:pt idx="422">
                  <c:v>117.05413900000001</c:v>
                </c:pt>
                <c:pt idx="423">
                  <c:v>117.014858</c:v>
                </c:pt>
                <c:pt idx="424">
                  <c:v>116.97499000000001</c:v>
                </c:pt>
                <c:pt idx="425">
                  <c:v>116.94274900000001</c:v>
                </c:pt>
                <c:pt idx="426">
                  <c:v>116.937924</c:v>
                </c:pt>
                <c:pt idx="427">
                  <c:v>116.915487</c:v>
                </c:pt>
                <c:pt idx="428">
                  <c:v>116.813109</c:v>
                </c:pt>
                <c:pt idx="429">
                  <c:v>116.812043</c:v>
                </c:pt>
                <c:pt idx="430">
                  <c:v>116.797308</c:v>
                </c:pt>
                <c:pt idx="431">
                  <c:v>116.804626</c:v>
                </c:pt>
                <c:pt idx="432">
                  <c:v>116.848354</c:v>
                </c:pt>
                <c:pt idx="433">
                  <c:v>116.85668</c:v>
                </c:pt>
                <c:pt idx="434">
                  <c:v>116.858507</c:v>
                </c:pt>
                <c:pt idx="435">
                  <c:v>116.847649</c:v>
                </c:pt>
                <c:pt idx="436">
                  <c:v>116.797431</c:v>
                </c:pt>
                <c:pt idx="437">
                  <c:v>116.80813499999999</c:v>
                </c:pt>
                <c:pt idx="438">
                  <c:v>116.900594</c:v>
                </c:pt>
                <c:pt idx="439">
                  <c:v>116.881199</c:v>
                </c:pt>
                <c:pt idx="440">
                  <c:v>116.78004799999999</c:v>
                </c:pt>
                <c:pt idx="441">
                  <c:v>116.635724</c:v>
                </c:pt>
                <c:pt idx="442">
                  <c:v>116.68216</c:v>
                </c:pt>
                <c:pt idx="443">
                  <c:v>116.79265700000001</c:v>
                </c:pt>
                <c:pt idx="444">
                  <c:v>116.671076</c:v>
                </c:pt>
                <c:pt idx="445">
                  <c:v>116.717707</c:v>
                </c:pt>
                <c:pt idx="446">
                  <c:v>116.725881</c:v>
                </c:pt>
                <c:pt idx="447">
                  <c:v>116.619579</c:v>
                </c:pt>
                <c:pt idx="448">
                  <c:v>116.494697</c:v>
                </c:pt>
                <c:pt idx="449">
                  <c:v>116.399447</c:v>
                </c:pt>
                <c:pt idx="450">
                  <c:v>116.394807</c:v>
                </c:pt>
                <c:pt idx="451">
                  <c:v>116.57228600000001</c:v>
                </c:pt>
                <c:pt idx="452">
                  <c:v>116.59214299999999</c:v>
                </c:pt>
                <c:pt idx="453">
                  <c:v>116.510963</c:v>
                </c:pt>
                <c:pt idx="454">
                  <c:v>116.510578</c:v>
                </c:pt>
                <c:pt idx="455">
                  <c:v>116.435423</c:v>
                </c:pt>
                <c:pt idx="456">
                  <c:v>116.50573</c:v>
                </c:pt>
                <c:pt idx="457">
                  <c:v>116.546081</c:v>
                </c:pt>
                <c:pt idx="458">
                  <c:v>116.420243</c:v>
                </c:pt>
                <c:pt idx="459">
                  <c:v>116.493122</c:v>
                </c:pt>
                <c:pt idx="460">
                  <c:v>116.60750400000001</c:v>
                </c:pt>
                <c:pt idx="461">
                  <c:v>116.560016</c:v>
                </c:pt>
                <c:pt idx="462">
                  <c:v>116.55091899999999</c:v>
                </c:pt>
                <c:pt idx="463">
                  <c:v>116.535438</c:v>
                </c:pt>
                <c:pt idx="464">
                  <c:v>116.485983</c:v>
                </c:pt>
                <c:pt idx="465">
                  <c:v>116.50269</c:v>
                </c:pt>
                <c:pt idx="466">
                  <c:v>116.48881299999999</c:v>
                </c:pt>
                <c:pt idx="467">
                  <c:v>116.492926</c:v>
                </c:pt>
                <c:pt idx="468">
                  <c:v>116.601598</c:v>
                </c:pt>
                <c:pt idx="469">
                  <c:v>116.583495</c:v>
                </c:pt>
                <c:pt idx="470">
                  <c:v>116.466981</c:v>
                </c:pt>
                <c:pt idx="471">
                  <c:v>116.438005</c:v>
                </c:pt>
                <c:pt idx="472">
                  <c:v>116.565027</c:v>
                </c:pt>
                <c:pt idx="473">
                  <c:v>116.48851000000001</c:v>
                </c:pt>
                <c:pt idx="474">
                  <c:v>116.37729</c:v>
                </c:pt>
                <c:pt idx="475">
                  <c:v>116.381015</c:v>
                </c:pt>
                <c:pt idx="476">
                  <c:v>116.370638</c:v>
                </c:pt>
                <c:pt idx="477">
                  <c:v>116.457776</c:v>
                </c:pt>
                <c:pt idx="478">
                  <c:v>116.47572099999999</c:v>
                </c:pt>
                <c:pt idx="479">
                  <c:v>116.333986</c:v>
                </c:pt>
                <c:pt idx="480">
                  <c:v>116.335092</c:v>
                </c:pt>
                <c:pt idx="481">
                  <c:v>116.345941</c:v>
                </c:pt>
                <c:pt idx="482">
                  <c:v>116.30048600000001</c:v>
                </c:pt>
                <c:pt idx="483">
                  <c:v>116.207179</c:v>
                </c:pt>
                <c:pt idx="484">
                  <c:v>116.17540700000001</c:v>
                </c:pt>
                <c:pt idx="485">
                  <c:v>116.086313</c:v>
                </c:pt>
                <c:pt idx="486">
                  <c:v>116.305808</c:v>
                </c:pt>
                <c:pt idx="487">
                  <c:v>116.477085</c:v>
                </c:pt>
                <c:pt idx="488">
                  <c:v>116.546586</c:v>
                </c:pt>
                <c:pt idx="489">
                  <c:v>116.664057</c:v>
                </c:pt>
                <c:pt idx="490">
                  <c:v>116.45672</c:v>
                </c:pt>
                <c:pt idx="491">
                  <c:v>116.302831</c:v>
                </c:pt>
                <c:pt idx="492">
                  <c:v>116.191462</c:v>
                </c:pt>
                <c:pt idx="493">
                  <c:v>116.383083</c:v>
                </c:pt>
                <c:pt idx="494">
                  <c:v>116.31889099999999</c:v>
                </c:pt>
                <c:pt idx="495">
                  <c:v>115.94583299999999</c:v>
                </c:pt>
                <c:pt idx="496">
                  <c:v>115.865724</c:v>
                </c:pt>
                <c:pt idx="497">
                  <c:v>115.910246</c:v>
                </c:pt>
                <c:pt idx="498">
                  <c:v>115.73274600000001</c:v>
                </c:pt>
                <c:pt idx="499">
                  <c:v>116.13331599999999</c:v>
                </c:pt>
                <c:pt idx="500">
                  <c:v>116.745974</c:v>
                </c:pt>
                <c:pt idx="501">
                  <c:v>116.629085</c:v>
                </c:pt>
                <c:pt idx="502">
                  <c:v>115.918201</c:v>
                </c:pt>
                <c:pt idx="503">
                  <c:v>115.88902400000001</c:v>
                </c:pt>
                <c:pt idx="504">
                  <c:v>116.173154</c:v>
                </c:pt>
                <c:pt idx="505">
                  <c:v>116.370132</c:v>
                </c:pt>
                <c:pt idx="506">
                  <c:v>116.43097400000001</c:v>
                </c:pt>
                <c:pt idx="507">
                  <c:v>116.212034</c:v>
                </c:pt>
                <c:pt idx="508">
                  <c:v>116.78660499999999</c:v>
                </c:pt>
                <c:pt idx="509">
                  <c:v>116.813607</c:v>
                </c:pt>
                <c:pt idx="510">
                  <c:v>116.55989700000001</c:v>
                </c:pt>
                <c:pt idx="511">
                  <c:v>116.5831</c:v>
                </c:pt>
                <c:pt idx="512">
                  <c:v>116.50303</c:v>
                </c:pt>
                <c:pt idx="513">
                  <c:v>116.726403</c:v>
                </c:pt>
                <c:pt idx="514">
                  <c:v>116.776768</c:v>
                </c:pt>
                <c:pt idx="515">
                  <c:v>116.44372199999999</c:v>
                </c:pt>
                <c:pt idx="516">
                  <c:v>116.372659</c:v>
                </c:pt>
                <c:pt idx="517">
                  <c:v>116.426982</c:v>
                </c:pt>
                <c:pt idx="518">
                  <c:v>116.526572</c:v>
                </c:pt>
                <c:pt idx="519">
                  <c:v>116.61124599999999</c:v>
                </c:pt>
                <c:pt idx="520">
                  <c:v>116.56336899999999</c:v>
                </c:pt>
                <c:pt idx="521">
                  <c:v>117.03234399999999</c:v>
                </c:pt>
                <c:pt idx="522">
                  <c:v>117.318569</c:v>
                </c:pt>
                <c:pt idx="523">
                  <c:v>117.682704</c:v>
                </c:pt>
                <c:pt idx="524">
                  <c:v>118.023391</c:v>
                </c:pt>
                <c:pt idx="525">
                  <c:v>117.703146</c:v>
                </c:pt>
                <c:pt idx="526">
                  <c:v>117.378412</c:v>
                </c:pt>
                <c:pt idx="527">
                  <c:v>117.081232</c:v>
                </c:pt>
                <c:pt idx="528">
                  <c:v>117.253353</c:v>
                </c:pt>
                <c:pt idx="529">
                  <c:v>117.640479</c:v>
                </c:pt>
                <c:pt idx="530">
                  <c:v>117.51231300000001</c:v>
                </c:pt>
                <c:pt idx="531">
                  <c:v>117.800466</c:v>
                </c:pt>
                <c:pt idx="532">
                  <c:v>118.54655</c:v>
                </c:pt>
                <c:pt idx="533">
                  <c:v>118.455459</c:v>
                </c:pt>
                <c:pt idx="534">
                  <c:v>117.968959</c:v>
                </c:pt>
                <c:pt idx="535">
                  <c:v>118.063509</c:v>
                </c:pt>
                <c:pt idx="536">
                  <c:v>118.79570200000001</c:v>
                </c:pt>
                <c:pt idx="537">
                  <c:v>118.915183</c:v>
                </c:pt>
                <c:pt idx="538">
                  <c:v>118.156462</c:v>
                </c:pt>
                <c:pt idx="539">
                  <c:v>118.102563</c:v>
                </c:pt>
                <c:pt idx="540">
                  <c:v>118.611463</c:v>
                </c:pt>
                <c:pt idx="541">
                  <c:v>118.46809500000001</c:v>
                </c:pt>
                <c:pt idx="542">
                  <c:v>117.999968</c:v>
                </c:pt>
                <c:pt idx="543">
                  <c:v>117.579432</c:v>
                </c:pt>
                <c:pt idx="544">
                  <c:v>117.66861900000001</c:v>
                </c:pt>
                <c:pt idx="545">
                  <c:v>117.60245999999999</c:v>
                </c:pt>
                <c:pt idx="546">
                  <c:v>117.406111</c:v>
                </c:pt>
                <c:pt idx="547">
                  <c:v>117.347605</c:v>
                </c:pt>
                <c:pt idx="548">
                  <c:v>117.352492</c:v>
                </c:pt>
                <c:pt idx="549">
                  <c:v>117.466486</c:v>
                </c:pt>
                <c:pt idx="550">
                  <c:v>117.553522</c:v>
                </c:pt>
                <c:pt idx="551">
                  <c:v>117.38873100000001</c:v>
                </c:pt>
                <c:pt idx="552">
                  <c:v>116.954626</c:v>
                </c:pt>
                <c:pt idx="553">
                  <c:v>117.10366999999999</c:v>
                </c:pt>
                <c:pt idx="554">
                  <c:v>117.389396</c:v>
                </c:pt>
                <c:pt idx="555">
                  <c:v>117.543847</c:v>
                </c:pt>
                <c:pt idx="556">
                  <c:v>117.48517200000001</c:v>
                </c:pt>
                <c:pt idx="557">
                  <c:v>117.176464</c:v>
                </c:pt>
                <c:pt idx="558">
                  <c:v>116.912423</c:v>
                </c:pt>
                <c:pt idx="559">
                  <c:v>116.75056600000001</c:v>
                </c:pt>
                <c:pt idx="560">
                  <c:v>116.604478</c:v>
                </c:pt>
                <c:pt idx="561">
                  <c:v>116.74957499999999</c:v>
                </c:pt>
                <c:pt idx="562">
                  <c:v>116.70841</c:v>
                </c:pt>
                <c:pt idx="563">
                  <c:v>116.61882300000001</c:v>
                </c:pt>
                <c:pt idx="564">
                  <c:v>116.63414400000001</c:v>
                </c:pt>
                <c:pt idx="565">
                  <c:v>116.70264</c:v>
                </c:pt>
                <c:pt idx="566">
                  <c:v>116.668346</c:v>
                </c:pt>
                <c:pt idx="567">
                  <c:v>116.58776400000001</c:v>
                </c:pt>
                <c:pt idx="568">
                  <c:v>116.32570800000001</c:v>
                </c:pt>
                <c:pt idx="569">
                  <c:v>116.064745</c:v>
                </c:pt>
                <c:pt idx="570">
                  <c:v>116.18638900000001</c:v>
                </c:pt>
                <c:pt idx="571">
                  <c:v>116.380791</c:v>
                </c:pt>
                <c:pt idx="572">
                  <c:v>116.492104</c:v>
                </c:pt>
                <c:pt idx="573">
                  <c:v>116.514186</c:v>
                </c:pt>
                <c:pt idx="574">
                  <c:v>116.333377</c:v>
                </c:pt>
                <c:pt idx="575">
                  <c:v>116.372512</c:v>
                </c:pt>
                <c:pt idx="576">
                  <c:v>116.503438</c:v>
                </c:pt>
                <c:pt idx="577">
                  <c:v>116.282005</c:v>
                </c:pt>
                <c:pt idx="578">
                  <c:v>116.019417</c:v>
                </c:pt>
                <c:pt idx="579">
                  <c:v>116.198335</c:v>
                </c:pt>
                <c:pt idx="580">
                  <c:v>116.434107</c:v>
                </c:pt>
                <c:pt idx="581">
                  <c:v>116.50583399999999</c:v>
                </c:pt>
                <c:pt idx="582">
                  <c:v>116.42655499999999</c:v>
                </c:pt>
                <c:pt idx="583">
                  <c:v>116.295315</c:v>
                </c:pt>
                <c:pt idx="584">
                  <c:v>116.37264999999999</c:v>
                </c:pt>
                <c:pt idx="585">
                  <c:v>116.47342999999999</c:v>
                </c:pt>
                <c:pt idx="586">
                  <c:v>116.55691400000001</c:v>
                </c:pt>
                <c:pt idx="587">
                  <c:v>116.52210700000001</c:v>
                </c:pt>
                <c:pt idx="588">
                  <c:v>116.41573</c:v>
                </c:pt>
                <c:pt idx="589">
                  <c:v>116.58611000000001</c:v>
                </c:pt>
                <c:pt idx="590">
                  <c:v>116.515089</c:v>
                </c:pt>
                <c:pt idx="591">
                  <c:v>116.549528</c:v>
                </c:pt>
                <c:pt idx="592">
                  <c:v>116.739315</c:v>
                </c:pt>
                <c:pt idx="593">
                  <c:v>116.980998</c:v>
                </c:pt>
                <c:pt idx="594">
                  <c:v>117.30273099999999</c:v>
                </c:pt>
                <c:pt idx="595">
                  <c:v>117.483341</c:v>
                </c:pt>
                <c:pt idx="596">
                  <c:v>117.277714</c:v>
                </c:pt>
                <c:pt idx="597">
                  <c:v>116.80927200000001</c:v>
                </c:pt>
                <c:pt idx="598">
                  <c:v>117.215193</c:v>
                </c:pt>
                <c:pt idx="599">
                  <c:v>117.057059</c:v>
                </c:pt>
                <c:pt idx="600">
                  <c:v>117.085142</c:v>
                </c:pt>
                <c:pt idx="601">
                  <c:v>117.92738799999999</c:v>
                </c:pt>
                <c:pt idx="602">
                  <c:v>118.70257100000001</c:v>
                </c:pt>
                <c:pt idx="603">
                  <c:v>118.114284</c:v>
                </c:pt>
                <c:pt idx="604">
                  <c:v>117.320291</c:v>
                </c:pt>
                <c:pt idx="605">
                  <c:v>116.860367</c:v>
                </c:pt>
                <c:pt idx="606">
                  <c:v>117.145355</c:v>
                </c:pt>
                <c:pt idx="607">
                  <c:v>117.63189800000001</c:v>
                </c:pt>
                <c:pt idx="608">
                  <c:v>117.406976</c:v>
                </c:pt>
                <c:pt idx="609">
                  <c:v>117.030124</c:v>
                </c:pt>
                <c:pt idx="610">
                  <c:v>116.677713</c:v>
                </c:pt>
                <c:pt idx="611">
                  <c:v>116.95963500000001</c:v>
                </c:pt>
                <c:pt idx="612">
                  <c:v>116.96962499999999</c:v>
                </c:pt>
                <c:pt idx="613">
                  <c:v>116.39990400000001</c:v>
                </c:pt>
                <c:pt idx="614">
                  <c:v>116.382586</c:v>
                </c:pt>
                <c:pt idx="615">
                  <c:v>116.621522</c:v>
                </c:pt>
                <c:pt idx="616">
                  <c:v>116.58076800000001</c:v>
                </c:pt>
                <c:pt idx="617">
                  <c:v>116.50399899999999</c:v>
                </c:pt>
                <c:pt idx="618">
                  <c:v>116.196635</c:v>
                </c:pt>
                <c:pt idx="619">
                  <c:v>116.029572</c:v>
                </c:pt>
                <c:pt idx="620">
                  <c:v>116.01855500000001</c:v>
                </c:pt>
                <c:pt idx="621">
                  <c:v>116.30306899999999</c:v>
                </c:pt>
                <c:pt idx="622">
                  <c:v>116.393458</c:v>
                </c:pt>
                <c:pt idx="623">
                  <c:v>116.333703</c:v>
                </c:pt>
                <c:pt idx="624">
                  <c:v>115.683876</c:v>
                </c:pt>
                <c:pt idx="625">
                  <c:v>115.574989</c:v>
                </c:pt>
                <c:pt idx="626">
                  <c:v>115.520414</c:v>
                </c:pt>
                <c:pt idx="627">
                  <c:v>115.176254</c:v>
                </c:pt>
                <c:pt idx="628">
                  <c:v>115.574727</c:v>
                </c:pt>
                <c:pt idx="629">
                  <c:v>115.974446</c:v>
                </c:pt>
                <c:pt idx="630">
                  <c:v>115.480756</c:v>
                </c:pt>
                <c:pt idx="631">
                  <c:v>115.04781800000001</c:v>
                </c:pt>
                <c:pt idx="632">
                  <c:v>115.014724</c:v>
                </c:pt>
                <c:pt idx="633">
                  <c:v>115.126141</c:v>
                </c:pt>
                <c:pt idx="634">
                  <c:v>115.31710099999999</c:v>
                </c:pt>
                <c:pt idx="635">
                  <c:v>115.237855</c:v>
                </c:pt>
                <c:pt idx="636">
                  <c:v>115.128502</c:v>
                </c:pt>
                <c:pt idx="637">
                  <c:v>115.20924100000001</c:v>
                </c:pt>
                <c:pt idx="638">
                  <c:v>115.060868</c:v>
                </c:pt>
                <c:pt idx="639">
                  <c:v>115.062001</c:v>
                </c:pt>
                <c:pt idx="640">
                  <c:v>115.246472</c:v>
                </c:pt>
                <c:pt idx="641">
                  <c:v>115.227895</c:v>
                </c:pt>
                <c:pt idx="642">
                  <c:v>115.106549</c:v>
                </c:pt>
                <c:pt idx="643">
                  <c:v>115.29591000000001</c:v>
                </c:pt>
                <c:pt idx="644">
                  <c:v>115.09822699999999</c:v>
                </c:pt>
                <c:pt idx="645">
                  <c:v>114.90021400000001</c:v>
                </c:pt>
                <c:pt idx="646">
                  <c:v>114.98785700000001</c:v>
                </c:pt>
                <c:pt idx="647">
                  <c:v>114.766502</c:v>
                </c:pt>
                <c:pt idx="648">
                  <c:v>114.686887</c:v>
                </c:pt>
                <c:pt idx="649">
                  <c:v>114.71742399999999</c:v>
                </c:pt>
                <c:pt idx="650">
                  <c:v>114.67427000000001</c:v>
                </c:pt>
                <c:pt idx="651">
                  <c:v>114.74344000000001</c:v>
                </c:pt>
                <c:pt idx="652">
                  <c:v>114.718442</c:v>
                </c:pt>
                <c:pt idx="653">
                  <c:v>114.62786699999999</c:v>
                </c:pt>
                <c:pt idx="654">
                  <c:v>114.71177</c:v>
                </c:pt>
                <c:pt idx="655">
                  <c:v>114.50973399999999</c:v>
                </c:pt>
                <c:pt idx="656">
                  <c:v>114.32572</c:v>
                </c:pt>
                <c:pt idx="657">
                  <c:v>114.43858299999999</c:v>
                </c:pt>
                <c:pt idx="658">
                  <c:v>114.43532500000001</c:v>
                </c:pt>
                <c:pt idx="659">
                  <c:v>114.411227</c:v>
                </c:pt>
                <c:pt idx="660">
                  <c:v>114.541273</c:v>
                </c:pt>
                <c:pt idx="661">
                  <c:v>114.79349499999999</c:v>
                </c:pt>
                <c:pt idx="662">
                  <c:v>114.708935</c:v>
                </c:pt>
                <c:pt idx="663">
                  <c:v>114.39190600000001</c:v>
                </c:pt>
                <c:pt idx="664">
                  <c:v>114.403702</c:v>
                </c:pt>
                <c:pt idx="665">
                  <c:v>114.47367800000001</c:v>
                </c:pt>
                <c:pt idx="666">
                  <c:v>114.220443</c:v>
                </c:pt>
                <c:pt idx="667">
                  <c:v>114.08693599999999</c:v>
                </c:pt>
                <c:pt idx="668">
                  <c:v>114.248053</c:v>
                </c:pt>
                <c:pt idx="669">
                  <c:v>114.25533900000001</c:v>
                </c:pt>
                <c:pt idx="670">
                  <c:v>114.241484</c:v>
                </c:pt>
                <c:pt idx="671">
                  <c:v>114.236118</c:v>
                </c:pt>
                <c:pt idx="672">
                  <c:v>114.13171800000001</c:v>
                </c:pt>
                <c:pt idx="673">
                  <c:v>114.13391799999999</c:v>
                </c:pt>
                <c:pt idx="674">
                  <c:v>114.22927300000001</c:v>
                </c:pt>
                <c:pt idx="675">
                  <c:v>114.295648</c:v>
                </c:pt>
                <c:pt idx="676">
                  <c:v>114.264084</c:v>
                </c:pt>
                <c:pt idx="677">
                  <c:v>114.194222</c:v>
                </c:pt>
                <c:pt idx="678">
                  <c:v>114.12559899999999</c:v>
                </c:pt>
                <c:pt idx="679">
                  <c:v>114.10203799999999</c:v>
                </c:pt>
                <c:pt idx="680">
                  <c:v>114.130263</c:v>
                </c:pt>
                <c:pt idx="681">
                  <c:v>114.12026899999999</c:v>
                </c:pt>
                <c:pt idx="682">
                  <c:v>114.17617300000001</c:v>
                </c:pt>
                <c:pt idx="683">
                  <c:v>114.184579</c:v>
                </c:pt>
                <c:pt idx="684">
                  <c:v>114.100756</c:v>
                </c:pt>
                <c:pt idx="685">
                  <c:v>113.948442</c:v>
                </c:pt>
                <c:pt idx="686">
                  <c:v>113.944458</c:v>
                </c:pt>
                <c:pt idx="687">
                  <c:v>114.054946</c:v>
                </c:pt>
                <c:pt idx="688">
                  <c:v>114.105481</c:v>
                </c:pt>
                <c:pt idx="689">
                  <c:v>114.11727999999999</c:v>
                </c:pt>
                <c:pt idx="690">
                  <c:v>114.01343199999999</c:v>
                </c:pt>
                <c:pt idx="691">
                  <c:v>113.86836099999999</c:v>
                </c:pt>
                <c:pt idx="692">
                  <c:v>113.773802</c:v>
                </c:pt>
                <c:pt idx="693">
                  <c:v>113.80917599999999</c:v>
                </c:pt>
                <c:pt idx="694">
                  <c:v>113.99279900000001</c:v>
                </c:pt>
                <c:pt idx="695">
                  <c:v>113.98644</c:v>
                </c:pt>
                <c:pt idx="696">
                  <c:v>113.869691</c:v>
                </c:pt>
                <c:pt idx="697">
                  <c:v>113.715039</c:v>
                </c:pt>
                <c:pt idx="698">
                  <c:v>113.64906999999999</c:v>
                </c:pt>
                <c:pt idx="699">
                  <c:v>113.80199399999999</c:v>
                </c:pt>
                <c:pt idx="700">
                  <c:v>113.854448</c:v>
                </c:pt>
                <c:pt idx="701">
                  <c:v>113.794127</c:v>
                </c:pt>
                <c:pt idx="702">
                  <c:v>113.71887</c:v>
                </c:pt>
                <c:pt idx="703">
                  <c:v>113.683179</c:v>
                </c:pt>
                <c:pt idx="704">
                  <c:v>113.647398</c:v>
                </c:pt>
                <c:pt idx="705">
                  <c:v>113.73296000000001</c:v>
                </c:pt>
                <c:pt idx="706">
                  <c:v>113.809287</c:v>
                </c:pt>
                <c:pt idx="707">
                  <c:v>113.757251</c:v>
                </c:pt>
                <c:pt idx="708">
                  <c:v>113.727491</c:v>
                </c:pt>
                <c:pt idx="709">
                  <c:v>113.67513700000001</c:v>
                </c:pt>
                <c:pt idx="710">
                  <c:v>113.801749</c:v>
                </c:pt>
                <c:pt idx="711">
                  <c:v>113.95288499999999</c:v>
                </c:pt>
                <c:pt idx="712">
                  <c:v>113.836073</c:v>
                </c:pt>
                <c:pt idx="713">
                  <c:v>113.684433</c:v>
                </c:pt>
                <c:pt idx="714">
                  <c:v>113.62728199999999</c:v>
                </c:pt>
                <c:pt idx="715">
                  <c:v>113.647468</c:v>
                </c:pt>
                <c:pt idx="716">
                  <c:v>113.682024</c:v>
                </c:pt>
                <c:pt idx="717">
                  <c:v>113.67560400000001</c:v>
                </c:pt>
                <c:pt idx="718">
                  <c:v>113.635975</c:v>
                </c:pt>
                <c:pt idx="719">
                  <c:v>113.599317</c:v>
                </c:pt>
                <c:pt idx="720">
                  <c:v>113.531142</c:v>
                </c:pt>
                <c:pt idx="721">
                  <c:v>113.51198100000001</c:v>
                </c:pt>
                <c:pt idx="722">
                  <c:v>113.597537</c:v>
                </c:pt>
                <c:pt idx="723">
                  <c:v>113.547636</c:v>
                </c:pt>
                <c:pt idx="724">
                  <c:v>113.497542</c:v>
                </c:pt>
                <c:pt idx="725">
                  <c:v>113.486676</c:v>
                </c:pt>
                <c:pt idx="726">
                  <c:v>113.467348</c:v>
                </c:pt>
                <c:pt idx="727">
                  <c:v>113.54829599999999</c:v>
                </c:pt>
                <c:pt idx="728">
                  <c:v>113.626626</c:v>
                </c:pt>
                <c:pt idx="729">
                  <c:v>113.51993299999999</c:v>
                </c:pt>
                <c:pt idx="730">
                  <c:v>113.39504700000001</c:v>
                </c:pt>
                <c:pt idx="731">
                  <c:v>113.290795</c:v>
                </c:pt>
                <c:pt idx="732">
                  <c:v>113.273793</c:v>
                </c:pt>
                <c:pt idx="733">
                  <c:v>113.420755</c:v>
                </c:pt>
                <c:pt idx="734">
                  <c:v>113.397295</c:v>
                </c:pt>
                <c:pt idx="735">
                  <c:v>113.247072</c:v>
                </c:pt>
                <c:pt idx="736">
                  <c:v>113.266276</c:v>
                </c:pt>
                <c:pt idx="737">
                  <c:v>113.34655100000001</c:v>
                </c:pt>
                <c:pt idx="738">
                  <c:v>113.30634999999999</c:v>
                </c:pt>
                <c:pt idx="739">
                  <c:v>113.376633</c:v>
                </c:pt>
                <c:pt idx="740">
                  <c:v>113.296263</c:v>
                </c:pt>
                <c:pt idx="741">
                  <c:v>113.247444</c:v>
                </c:pt>
                <c:pt idx="742">
                  <c:v>113.264432</c:v>
                </c:pt>
                <c:pt idx="743">
                  <c:v>113.18284800000001</c:v>
                </c:pt>
                <c:pt idx="744">
                  <c:v>113.135845</c:v>
                </c:pt>
                <c:pt idx="745">
                  <c:v>113.131618</c:v>
                </c:pt>
                <c:pt idx="746">
                  <c:v>113.016344</c:v>
                </c:pt>
                <c:pt idx="747">
                  <c:v>113.134197</c:v>
                </c:pt>
                <c:pt idx="748">
                  <c:v>113.282155</c:v>
                </c:pt>
                <c:pt idx="749">
                  <c:v>113.21197100000001</c:v>
                </c:pt>
                <c:pt idx="750">
                  <c:v>113.250045</c:v>
                </c:pt>
                <c:pt idx="751">
                  <c:v>113.30493800000001</c:v>
                </c:pt>
                <c:pt idx="752">
                  <c:v>113.17907099999999</c:v>
                </c:pt>
                <c:pt idx="753">
                  <c:v>113.075909</c:v>
                </c:pt>
                <c:pt idx="754">
                  <c:v>113.13819599999999</c:v>
                </c:pt>
                <c:pt idx="755">
                  <c:v>113.07387199999999</c:v>
                </c:pt>
                <c:pt idx="756">
                  <c:v>112.989542</c:v>
                </c:pt>
                <c:pt idx="757">
                  <c:v>112.911816</c:v>
                </c:pt>
                <c:pt idx="758">
                  <c:v>112.795818</c:v>
                </c:pt>
                <c:pt idx="759">
                  <c:v>112.838779</c:v>
                </c:pt>
                <c:pt idx="760">
                  <c:v>112.932761</c:v>
                </c:pt>
                <c:pt idx="761">
                  <c:v>112.981442</c:v>
                </c:pt>
                <c:pt idx="762">
                  <c:v>112.923751</c:v>
                </c:pt>
                <c:pt idx="763">
                  <c:v>112.860401</c:v>
                </c:pt>
                <c:pt idx="764">
                  <c:v>112.85659</c:v>
                </c:pt>
                <c:pt idx="765">
                  <c:v>112.913437</c:v>
                </c:pt>
                <c:pt idx="766">
                  <c:v>112.943449</c:v>
                </c:pt>
                <c:pt idx="767">
                  <c:v>112.814758</c:v>
                </c:pt>
                <c:pt idx="768">
                  <c:v>112.70085</c:v>
                </c:pt>
                <c:pt idx="769">
                  <c:v>112.669937</c:v>
                </c:pt>
                <c:pt idx="770">
                  <c:v>112.749759</c:v>
                </c:pt>
                <c:pt idx="771">
                  <c:v>112.907533</c:v>
                </c:pt>
                <c:pt idx="772">
                  <c:v>112.87521099999999</c:v>
                </c:pt>
                <c:pt idx="773">
                  <c:v>112.76041600000001</c:v>
                </c:pt>
                <c:pt idx="774">
                  <c:v>112.801653</c:v>
                </c:pt>
                <c:pt idx="775">
                  <c:v>112.753846</c:v>
                </c:pt>
                <c:pt idx="776">
                  <c:v>112.70325</c:v>
                </c:pt>
                <c:pt idx="777">
                  <c:v>112.75131399999999</c:v>
                </c:pt>
                <c:pt idx="778">
                  <c:v>112.68674799999999</c:v>
                </c:pt>
                <c:pt idx="779">
                  <c:v>112.542642</c:v>
                </c:pt>
                <c:pt idx="780">
                  <c:v>112.582865</c:v>
                </c:pt>
                <c:pt idx="781">
                  <c:v>112.720136</c:v>
                </c:pt>
                <c:pt idx="782">
                  <c:v>112.698003</c:v>
                </c:pt>
                <c:pt idx="783">
                  <c:v>112.531116</c:v>
                </c:pt>
                <c:pt idx="784">
                  <c:v>112.482398</c:v>
                </c:pt>
                <c:pt idx="785">
                  <c:v>112.403003</c:v>
                </c:pt>
                <c:pt idx="786">
                  <c:v>112.398223</c:v>
                </c:pt>
                <c:pt idx="787">
                  <c:v>112.47812999999999</c:v>
                </c:pt>
                <c:pt idx="788">
                  <c:v>112.494482</c:v>
                </c:pt>
                <c:pt idx="789">
                  <c:v>112.415192</c:v>
                </c:pt>
                <c:pt idx="790">
                  <c:v>112.391975</c:v>
                </c:pt>
                <c:pt idx="791">
                  <c:v>112.380499</c:v>
                </c:pt>
                <c:pt idx="792">
                  <c:v>112.29825599999999</c:v>
                </c:pt>
                <c:pt idx="793">
                  <c:v>112.21999700000001</c:v>
                </c:pt>
                <c:pt idx="794">
                  <c:v>112.29456</c:v>
                </c:pt>
                <c:pt idx="795">
                  <c:v>112.329667</c:v>
                </c:pt>
                <c:pt idx="796">
                  <c:v>112.294436</c:v>
                </c:pt>
                <c:pt idx="797">
                  <c:v>112.23107</c:v>
                </c:pt>
                <c:pt idx="798">
                  <c:v>112.244333</c:v>
                </c:pt>
                <c:pt idx="799">
                  <c:v>112.186598</c:v>
                </c:pt>
                <c:pt idx="800">
                  <c:v>112.128113</c:v>
                </c:pt>
                <c:pt idx="801">
                  <c:v>112.22326700000001</c:v>
                </c:pt>
                <c:pt idx="802">
                  <c:v>112.184826</c:v>
                </c:pt>
                <c:pt idx="803">
                  <c:v>112.148938</c:v>
                </c:pt>
                <c:pt idx="804">
                  <c:v>112.216551</c:v>
                </c:pt>
                <c:pt idx="805">
                  <c:v>112.244105</c:v>
                </c:pt>
                <c:pt idx="806">
                  <c:v>112.185969</c:v>
                </c:pt>
                <c:pt idx="807">
                  <c:v>112.157712</c:v>
                </c:pt>
                <c:pt idx="808">
                  <c:v>112.101753</c:v>
                </c:pt>
                <c:pt idx="809">
                  <c:v>112.03918899999999</c:v>
                </c:pt>
                <c:pt idx="810">
                  <c:v>112.05108799999999</c:v>
                </c:pt>
                <c:pt idx="811">
                  <c:v>112.063926</c:v>
                </c:pt>
                <c:pt idx="812">
                  <c:v>112.097016</c:v>
                </c:pt>
                <c:pt idx="813">
                  <c:v>112.035312</c:v>
                </c:pt>
                <c:pt idx="814">
                  <c:v>111.979682</c:v>
                </c:pt>
                <c:pt idx="815">
                  <c:v>112.05041799999999</c:v>
                </c:pt>
                <c:pt idx="816">
                  <c:v>112.013137</c:v>
                </c:pt>
                <c:pt idx="817">
                  <c:v>111.91999300000001</c:v>
                </c:pt>
                <c:pt idx="818">
                  <c:v>111.853841</c:v>
                </c:pt>
                <c:pt idx="819">
                  <c:v>111.904348</c:v>
                </c:pt>
                <c:pt idx="820">
                  <c:v>111.92801900000001</c:v>
                </c:pt>
                <c:pt idx="821">
                  <c:v>111.95119200000001</c:v>
                </c:pt>
                <c:pt idx="822">
                  <c:v>111.905608</c:v>
                </c:pt>
                <c:pt idx="823">
                  <c:v>111.82048399999999</c:v>
                </c:pt>
                <c:pt idx="824">
                  <c:v>111.871128</c:v>
                </c:pt>
                <c:pt idx="825">
                  <c:v>112.063441</c:v>
                </c:pt>
                <c:pt idx="826">
                  <c:v>112.02111600000001</c:v>
                </c:pt>
                <c:pt idx="827">
                  <c:v>111.85269099999999</c:v>
                </c:pt>
                <c:pt idx="828">
                  <c:v>111.826232</c:v>
                </c:pt>
                <c:pt idx="829">
                  <c:v>111.894381</c:v>
                </c:pt>
                <c:pt idx="830">
                  <c:v>111.87487299999999</c:v>
                </c:pt>
                <c:pt idx="831">
                  <c:v>111.866439</c:v>
                </c:pt>
                <c:pt idx="832">
                  <c:v>111.909397</c:v>
                </c:pt>
                <c:pt idx="833">
                  <c:v>111.906532</c:v>
                </c:pt>
                <c:pt idx="834">
                  <c:v>111.8326</c:v>
                </c:pt>
                <c:pt idx="835">
                  <c:v>111.777197</c:v>
                </c:pt>
                <c:pt idx="836">
                  <c:v>111.69245100000001</c:v>
                </c:pt>
                <c:pt idx="837">
                  <c:v>111.69024899999999</c:v>
                </c:pt>
                <c:pt idx="838">
                  <c:v>111.763266</c:v>
                </c:pt>
                <c:pt idx="839">
                  <c:v>111.750592</c:v>
                </c:pt>
                <c:pt idx="840">
                  <c:v>111.730474</c:v>
                </c:pt>
                <c:pt idx="841">
                  <c:v>111.717118</c:v>
                </c:pt>
                <c:pt idx="842">
                  <c:v>111.66931200000001</c:v>
                </c:pt>
                <c:pt idx="843">
                  <c:v>111.727648</c:v>
                </c:pt>
                <c:pt idx="844">
                  <c:v>111.79800400000001</c:v>
                </c:pt>
                <c:pt idx="845">
                  <c:v>111.828458</c:v>
                </c:pt>
                <c:pt idx="846">
                  <c:v>111.812246</c:v>
                </c:pt>
                <c:pt idx="847">
                  <c:v>111.77810700000001</c:v>
                </c:pt>
                <c:pt idx="848">
                  <c:v>111.778126</c:v>
                </c:pt>
                <c:pt idx="849">
                  <c:v>111.84347200000001</c:v>
                </c:pt>
                <c:pt idx="850">
                  <c:v>111.80378</c:v>
                </c:pt>
                <c:pt idx="851">
                  <c:v>111.75432499999999</c:v>
                </c:pt>
                <c:pt idx="852">
                  <c:v>111.719854</c:v>
                </c:pt>
                <c:pt idx="853">
                  <c:v>111.75002000000001</c:v>
                </c:pt>
                <c:pt idx="854">
                  <c:v>111.772936</c:v>
                </c:pt>
                <c:pt idx="855">
                  <c:v>111.698598</c:v>
                </c:pt>
                <c:pt idx="856">
                  <c:v>111.706112</c:v>
                </c:pt>
                <c:pt idx="857">
                  <c:v>111.708679</c:v>
                </c:pt>
                <c:pt idx="858">
                  <c:v>111.689967</c:v>
                </c:pt>
                <c:pt idx="859">
                  <c:v>111.72735400000001</c:v>
                </c:pt>
                <c:pt idx="860">
                  <c:v>111.7336</c:v>
                </c:pt>
                <c:pt idx="861">
                  <c:v>111.72492200000001</c:v>
                </c:pt>
                <c:pt idx="862">
                  <c:v>111.72261899999999</c:v>
                </c:pt>
                <c:pt idx="863">
                  <c:v>111.714286</c:v>
                </c:pt>
                <c:pt idx="864">
                  <c:v>111.716583</c:v>
                </c:pt>
                <c:pt idx="865">
                  <c:v>111.724182</c:v>
                </c:pt>
                <c:pt idx="866">
                  <c:v>111.695858</c:v>
                </c:pt>
                <c:pt idx="867">
                  <c:v>111.616784</c:v>
                </c:pt>
                <c:pt idx="868">
                  <c:v>111.59182800000001</c:v>
                </c:pt>
                <c:pt idx="869">
                  <c:v>111.612983</c:v>
                </c:pt>
                <c:pt idx="870">
                  <c:v>111.62330300000001</c:v>
                </c:pt>
                <c:pt idx="871">
                  <c:v>111.60312</c:v>
                </c:pt>
                <c:pt idx="872">
                  <c:v>111.59842399999999</c:v>
                </c:pt>
                <c:pt idx="873">
                  <c:v>111.617746</c:v>
                </c:pt>
                <c:pt idx="874">
                  <c:v>111.583359</c:v>
                </c:pt>
                <c:pt idx="875">
                  <c:v>111.562865</c:v>
                </c:pt>
                <c:pt idx="876">
                  <c:v>111.579218</c:v>
                </c:pt>
                <c:pt idx="877">
                  <c:v>111.571456</c:v>
                </c:pt>
                <c:pt idx="878">
                  <c:v>111.536416</c:v>
                </c:pt>
                <c:pt idx="879">
                  <c:v>111.54836400000001</c:v>
                </c:pt>
                <c:pt idx="880">
                  <c:v>111.54029800000001</c:v>
                </c:pt>
                <c:pt idx="881">
                  <c:v>111.50818</c:v>
                </c:pt>
                <c:pt idx="882">
                  <c:v>111.48806399999999</c:v>
                </c:pt>
                <c:pt idx="883">
                  <c:v>111.498294</c:v>
                </c:pt>
                <c:pt idx="884">
                  <c:v>111.48909</c:v>
                </c:pt>
                <c:pt idx="885">
                  <c:v>111.46969300000001</c:v>
                </c:pt>
                <c:pt idx="886">
                  <c:v>111.474361</c:v>
                </c:pt>
                <c:pt idx="887">
                  <c:v>111.434228</c:v>
                </c:pt>
                <c:pt idx="888">
                  <c:v>111.413239</c:v>
                </c:pt>
                <c:pt idx="889">
                  <c:v>111.46835900000001</c:v>
                </c:pt>
                <c:pt idx="890">
                  <c:v>111.43967000000001</c:v>
                </c:pt>
                <c:pt idx="891">
                  <c:v>111.37167100000001</c:v>
                </c:pt>
                <c:pt idx="892">
                  <c:v>111.30923199999999</c:v>
                </c:pt>
                <c:pt idx="893">
                  <c:v>111.318023</c:v>
                </c:pt>
                <c:pt idx="894">
                  <c:v>111.371135</c:v>
                </c:pt>
                <c:pt idx="895">
                  <c:v>111.415201</c:v>
                </c:pt>
                <c:pt idx="896">
                  <c:v>111.41269800000001</c:v>
                </c:pt>
                <c:pt idx="897">
                  <c:v>111.35771099999999</c:v>
                </c:pt>
                <c:pt idx="898">
                  <c:v>111.279408</c:v>
                </c:pt>
                <c:pt idx="899">
                  <c:v>111.24668</c:v>
                </c:pt>
                <c:pt idx="900">
                  <c:v>111.30550100000001</c:v>
                </c:pt>
                <c:pt idx="901">
                  <c:v>111.355024</c:v>
                </c:pt>
                <c:pt idx="902">
                  <c:v>111.300152</c:v>
                </c:pt>
                <c:pt idx="903">
                  <c:v>111.24758799999999</c:v>
                </c:pt>
                <c:pt idx="904">
                  <c:v>111.242451</c:v>
                </c:pt>
                <c:pt idx="905">
                  <c:v>111.207831</c:v>
                </c:pt>
                <c:pt idx="906">
                  <c:v>111.18355200000001</c:v>
                </c:pt>
                <c:pt idx="907">
                  <c:v>111.178174</c:v>
                </c:pt>
                <c:pt idx="908">
                  <c:v>111.198543</c:v>
                </c:pt>
                <c:pt idx="909">
                  <c:v>111.155682</c:v>
                </c:pt>
                <c:pt idx="910">
                  <c:v>111.097661</c:v>
                </c:pt>
                <c:pt idx="911">
                  <c:v>111.105863</c:v>
                </c:pt>
                <c:pt idx="912">
                  <c:v>111.109883</c:v>
                </c:pt>
                <c:pt idx="913">
                  <c:v>111.089783</c:v>
                </c:pt>
                <c:pt idx="914">
                  <c:v>111.08972</c:v>
                </c:pt>
                <c:pt idx="915">
                  <c:v>111.14216399999999</c:v>
                </c:pt>
                <c:pt idx="916">
                  <c:v>111.120411</c:v>
                </c:pt>
                <c:pt idx="917">
                  <c:v>111.070151</c:v>
                </c:pt>
                <c:pt idx="918">
                  <c:v>111.056406</c:v>
                </c:pt>
                <c:pt idx="919">
                  <c:v>111.039441</c:v>
                </c:pt>
                <c:pt idx="920">
                  <c:v>111.02560699999999</c:v>
                </c:pt>
                <c:pt idx="921">
                  <c:v>111.05898000000001</c:v>
                </c:pt>
                <c:pt idx="922">
                  <c:v>111.02969899999999</c:v>
                </c:pt>
                <c:pt idx="923">
                  <c:v>110.97660999999999</c:v>
                </c:pt>
                <c:pt idx="924">
                  <c:v>111.002441</c:v>
                </c:pt>
                <c:pt idx="925">
                  <c:v>111.00612099999999</c:v>
                </c:pt>
                <c:pt idx="926">
                  <c:v>110.952426</c:v>
                </c:pt>
                <c:pt idx="927">
                  <c:v>110.960671</c:v>
                </c:pt>
                <c:pt idx="928">
                  <c:v>110.96531899999999</c:v>
                </c:pt>
                <c:pt idx="929">
                  <c:v>110.950424</c:v>
                </c:pt>
                <c:pt idx="930">
                  <c:v>110.91610900000001</c:v>
                </c:pt>
                <c:pt idx="931">
                  <c:v>110.85855599999999</c:v>
                </c:pt>
                <c:pt idx="932">
                  <c:v>110.79401799999999</c:v>
                </c:pt>
                <c:pt idx="933">
                  <c:v>110.81022400000001</c:v>
                </c:pt>
                <c:pt idx="934">
                  <c:v>110.831068</c:v>
                </c:pt>
                <c:pt idx="935">
                  <c:v>110.843699</c:v>
                </c:pt>
                <c:pt idx="936">
                  <c:v>110.798986</c:v>
                </c:pt>
                <c:pt idx="937">
                  <c:v>110.76523299999999</c:v>
                </c:pt>
                <c:pt idx="938">
                  <c:v>110.804148</c:v>
                </c:pt>
                <c:pt idx="939">
                  <c:v>110.82825200000001</c:v>
                </c:pt>
                <c:pt idx="940">
                  <c:v>110.76804</c:v>
                </c:pt>
                <c:pt idx="941">
                  <c:v>110.72805700000001</c:v>
                </c:pt>
                <c:pt idx="942">
                  <c:v>110.663016</c:v>
                </c:pt>
                <c:pt idx="943">
                  <c:v>110.66918099999999</c:v>
                </c:pt>
                <c:pt idx="944">
                  <c:v>110.686672</c:v>
                </c:pt>
                <c:pt idx="945">
                  <c:v>110.68810499999999</c:v>
                </c:pt>
                <c:pt idx="946">
                  <c:v>110.661599</c:v>
                </c:pt>
                <c:pt idx="947">
                  <c:v>110.620687</c:v>
                </c:pt>
                <c:pt idx="948">
                  <c:v>110.58985699999999</c:v>
                </c:pt>
                <c:pt idx="949">
                  <c:v>110.59421399999999</c:v>
                </c:pt>
                <c:pt idx="950">
                  <c:v>110.58071</c:v>
                </c:pt>
                <c:pt idx="951">
                  <c:v>110.57431099999999</c:v>
                </c:pt>
                <c:pt idx="952">
                  <c:v>110.60661</c:v>
                </c:pt>
                <c:pt idx="953">
                  <c:v>110.565431</c:v>
                </c:pt>
                <c:pt idx="954">
                  <c:v>110.496588</c:v>
                </c:pt>
                <c:pt idx="955">
                  <c:v>110.45202</c:v>
                </c:pt>
                <c:pt idx="956">
                  <c:v>110.434155</c:v>
                </c:pt>
                <c:pt idx="957">
                  <c:v>110.438714</c:v>
                </c:pt>
                <c:pt idx="958">
                  <c:v>110.45111</c:v>
                </c:pt>
                <c:pt idx="959">
                  <c:v>110.447425</c:v>
                </c:pt>
                <c:pt idx="960">
                  <c:v>110.349498</c:v>
                </c:pt>
                <c:pt idx="961">
                  <c:v>110.227002</c:v>
                </c:pt>
                <c:pt idx="962">
                  <c:v>110.128851</c:v>
                </c:pt>
                <c:pt idx="963">
                  <c:v>110.074602</c:v>
                </c:pt>
                <c:pt idx="964">
                  <c:v>110.0582</c:v>
                </c:pt>
                <c:pt idx="965">
                  <c:v>110.016064</c:v>
                </c:pt>
                <c:pt idx="966">
                  <c:v>109.91624400000001</c:v>
                </c:pt>
                <c:pt idx="967">
                  <c:v>109.87103500000001</c:v>
                </c:pt>
                <c:pt idx="968">
                  <c:v>109.858524</c:v>
                </c:pt>
                <c:pt idx="969">
                  <c:v>109.852707</c:v>
                </c:pt>
                <c:pt idx="970">
                  <c:v>109.84352699999999</c:v>
                </c:pt>
                <c:pt idx="971">
                  <c:v>109.86514200000001</c:v>
                </c:pt>
                <c:pt idx="972">
                  <c:v>109.89102699999999</c:v>
                </c:pt>
                <c:pt idx="973">
                  <c:v>109.85339</c:v>
                </c:pt>
                <c:pt idx="974">
                  <c:v>109.79312</c:v>
                </c:pt>
                <c:pt idx="975">
                  <c:v>109.74470100000001</c:v>
                </c:pt>
                <c:pt idx="976">
                  <c:v>109.75963900000001</c:v>
                </c:pt>
                <c:pt idx="977">
                  <c:v>109.807997</c:v>
                </c:pt>
                <c:pt idx="978">
                  <c:v>109.757082</c:v>
                </c:pt>
                <c:pt idx="979">
                  <c:v>109.72368299999999</c:v>
                </c:pt>
                <c:pt idx="980">
                  <c:v>109.758826</c:v>
                </c:pt>
                <c:pt idx="981">
                  <c:v>109.781739</c:v>
                </c:pt>
                <c:pt idx="982">
                  <c:v>109.80516299999999</c:v>
                </c:pt>
                <c:pt idx="983">
                  <c:v>109.78998799999999</c:v>
                </c:pt>
                <c:pt idx="984">
                  <c:v>109.701874</c:v>
                </c:pt>
                <c:pt idx="985">
                  <c:v>109.67376899999999</c:v>
                </c:pt>
                <c:pt idx="986">
                  <c:v>109.72262499999999</c:v>
                </c:pt>
                <c:pt idx="987">
                  <c:v>109.763974</c:v>
                </c:pt>
                <c:pt idx="988">
                  <c:v>109.717406</c:v>
                </c:pt>
                <c:pt idx="989">
                  <c:v>109.67270600000001</c:v>
                </c:pt>
                <c:pt idx="990">
                  <c:v>109.672915</c:v>
                </c:pt>
                <c:pt idx="991">
                  <c:v>109.69877200000001</c:v>
                </c:pt>
                <c:pt idx="992">
                  <c:v>109.68306</c:v>
                </c:pt>
                <c:pt idx="993">
                  <c:v>109.630026</c:v>
                </c:pt>
                <c:pt idx="994">
                  <c:v>109.537983</c:v>
                </c:pt>
                <c:pt idx="995">
                  <c:v>109.442925</c:v>
                </c:pt>
                <c:pt idx="996">
                  <c:v>109.373668</c:v>
                </c:pt>
                <c:pt idx="997">
                  <c:v>109.28879000000001</c:v>
                </c:pt>
                <c:pt idx="998">
                  <c:v>109.202299</c:v>
                </c:pt>
                <c:pt idx="999">
                  <c:v>109.19804000000001</c:v>
                </c:pt>
                <c:pt idx="1000">
                  <c:v>109.22742700000001</c:v>
                </c:pt>
                <c:pt idx="1001">
                  <c:v>109.20412</c:v>
                </c:pt>
                <c:pt idx="1002">
                  <c:v>109.0637</c:v>
                </c:pt>
                <c:pt idx="1003">
                  <c:v>109.053161</c:v>
                </c:pt>
                <c:pt idx="1004">
                  <c:v>109.15775600000001</c:v>
                </c:pt>
                <c:pt idx="1005">
                  <c:v>109.14021</c:v>
                </c:pt>
                <c:pt idx="1006">
                  <c:v>109.088317</c:v>
                </c:pt>
                <c:pt idx="1007">
                  <c:v>109.17689900000001</c:v>
                </c:pt>
                <c:pt idx="1008">
                  <c:v>109.254892</c:v>
                </c:pt>
                <c:pt idx="1009">
                  <c:v>109.254137</c:v>
                </c:pt>
                <c:pt idx="1010">
                  <c:v>109.336499</c:v>
                </c:pt>
                <c:pt idx="1011">
                  <c:v>109.39799499999999</c:v>
                </c:pt>
                <c:pt idx="1012">
                  <c:v>109.405006</c:v>
                </c:pt>
                <c:pt idx="1013">
                  <c:v>109.40263400000001</c:v>
                </c:pt>
                <c:pt idx="1014">
                  <c:v>109.377055</c:v>
                </c:pt>
                <c:pt idx="1015">
                  <c:v>109.40762700000001</c:v>
                </c:pt>
                <c:pt idx="1016">
                  <c:v>109.40495799999999</c:v>
                </c:pt>
                <c:pt idx="1017">
                  <c:v>109.436817</c:v>
                </c:pt>
                <c:pt idx="1018">
                  <c:v>109.497128</c:v>
                </c:pt>
                <c:pt idx="1019">
                  <c:v>109.48006700000001</c:v>
                </c:pt>
                <c:pt idx="1020">
                  <c:v>109.483895</c:v>
                </c:pt>
                <c:pt idx="1021">
                  <c:v>109.53124200000001</c:v>
                </c:pt>
                <c:pt idx="1022">
                  <c:v>109.566343</c:v>
                </c:pt>
                <c:pt idx="1023">
                  <c:v>109.574793</c:v>
                </c:pt>
                <c:pt idx="1024">
                  <c:v>109.59246</c:v>
                </c:pt>
                <c:pt idx="1025">
                  <c:v>109.62697900000001</c:v>
                </c:pt>
                <c:pt idx="1026">
                  <c:v>109.637592</c:v>
                </c:pt>
                <c:pt idx="1027">
                  <c:v>109.656297</c:v>
                </c:pt>
                <c:pt idx="1028">
                  <c:v>109.680498</c:v>
                </c:pt>
                <c:pt idx="1029">
                  <c:v>109.685057</c:v>
                </c:pt>
                <c:pt idx="1030">
                  <c:v>109.658427</c:v>
                </c:pt>
                <c:pt idx="1031">
                  <c:v>109.65725399999999</c:v>
                </c:pt>
                <c:pt idx="1032">
                  <c:v>109.676211</c:v>
                </c:pt>
                <c:pt idx="1033">
                  <c:v>109.721086</c:v>
                </c:pt>
                <c:pt idx="1034">
                  <c:v>109.68306800000001</c:v>
                </c:pt>
                <c:pt idx="1035">
                  <c:v>109.63454900000001</c:v>
                </c:pt>
                <c:pt idx="1036">
                  <c:v>109.661134</c:v>
                </c:pt>
                <c:pt idx="1037">
                  <c:v>109.732468</c:v>
                </c:pt>
                <c:pt idx="1038">
                  <c:v>109.79727800000001</c:v>
                </c:pt>
                <c:pt idx="1039">
                  <c:v>109.800871</c:v>
                </c:pt>
                <c:pt idx="1040">
                  <c:v>109.70595900000001</c:v>
                </c:pt>
                <c:pt idx="1041">
                  <c:v>109.704216</c:v>
                </c:pt>
                <c:pt idx="1042">
                  <c:v>109.736526</c:v>
                </c:pt>
                <c:pt idx="1043">
                  <c:v>109.719955</c:v>
                </c:pt>
                <c:pt idx="1044">
                  <c:v>109.710734</c:v>
                </c:pt>
                <c:pt idx="1045">
                  <c:v>109.673502</c:v>
                </c:pt>
                <c:pt idx="1046">
                  <c:v>109.676436</c:v>
                </c:pt>
                <c:pt idx="1047">
                  <c:v>109.77095199999999</c:v>
                </c:pt>
                <c:pt idx="1048">
                  <c:v>109.70983200000001</c:v>
                </c:pt>
                <c:pt idx="1049">
                  <c:v>109.60503300000001</c:v>
                </c:pt>
                <c:pt idx="1050">
                  <c:v>109.710477</c:v>
                </c:pt>
                <c:pt idx="1051">
                  <c:v>109.787262</c:v>
                </c:pt>
                <c:pt idx="1052">
                  <c:v>109.670832</c:v>
                </c:pt>
                <c:pt idx="1053">
                  <c:v>109.60382</c:v>
                </c:pt>
                <c:pt idx="1054">
                  <c:v>109.64193</c:v>
                </c:pt>
                <c:pt idx="1055">
                  <c:v>109.675169</c:v>
                </c:pt>
                <c:pt idx="1056">
                  <c:v>109.671617</c:v>
                </c:pt>
                <c:pt idx="1057">
                  <c:v>109.689791</c:v>
                </c:pt>
                <c:pt idx="1058">
                  <c:v>109.683629</c:v>
                </c:pt>
                <c:pt idx="1059">
                  <c:v>109.703971</c:v>
                </c:pt>
                <c:pt idx="1060">
                  <c:v>109.740578</c:v>
                </c:pt>
                <c:pt idx="1061">
                  <c:v>109.748238</c:v>
                </c:pt>
                <c:pt idx="1062">
                  <c:v>109.62914600000001</c:v>
                </c:pt>
                <c:pt idx="1063">
                  <c:v>109.5496</c:v>
                </c:pt>
                <c:pt idx="1064">
                  <c:v>109.607271</c:v>
                </c:pt>
                <c:pt idx="1065">
                  <c:v>109.624297</c:v>
                </c:pt>
                <c:pt idx="1066">
                  <c:v>109.590778</c:v>
                </c:pt>
                <c:pt idx="1067">
                  <c:v>109.565648</c:v>
                </c:pt>
                <c:pt idx="1068">
                  <c:v>109.56510900000001</c:v>
                </c:pt>
                <c:pt idx="1069">
                  <c:v>109.524097</c:v>
                </c:pt>
                <c:pt idx="1070">
                  <c:v>109.497913</c:v>
                </c:pt>
                <c:pt idx="1071">
                  <c:v>109.56231699999999</c:v>
                </c:pt>
                <c:pt idx="1072">
                  <c:v>109.64804700000001</c:v>
                </c:pt>
                <c:pt idx="1073">
                  <c:v>109.661787</c:v>
                </c:pt>
                <c:pt idx="1074">
                  <c:v>109.59753600000001</c:v>
                </c:pt>
                <c:pt idx="1075">
                  <c:v>109.5737</c:v>
                </c:pt>
                <c:pt idx="1076">
                  <c:v>109.599132</c:v>
                </c:pt>
                <c:pt idx="1077">
                  <c:v>109.596892</c:v>
                </c:pt>
                <c:pt idx="1078">
                  <c:v>109.626131</c:v>
                </c:pt>
                <c:pt idx="1079">
                  <c:v>109.612038</c:v>
                </c:pt>
                <c:pt idx="1080">
                  <c:v>109.61295800000001</c:v>
                </c:pt>
                <c:pt idx="1081">
                  <c:v>109.65459799999999</c:v>
                </c:pt>
                <c:pt idx="1082">
                  <c:v>109.578121</c:v>
                </c:pt>
                <c:pt idx="1083">
                  <c:v>109.512996</c:v>
                </c:pt>
                <c:pt idx="1084">
                  <c:v>109.531403</c:v>
                </c:pt>
                <c:pt idx="1085">
                  <c:v>109.527627</c:v>
                </c:pt>
                <c:pt idx="1086">
                  <c:v>109.525561</c:v>
                </c:pt>
                <c:pt idx="1087">
                  <c:v>109.566095</c:v>
                </c:pt>
                <c:pt idx="1088">
                  <c:v>109.61987000000001</c:v>
                </c:pt>
                <c:pt idx="1089">
                  <c:v>109.553916</c:v>
                </c:pt>
                <c:pt idx="1090">
                  <c:v>109.507895</c:v>
                </c:pt>
                <c:pt idx="1091">
                  <c:v>109.520993</c:v>
                </c:pt>
                <c:pt idx="1092">
                  <c:v>109.504762</c:v>
                </c:pt>
                <c:pt idx="1093">
                  <c:v>109.53141100000001</c:v>
                </c:pt>
                <c:pt idx="1094">
                  <c:v>109.550265</c:v>
                </c:pt>
                <c:pt idx="1095">
                  <c:v>109.489659</c:v>
                </c:pt>
                <c:pt idx="1096">
                  <c:v>109.504617</c:v>
                </c:pt>
                <c:pt idx="1097">
                  <c:v>109.570452</c:v>
                </c:pt>
                <c:pt idx="1098">
                  <c:v>109.546987</c:v>
                </c:pt>
                <c:pt idx="1099">
                  <c:v>109.596478</c:v>
                </c:pt>
                <c:pt idx="1100">
                  <c:v>109.647751</c:v>
                </c:pt>
                <c:pt idx="1101">
                  <c:v>109.579082</c:v>
                </c:pt>
                <c:pt idx="1102">
                  <c:v>109.481397</c:v>
                </c:pt>
                <c:pt idx="1103">
                  <c:v>109.457376</c:v>
                </c:pt>
                <c:pt idx="1104">
                  <c:v>109.51014499999999</c:v>
                </c:pt>
                <c:pt idx="1105">
                  <c:v>109.52493800000001</c:v>
                </c:pt>
                <c:pt idx="1106">
                  <c:v>109.47020000000001</c:v>
                </c:pt>
                <c:pt idx="1107">
                  <c:v>109.466898</c:v>
                </c:pt>
                <c:pt idx="1108">
                  <c:v>109.53471</c:v>
                </c:pt>
                <c:pt idx="1109">
                  <c:v>109.513604</c:v>
                </c:pt>
                <c:pt idx="1110">
                  <c:v>109.520512</c:v>
                </c:pt>
                <c:pt idx="1111">
                  <c:v>109.52525900000001</c:v>
                </c:pt>
                <c:pt idx="1112">
                  <c:v>109.425237</c:v>
                </c:pt>
                <c:pt idx="1113">
                  <c:v>109.468385</c:v>
                </c:pt>
                <c:pt idx="1114">
                  <c:v>109.553016</c:v>
                </c:pt>
                <c:pt idx="1115">
                  <c:v>109.524322</c:v>
                </c:pt>
                <c:pt idx="1116">
                  <c:v>109.42643</c:v>
                </c:pt>
                <c:pt idx="1117">
                  <c:v>109.41670499999999</c:v>
                </c:pt>
                <c:pt idx="1118">
                  <c:v>109.499669</c:v>
                </c:pt>
                <c:pt idx="1119">
                  <c:v>109.503023</c:v>
                </c:pt>
                <c:pt idx="1120">
                  <c:v>109.44892900000001</c:v>
                </c:pt>
                <c:pt idx="1121">
                  <c:v>109.442075</c:v>
                </c:pt>
                <c:pt idx="1122">
                  <c:v>109.41226399999999</c:v>
                </c:pt>
                <c:pt idx="1123">
                  <c:v>109.414672</c:v>
                </c:pt>
                <c:pt idx="1124">
                  <c:v>109.423091</c:v>
                </c:pt>
                <c:pt idx="1125">
                  <c:v>109.549812</c:v>
                </c:pt>
                <c:pt idx="1126">
                  <c:v>109.561758</c:v>
                </c:pt>
                <c:pt idx="1127">
                  <c:v>109.495474</c:v>
                </c:pt>
                <c:pt idx="1128">
                  <c:v>109.45822800000001</c:v>
                </c:pt>
                <c:pt idx="1129">
                  <c:v>109.41147100000001</c:v>
                </c:pt>
                <c:pt idx="1130">
                  <c:v>109.404111</c:v>
                </c:pt>
                <c:pt idx="1131">
                  <c:v>109.46652899999999</c:v>
                </c:pt>
                <c:pt idx="1132">
                  <c:v>109.483788</c:v>
                </c:pt>
                <c:pt idx="1133">
                  <c:v>109.465979</c:v>
                </c:pt>
                <c:pt idx="1134">
                  <c:v>109.489459</c:v>
                </c:pt>
                <c:pt idx="1135">
                  <c:v>109.442864</c:v>
                </c:pt>
                <c:pt idx="1136">
                  <c:v>109.435114</c:v>
                </c:pt>
                <c:pt idx="1137">
                  <c:v>109.496532</c:v>
                </c:pt>
                <c:pt idx="1138">
                  <c:v>109.501119</c:v>
                </c:pt>
                <c:pt idx="1139">
                  <c:v>109.459352</c:v>
                </c:pt>
                <c:pt idx="1140">
                  <c:v>109.39850800000001</c:v>
                </c:pt>
                <c:pt idx="1141">
                  <c:v>109.425996</c:v>
                </c:pt>
                <c:pt idx="1142">
                  <c:v>109.46081599999999</c:v>
                </c:pt>
                <c:pt idx="1143">
                  <c:v>109.49545999999999</c:v>
                </c:pt>
                <c:pt idx="1144">
                  <c:v>109.50611000000001</c:v>
                </c:pt>
                <c:pt idx="1145">
                  <c:v>109.45804</c:v>
                </c:pt>
                <c:pt idx="1146">
                  <c:v>109.450283</c:v>
                </c:pt>
                <c:pt idx="1147">
                  <c:v>109.557293</c:v>
                </c:pt>
                <c:pt idx="1148">
                  <c:v>109.52865799999999</c:v>
                </c:pt>
                <c:pt idx="1149">
                  <c:v>109.416838</c:v>
                </c:pt>
                <c:pt idx="1150">
                  <c:v>109.414182</c:v>
                </c:pt>
                <c:pt idx="1151">
                  <c:v>109.444278</c:v>
                </c:pt>
                <c:pt idx="1152">
                  <c:v>109.420647</c:v>
                </c:pt>
                <c:pt idx="1153">
                  <c:v>109.410408</c:v>
                </c:pt>
                <c:pt idx="1154">
                  <c:v>109.36750600000001</c:v>
                </c:pt>
                <c:pt idx="1155">
                  <c:v>109.344314</c:v>
                </c:pt>
                <c:pt idx="1156">
                  <c:v>109.47189</c:v>
                </c:pt>
                <c:pt idx="1157">
                  <c:v>109.53814</c:v>
                </c:pt>
                <c:pt idx="1158">
                  <c:v>109.477519</c:v>
                </c:pt>
                <c:pt idx="1159">
                  <c:v>109.42313300000001</c:v>
                </c:pt>
                <c:pt idx="1160">
                  <c:v>109.436162</c:v>
                </c:pt>
                <c:pt idx="1161">
                  <c:v>109.436879</c:v>
                </c:pt>
                <c:pt idx="1162">
                  <c:v>109.47131</c:v>
                </c:pt>
                <c:pt idx="1163">
                  <c:v>109.41924400000001</c:v>
                </c:pt>
                <c:pt idx="1164">
                  <c:v>109.390272</c:v>
                </c:pt>
                <c:pt idx="1165">
                  <c:v>109.46426599999999</c:v>
                </c:pt>
                <c:pt idx="1166">
                  <c:v>109.44725800000001</c:v>
                </c:pt>
                <c:pt idx="1167">
                  <c:v>109.418145</c:v>
                </c:pt>
                <c:pt idx="1168">
                  <c:v>109.373268</c:v>
                </c:pt>
                <c:pt idx="1169">
                  <c:v>109.340784</c:v>
                </c:pt>
                <c:pt idx="1170">
                  <c:v>109.33665999999999</c:v>
                </c:pt>
                <c:pt idx="1171">
                  <c:v>109.400266</c:v>
                </c:pt>
                <c:pt idx="1172">
                  <c:v>109.459227</c:v>
                </c:pt>
                <c:pt idx="1173">
                  <c:v>109.438587</c:v>
                </c:pt>
                <c:pt idx="1174">
                  <c:v>109.292118</c:v>
                </c:pt>
                <c:pt idx="1175">
                  <c:v>109.25970700000001</c:v>
                </c:pt>
                <c:pt idx="1176">
                  <c:v>109.38158900000001</c:v>
                </c:pt>
                <c:pt idx="1177">
                  <c:v>109.410077</c:v>
                </c:pt>
                <c:pt idx="1178">
                  <c:v>109.397516</c:v>
                </c:pt>
                <c:pt idx="1179">
                  <c:v>109.415019</c:v>
                </c:pt>
                <c:pt idx="1180">
                  <c:v>109.435979</c:v>
                </c:pt>
                <c:pt idx="1181">
                  <c:v>109.417784</c:v>
                </c:pt>
                <c:pt idx="1182">
                  <c:v>109.36646</c:v>
                </c:pt>
                <c:pt idx="1183">
                  <c:v>109.318731</c:v>
                </c:pt>
                <c:pt idx="1184">
                  <c:v>109.29789100000001</c:v>
                </c:pt>
                <c:pt idx="1185">
                  <c:v>109.325529</c:v>
                </c:pt>
                <c:pt idx="1186">
                  <c:v>109.347515</c:v>
                </c:pt>
                <c:pt idx="1187">
                  <c:v>109.333652</c:v>
                </c:pt>
                <c:pt idx="1188">
                  <c:v>109.32658499999999</c:v>
                </c:pt>
                <c:pt idx="1189">
                  <c:v>109.420491</c:v>
                </c:pt>
                <c:pt idx="1190">
                  <c:v>109.4238</c:v>
                </c:pt>
                <c:pt idx="1191">
                  <c:v>109.31281199999999</c:v>
                </c:pt>
                <c:pt idx="1192">
                  <c:v>109.296404</c:v>
                </c:pt>
                <c:pt idx="1193">
                  <c:v>109.357737</c:v>
                </c:pt>
                <c:pt idx="1194">
                  <c:v>109.42849099999999</c:v>
                </c:pt>
                <c:pt idx="1195">
                  <c:v>109.418413</c:v>
                </c:pt>
                <c:pt idx="1196">
                  <c:v>109.375873</c:v>
                </c:pt>
                <c:pt idx="1197">
                  <c:v>109.381748</c:v>
                </c:pt>
                <c:pt idx="1198">
                  <c:v>109.38907500000001</c:v>
                </c:pt>
                <c:pt idx="1199">
                  <c:v>109.41811300000001</c:v>
                </c:pt>
                <c:pt idx="1200">
                  <c:v>109.390469</c:v>
                </c:pt>
                <c:pt idx="1201">
                  <c:v>109.337177</c:v>
                </c:pt>
                <c:pt idx="1202">
                  <c:v>109.33083999999999</c:v>
                </c:pt>
                <c:pt idx="1203">
                  <c:v>109.34882899999999</c:v>
                </c:pt>
                <c:pt idx="1204">
                  <c:v>109.312066</c:v>
                </c:pt>
                <c:pt idx="1205">
                  <c:v>109.347166</c:v>
                </c:pt>
                <c:pt idx="1206">
                  <c:v>109.42658400000001</c:v>
                </c:pt>
                <c:pt idx="1207">
                  <c:v>109.453084</c:v>
                </c:pt>
                <c:pt idx="1208">
                  <c:v>109.380045</c:v>
                </c:pt>
                <c:pt idx="1209">
                  <c:v>109.37969099999999</c:v>
                </c:pt>
                <c:pt idx="1210">
                  <c:v>109.394181</c:v>
                </c:pt>
                <c:pt idx="1211">
                  <c:v>109.44109</c:v>
                </c:pt>
                <c:pt idx="1212">
                  <c:v>109.566064</c:v>
                </c:pt>
                <c:pt idx="1213">
                  <c:v>109.560338</c:v>
                </c:pt>
                <c:pt idx="1214">
                  <c:v>109.40412999999999</c:v>
                </c:pt>
                <c:pt idx="1215">
                  <c:v>109.39912099999999</c:v>
                </c:pt>
                <c:pt idx="1216">
                  <c:v>109.41461</c:v>
                </c:pt>
                <c:pt idx="1217">
                  <c:v>109.394661</c:v>
                </c:pt>
                <c:pt idx="1218">
                  <c:v>109.473866</c:v>
                </c:pt>
                <c:pt idx="1219">
                  <c:v>109.438717</c:v>
                </c:pt>
                <c:pt idx="1220">
                  <c:v>109.348341</c:v>
                </c:pt>
                <c:pt idx="1221">
                  <c:v>109.361628</c:v>
                </c:pt>
                <c:pt idx="1222">
                  <c:v>109.37521700000001</c:v>
                </c:pt>
                <c:pt idx="1223">
                  <c:v>109.30037299999999</c:v>
                </c:pt>
                <c:pt idx="1224">
                  <c:v>109.263903</c:v>
                </c:pt>
                <c:pt idx="1225">
                  <c:v>109.265022</c:v>
                </c:pt>
                <c:pt idx="1226">
                  <c:v>109.218703</c:v>
                </c:pt>
                <c:pt idx="1227">
                  <c:v>109.21905700000001</c:v>
                </c:pt>
                <c:pt idx="1228">
                  <c:v>109.31757500000001</c:v>
                </c:pt>
                <c:pt idx="1229">
                  <c:v>109.418054</c:v>
                </c:pt>
                <c:pt idx="1230">
                  <c:v>109.453577</c:v>
                </c:pt>
                <c:pt idx="1231">
                  <c:v>109.39413399999999</c:v>
                </c:pt>
                <c:pt idx="1232">
                  <c:v>109.368387</c:v>
                </c:pt>
                <c:pt idx="1233">
                  <c:v>109.422382</c:v>
                </c:pt>
                <c:pt idx="1234">
                  <c:v>109.398843</c:v>
                </c:pt>
                <c:pt idx="1235">
                  <c:v>109.426529</c:v>
                </c:pt>
                <c:pt idx="1236">
                  <c:v>109.422639</c:v>
                </c:pt>
                <c:pt idx="1237">
                  <c:v>109.335556</c:v>
                </c:pt>
                <c:pt idx="1238">
                  <c:v>109.321218</c:v>
                </c:pt>
                <c:pt idx="1239">
                  <c:v>109.310666</c:v>
                </c:pt>
                <c:pt idx="1240">
                  <c:v>109.279594</c:v>
                </c:pt>
                <c:pt idx="1241">
                  <c:v>109.33930100000001</c:v>
                </c:pt>
                <c:pt idx="1242">
                  <c:v>109.449342</c:v>
                </c:pt>
                <c:pt idx="1243">
                  <c:v>109.459441</c:v>
                </c:pt>
                <c:pt idx="1244">
                  <c:v>109.475926</c:v>
                </c:pt>
                <c:pt idx="1245">
                  <c:v>109.495519</c:v>
                </c:pt>
                <c:pt idx="1246">
                  <c:v>109.398084</c:v>
                </c:pt>
                <c:pt idx="1247">
                  <c:v>109.35153200000001</c:v>
                </c:pt>
                <c:pt idx="1248">
                  <c:v>109.382007</c:v>
                </c:pt>
                <c:pt idx="1249">
                  <c:v>109.436562</c:v>
                </c:pt>
                <c:pt idx="1250">
                  <c:v>109.417857</c:v>
                </c:pt>
                <c:pt idx="1251">
                  <c:v>109.358254</c:v>
                </c:pt>
                <c:pt idx="1252">
                  <c:v>109.342778</c:v>
                </c:pt>
                <c:pt idx="1253">
                  <c:v>109.408868</c:v>
                </c:pt>
                <c:pt idx="1254">
                  <c:v>109.38739099999999</c:v>
                </c:pt>
                <c:pt idx="1255">
                  <c:v>109.390387</c:v>
                </c:pt>
                <c:pt idx="1256">
                  <c:v>109.41319799999999</c:v>
                </c:pt>
                <c:pt idx="1257">
                  <c:v>109.42376</c:v>
                </c:pt>
                <c:pt idx="1258">
                  <c:v>109.476896</c:v>
                </c:pt>
                <c:pt idx="1259">
                  <c:v>109.42778199999999</c:v>
                </c:pt>
                <c:pt idx="1260">
                  <c:v>109.432317</c:v>
                </c:pt>
                <c:pt idx="1261">
                  <c:v>109.47605799999999</c:v>
                </c:pt>
                <c:pt idx="1262">
                  <c:v>109.410702</c:v>
                </c:pt>
                <c:pt idx="1263">
                  <c:v>109.369085</c:v>
                </c:pt>
                <c:pt idx="1264">
                  <c:v>109.427035</c:v>
                </c:pt>
                <c:pt idx="1265">
                  <c:v>109.427854</c:v>
                </c:pt>
                <c:pt idx="1266">
                  <c:v>109.372574</c:v>
                </c:pt>
                <c:pt idx="1267">
                  <c:v>109.30534299999999</c:v>
                </c:pt>
                <c:pt idx="1268">
                  <c:v>109.34224</c:v>
                </c:pt>
                <c:pt idx="1269">
                  <c:v>109.531329</c:v>
                </c:pt>
                <c:pt idx="1270">
                  <c:v>109.525432</c:v>
                </c:pt>
                <c:pt idx="1271">
                  <c:v>109.429554</c:v>
                </c:pt>
                <c:pt idx="1272">
                  <c:v>109.380078</c:v>
                </c:pt>
                <c:pt idx="1273">
                  <c:v>109.384957</c:v>
                </c:pt>
                <c:pt idx="1274">
                  <c:v>109.39662300000001</c:v>
                </c:pt>
                <c:pt idx="1275">
                  <c:v>109.388138</c:v>
                </c:pt>
                <c:pt idx="1276">
                  <c:v>109.42454600000001</c:v>
                </c:pt>
                <c:pt idx="1277">
                  <c:v>109.50057200000001</c:v>
                </c:pt>
                <c:pt idx="1278">
                  <c:v>109.496325</c:v>
                </c:pt>
                <c:pt idx="1279">
                  <c:v>109.479783</c:v>
                </c:pt>
                <c:pt idx="1280">
                  <c:v>109.470004</c:v>
                </c:pt>
                <c:pt idx="1281">
                  <c:v>109.483709</c:v>
                </c:pt>
                <c:pt idx="1282">
                  <c:v>109.48834600000001</c:v>
                </c:pt>
                <c:pt idx="1283">
                  <c:v>109.474683</c:v>
                </c:pt>
                <c:pt idx="1284">
                  <c:v>109.457803</c:v>
                </c:pt>
                <c:pt idx="1285">
                  <c:v>109.39389799999999</c:v>
                </c:pt>
                <c:pt idx="1286">
                  <c:v>109.361541</c:v>
                </c:pt>
                <c:pt idx="1287">
                  <c:v>109.396936</c:v>
                </c:pt>
                <c:pt idx="1288">
                  <c:v>109.470687</c:v>
                </c:pt>
                <c:pt idx="1289">
                  <c:v>109.488277</c:v>
                </c:pt>
                <c:pt idx="1290">
                  <c:v>109.55018</c:v>
                </c:pt>
                <c:pt idx="1291">
                  <c:v>109.566354</c:v>
                </c:pt>
                <c:pt idx="1292">
                  <c:v>109.46912</c:v>
                </c:pt>
                <c:pt idx="1293">
                  <c:v>109.412154</c:v>
                </c:pt>
                <c:pt idx="1294">
                  <c:v>109.415556</c:v>
                </c:pt>
                <c:pt idx="1295">
                  <c:v>109.40513799999999</c:v>
                </c:pt>
                <c:pt idx="1296">
                  <c:v>109.344055</c:v>
                </c:pt>
                <c:pt idx="1297">
                  <c:v>109.416781</c:v>
                </c:pt>
                <c:pt idx="1298">
                  <c:v>109.568825</c:v>
                </c:pt>
                <c:pt idx="1299">
                  <c:v>109.51978</c:v>
                </c:pt>
                <c:pt idx="1300">
                  <c:v>109.425545</c:v>
                </c:pt>
                <c:pt idx="1301">
                  <c:v>109.49426800000001</c:v>
                </c:pt>
                <c:pt idx="1302">
                  <c:v>109.611504</c:v>
                </c:pt>
                <c:pt idx="1303">
                  <c:v>109.539163</c:v>
                </c:pt>
                <c:pt idx="1304">
                  <c:v>109.445711</c:v>
                </c:pt>
                <c:pt idx="1305">
                  <c:v>109.442149</c:v>
                </c:pt>
                <c:pt idx="1306">
                  <c:v>109.569226</c:v>
                </c:pt>
                <c:pt idx="1307">
                  <c:v>109.647682</c:v>
                </c:pt>
                <c:pt idx="1308">
                  <c:v>109.578281</c:v>
                </c:pt>
                <c:pt idx="1309">
                  <c:v>109.52496600000001</c:v>
                </c:pt>
                <c:pt idx="1310">
                  <c:v>109.49992899999999</c:v>
                </c:pt>
                <c:pt idx="1311">
                  <c:v>109.552543</c:v>
                </c:pt>
                <c:pt idx="1312">
                  <c:v>109.51496299999999</c:v>
                </c:pt>
                <c:pt idx="1313">
                  <c:v>109.458488</c:v>
                </c:pt>
                <c:pt idx="1314">
                  <c:v>109.54772800000001</c:v>
                </c:pt>
                <c:pt idx="1315">
                  <c:v>109.55931200000001</c:v>
                </c:pt>
                <c:pt idx="1316">
                  <c:v>109.571817</c:v>
                </c:pt>
                <c:pt idx="1317">
                  <c:v>109.584084</c:v>
                </c:pt>
                <c:pt idx="1318">
                  <c:v>109.54773299999999</c:v>
                </c:pt>
                <c:pt idx="1319">
                  <c:v>109.456203</c:v>
                </c:pt>
                <c:pt idx="1320">
                  <c:v>109.49515</c:v>
                </c:pt>
                <c:pt idx="1321">
                  <c:v>109.67104999999999</c:v>
                </c:pt>
                <c:pt idx="1322">
                  <c:v>109.604235</c:v>
                </c:pt>
                <c:pt idx="1323">
                  <c:v>109.493818</c:v>
                </c:pt>
                <c:pt idx="1324">
                  <c:v>109.484442</c:v>
                </c:pt>
                <c:pt idx="1325">
                  <c:v>109.53116300000001</c:v>
                </c:pt>
                <c:pt idx="1326">
                  <c:v>109.626064</c:v>
                </c:pt>
                <c:pt idx="1327">
                  <c:v>109.685981</c:v>
                </c:pt>
                <c:pt idx="1328">
                  <c:v>109.67643</c:v>
                </c:pt>
                <c:pt idx="1329">
                  <c:v>109.60861199999999</c:v>
                </c:pt>
                <c:pt idx="1330">
                  <c:v>109.499509</c:v>
                </c:pt>
                <c:pt idx="1331">
                  <c:v>109.47501</c:v>
                </c:pt>
                <c:pt idx="1332">
                  <c:v>109.699611</c:v>
                </c:pt>
                <c:pt idx="1333">
                  <c:v>109.72207299999999</c:v>
                </c:pt>
                <c:pt idx="1334">
                  <c:v>109.643462</c:v>
                </c:pt>
                <c:pt idx="1335">
                  <c:v>109.56744999999999</c:v>
                </c:pt>
                <c:pt idx="1336">
                  <c:v>109.500224</c:v>
                </c:pt>
                <c:pt idx="1337">
                  <c:v>109.498842</c:v>
                </c:pt>
                <c:pt idx="1338">
                  <c:v>109.558834</c:v>
                </c:pt>
                <c:pt idx="1339">
                  <c:v>109.589579</c:v>
                </c:pt>
                <c:pt idx="1340">
                  <c:v>109.45800300000001</c:v>
                </c:pt>
                <c:pt idx="1341">
                  <c:v>109.37946700000001</c:v>
                </c:pt>
                <c:pt idx="1342">
                  <c:v>109.61599200000001</c:v>
                </c:pt>
                <c:pt idx="1343">
                  <c:v>109.701943</c:v>
                </c:pt>
                <c:pt idx="1344">
                  <c:v>109.548175</c:v>
                </c:pt>
                <c:pt idx="1345">
                  <c:v>109.49326499999999</c:v>
                </c:pt>
                <c:pt idx="1346">
                  <c:v>109.49548900000001</c:v>
                </c:pt>
                <c:pt idx="1347">
                  <c:v>109.49976700000001</c:v>
                </c:pt>
                <c:pt idx="1348">
                  <c:v>109.483906</c:v>
                </c:pt>
                <c:pt idx="1349">
                  <c:v>109.49339999999999</c:v>
                </c:pt>
                <c:pt idx="1350">
                  <c:v>109.550127</c:v>
                </c:pt>
                <c:pt idx="1351">
                  <c:v>109.557171</c:v>
                </c:pt>
                <c:pt idx="1352">
                  <c:v>109.461851</c:v>
                </c:pt>
                <c:pt idx="1353">
                  <c:v>109.48917400000001</c:v>
                </c:pt>
                <c:pt idx="1354">
                  <c:v>109.49041099999999</c:v>
                </c:pt>
                <c:pt idx="1355">
                  <c:v>109.56530100000001</c:v>
                </c:pt>
                <c:pt idx="1356">
                  <c:v>109.615297</c:v>
                </c:pt>
                <c:pt idx="1357">
                  <c:v>109.572985</c:v>
                </c:pt>
                <c:pt idx="1358">
                  <c:v>109.708403</c:v>
                </c:pt>
                <c:pt idx="1359">
                  <c:v>109.781216</c:v>
                </c:pt>
                <c:pt idx="1360">
                  <c:v>109.71046</c:v>
                </c:pt>
                <c:pt idx="1361">
                  <c:v>109.71085600000001</c:v>
                </c:pt>
                <c:pt idx="1362">
                  <c:v>109.456666</c:v>
                </c:pt>
                <c:pt idx="1363">
                  <c:v>109.293637</c:v>
                </c:pt>
                <c:pt idx="1364">
                  <c:v>109.65462100000001</c:v>
                </c:pt>
                <c:pt idx="1365">
                  <c:v>109.606163</c:v>
                </c:pt>
                <c:pt idx="1366">
                  <c:v>109.727031</c:v>
                </c:pt>
                <c:pt idx="1367">
                  <c:v>109.754305</c:v>
                </c:pt>
                <c:pt idx="1368">
                  <c:v>109.626575</c:v>
                </c:pt>
                <c:pt idx="1369">
                  <c:v>109.581225</c:v>
                </c:pt>
                <c:pt idx="1370">
                  <c:v>109.614234</c:v>
                </c:pt>
                <c:pt idx="1371">
                  <c:v>109.656717</c:v>
                </c:pt>
                <c:pt idx="1372">
                  <c:v>109.48543100000001</c:v>
                </c:pt>
                <c:pt idx="1373">
                  <c:v>109.309178</c:v>
                </c:pt>
                <c:pt idx="1374">
                  <c:v>109.52061500000001</c:v>
                </c:pt>
                <c:pt idx="1375">
                  <c:v>109.815155</c:v>
                </c:pt>
                <c:pt idx="1376">
                  <c:v>109.604702</c:v>
                </c:pt>
                <c:pt idx="1377">
                  <c:v>109.572371</c:v>
                </c:pt>
                <c:pt idx="1378">
                  <c:v>109.79234</c:v>
                </c:pt>
                <c:pt idx="1379">
                  <c:v>109.696744</c:v>
                </c:pt>
                <c:pt idx="1380">
                  <c:v>109.742088</c:v>
                </c:pt>
                <c:pt idx="1381">
                  <c:v>109.771871</c:v>
                </c:pt>
                <c:pt idx="1382">
                  <c:v>109.692151</c:v>
                </c:pt>
                <c:pt idx="1383">
                  <c:v>109.507611</c:v>
                </c:pt>
                <c:pt idx="1384">
                  <c:v>109.479916</c:v>
                </c:pt>
                <c:pt idx="1385">
                  <c:v>109.835792</c:v>
                </c:pt>
                <c:pt idx="1386">
                  <c:v>109.576812</c:v>
                </c:pt>
                <c:pt idx="1387">
                  <c:v>109.464016</c:v>
                </c:pt>
                <c:pt idx="1388">
                  <c:v>109.80126199999999</c:v>
                </c:pt>
                <c:pt idx="1389">
                  <c:v>109.670693</c:v>
                </c:pt>
                <c:pt idx="1390">
                  <c:v>109.864783</c:v>
                </c:pt>
                <c:pt idx="1391">
                  <c:v>109.903329</c:v>
                </c:pt>
                <c:pt idx="1392">
                  <c:v>109.81952099999999</c:v>
                </c:pt>
                <c:pt idx="1393">
                  <c:v>109.63605099999999</c:v>
                </c:pt>
                <c:pt idx="1394">
                  <c:v>109.66380700000001</c:v>
                </c:pt>
                <c:pt idx="1395">
                  <c:v>110.069228</c:v>
                </c:pt>
                <c:pt idx="1396">
                  <c:v>110.002796</c:v>
                </c:pt>
                <c:pt idx="1397">
                  <c:v>109.839646</c:v>
                </c:pt>
                <c:pt idx="1398">
                  <c:v>109.86909300000001</c:v>
                </c:pt>
                <c:pt idx="1399">
                  <c:v>109.95750099999999</c:v>
                </c:pt>
                <c:pt idx="1400">
                  <c:v>109.894845</c:v>
                </c:pt>
                <c:pt idx="1401">
                  <c:v>109.958607</c:v>
                </c:pt>
                <c:pt idx="1402">
                  <c:v>109.98140600000001</c:v>
                </c:pt>
                <c:pt idx="1403">
                  <c:v>109.837695</c:v>
                </c:pt>
                <c:pt idx="1404">
                  <c:v>109.756291</c:v>
                </c:pt>
                <c:pt idx="1405">
                  <c:v>109.627914</c:v>
                </c:pt>
                <c:pt idx="1406">
                  <c:v>109.66506800000001</c:v>
                </c:pt>
                <c:pt idx="1407">
                  <c:v>109.92482099999999</c:v>
                </c:pt>
                <c:pt idx="1408">
                  <c:v>109.847945</c:v>
                </c:pt>
                <c:pt idx="1409">
                  <c:v>109.74718</c:v>
                </c:pt>
                <c:pt idx="1410">
                  <c:v>109.76229600000001</c:v>
                </c:pt>
                <c:pt idx="1411">
                  <c:v>109.694743</c:v>
                </c:pt>
                <c:pt idx="1412">
                  <c:v>109.737154</c:v>
                </c:pt>
                <c:pt idx="1413">
                  <c:v>109.807699</c:v>
                </c:pt>
                <c:pt idx="1414">
                  <c:v>109.86031199999999</c:v>
                </c:pt>
                <c:pt idx="1415">
                  <c:v>109.81983200000001</c:v>
                </c:pt>
                <c:pt idx="1416">
                  <c:v>109.616376</c:v>
                </c:pt>
                <c:pt idx="1417">
                  <c:v>109.56144</c:v>
                </c:pt>
                <c:pt idx="1418">
                  <c:v>109.61866000000001</c:v>
                </c:pt>
                <c:pt idx="1419">
                  <c:v>109.983054</c:v>
                </c:pt>
                <c:pt idx="1420">
                  <c:v>110.06537299999999</c:v>
                </c:pt>
                <c:pt idx="1421">
                  <c:v>109.895543</c:v>
                </c:pt>
                <c:pt idx="1422">
                  <c:v>109.659672</c:v>
                </c:pt>
                <c:pt idx="1423">
                  <c:v>109.71056299999999</c:v>
                </c:pt>
                <c:pt idx="1424">
                  <c:v>109.985647</c:v>
                </c:pt>
                <c:pt idx="1425">
                  <c:v>109.54006800000001</c:v>
                </c:pt>
                <c:pt idx="1426">
                  <c:v>109.256191</c:v>
                </c:pt>
                <c:pt idx="1427">
                  <c:v>109.50899800000001</c:v>
                </c:pt>
                <c:pt idx="1428">
                  <c:v>109.85086</c:v>
                </c:pt>
                <c:pt idx="1429">
                  <c:v>109.68451399999999</c:v>
                </c:pt>
                <c:pt idx="1430">
                  <c:v>109.64218200000001</c:v>
                </c:pt>
                <c:pt idx="1431">
                  <c:v>109.680527</c:v>
                </c:pt>
                <c:pt idx="1432">
                  <c:v>109.795124</c:v>
                </c:pt>
                <c:pt idx="1433">
                  <c:v>109.727801</c:v>
                </c:pt>
                <c:pt idx="1434">
                  <c:v>109.816568</c:v>
                </c:pt>
                <c:pt idx="1435">
                  <c:v>109.757316</c:v>
                </c:pt>
                <c:pt idx="1436">
                  <c:v>109.619899</c:v>
                </c:pt>
                <c:pt idx="1437">
                  <c:v>109.803583</c:v>
                </c:pt>
                <c:pt idx="1438">
                  <c:v>109.76754099999999</c:v>
                </c:pt>
                <c:pt idx="1439">
                  <c:v>109.68176099999999</c:v>
                </c:pt>
                <c:pt idx="1440">
                  <c:v>109.625072</c:v>
                </c:pt>
                <c:pt idx="1441">
                  <c:v>109.657551</c:v>
                </c:pt>
                <c:pt idx="1442">
                  <c:v>109.740312</c:v>
                </c:pt>
                <c:pt idx="1443">
                  <c:v>109.604641</c:v>
                </c:pt>
                <c:pt idx="1444">
                  <c:v>109.56125900000001</c:v>
                </c:pt>
                <c:pt idx="1445">
                  <c:v>109.62491199999999</c:v>
                </c:pt>
                <c:pt idx="1446">
                  <c:v>109.65168300000001</c:v>
                </c:pt>
                <c:pt idx="1447">
                  <c:v>109.627807</c:v>
                </c:pt>
                <c:pt idx="1448">
                  <c:v>109.600416</c:v>
                </c:pt>
                <c:pt idx="1449">
                  <c:v>109.590649</c:v>
                </c:pt>
                <c:pt idx="1450">
                  <c:v>109.664287</c:v>
                </c:pt>
                <c:pt idx="1451">
                  <c:v>109.75174699999999</c:v>
                </c:pt>
                <c:pt idx="1452">
                  <c:v>109.543072</c:v>
                </c:pt>
                <c:pt idx="1453">
                  <c:v>109.80335100000001</c:v>
                </c:pt>
                <c:pt idx="1454">
                  <c:v>109.820199</c:v>
                </c:pt>
                <c:pt idx="1455">
                  <c:v>109.57602199999999</c:v>
                </c:pt>
                <c:pt idx="1456">
                  <c:v>109.79433299999999</c:v>
                </c:pt>
                <c:pt idx="1457">
                  <c:v>109.71527500000001</c:v>
                </c:pt>
                <c:pt idx="1458">
                  <c:v>109.629704</c:v>
                </c:pt>
                <c:pt idx="1459">
                  <c:v>109.481424</c:v>
                </c:pt>
                <c:pt idx="1460">
                  <c:v>109.46428400000001</c:v>
                </c:pt>
                <c:pt idx="1461">
                  <c:v>109.60617000000001</c:v>
                </c:pt>
                <c:pt idx="1462">
                  <c:v>109.295604</c:v>
                </c:pt>
                <c:pt idx="1463">
                  <c:v>109.41796100000001</c:v>
                </c:pt>
                <c:pt idx="1464">
                  <c:v>109.750624</c:v>
                </c:pt>
                <c:pt idx="1465">
                  <c:v>109.656318</c:v>
                </c:pt>
                <c:pt idx="1466">
                  <c:v>109.73123699999999</c:v>
                </c:pt>
                <c:pt idx="1467">
                  <c:v>109.665353</c:v>
                </c:pt>
                <c:pt idx="1468">
                  <c:v>109.552837</c:v>
                </c:pt>
                <c:pt idx="1469">
                  <c:v>109.57833100000001</c:v>
                </c:pt>
                <c:pt idx="1470">
                  <c:v>109.472413</c:v>
                </c:pt>
                <c:pt idx="1471">
                  <c:v>109.440394</c:v>
                </c:pt>
                <c:pt idx="1472">
                  <c:v>109.537249</c:v>
                </c:pt>
                <c:pt idx="1473">
                  <c:v>109.50975200000001</c:v>
                </c:pt>
                <c:pt idx="1474">
                  <c:v>109.475094</c:v>
                </c:pt>
                <c:pt idx="1475">
                  <c:v>109.679514</c:v>
                </c:pt>
                <c:pt idx="1476">
                  <c:v>109.73778</c:v>
                </c:pt>
                <c:pt idx="1477">
                  <c:v>109.605726</c:v>
                </c:pt>
                <c:pt idx="1478">
                  <c:v>109.37669699999999</c:v>
                </c:pt>
                <c:pt idx="1479">
                  <c:v>109.05701000000001</c:v>
                </c:pt>
                <c:pt idx="1480">
                  <c:v>109.51267900000001</c:v>
                </c:pt>
                <c:pt idx="1481">
                  <c:v>109.696916</c:v>
                </c:pt>
                <c:pt idx="1482">
                  <c:v>109.49531500000001</c:v>
                </c:pt>
                <c:pt idx="1483">
                  <c:v>109.415667</c:v>
                </c:pt>
                <c:pt idx="1484">
                  <c:v>109.47255</c:v>
                </c:pt>
                <c:pt idx="1485">
                  <c:v>109.560453</c:v>
                </c:pt>
                <c:pt idx="1486">
                  <c:v>109.703256</c:v>
                </c:pt>
                <c:pt idx="1487">
                  <c:v>109.422679</c:v>
                </c:pt>
                <c:pt idx="1488">
                  <c:v>109.32252</c:v>
                </c:pt>
                <c:pt idx="1489">
                  <c:v>109.592009</c:v>
                </c:pt>
                <c:pt idx="1490">
                  <c:v>109.477863</c:v>
                </c:pt>
                <c:pt idx="1491">
                  <c:v>109.64210199999999</c:v>
                </c:pt>
                <c:pt idx="1492">
                  <c:v>109.515511</c:v>
                </c:pt>
                <c:pt idx="1493">
                  <c:v>109.43126100000001</c:v>
                </c:pt>
                <c:pt idx="1494">
                  <c:v>109.632465</c:v>
                </c:pt>
                <c:pt idx="1495">
                  <c:v>109.566737</c:v>
                </c:pt>
                <c:pt idx="1496">
                  <c:v>109.54787</c:v>
                </c:pt>
                <c:pt idx="1497">
                  <c:v>109.818068</c:v>
                </c:pt>
                <c:pt idx="1498">
                  <c:v>109.522218</c:v>
                </c:pt>
                <c:pt idx="1499">
                  <c:v>109.374432</c:v>
                </c:pt>
                <c:pt idx="1500">
                  <c:v>109.576897</c:v>
                </c:pt>
                <c:pt idx="1501">
                  <c:v>109.583485</c:v>
                </c:pt>
                <c:pt idx="1502">
                  <c:v>109.434956</c:v>
                </c:pt>
                <c:pt idx="1503">
                  <c:v>109.409808</c:v>
                </c:pt>
                <c:pt idx="1504">
                  <c:v>109.413713</c:v>
                </c:pt>
                <c:pt idx="1505">
                  <c:v>109.34604299999999</c:v>
                </c:pt>
                <c:pt idx="1506">
                  <c:v>109.289545</c:v>
                </c:pt>
                <c:pt idx="1507">
                  <c:v>109.40646599999999</c:v>
                </c:pt>
                <c:pt idx="1508">
                  <c:v>109.495265</c:v>
                </c:pt>
                <c:pt idx="1509">
                  <c:v>109.523985</c:v>
                </c:pt>
                <c:pt idx="1510">
                  <c:v>109.489763</c:v>
                </c:pt>
                <c:pt idx="1511">
                  <c:v>109.478323</c:v>
                </c:pt>
                <c:pt idx="1512">
                  <c:v>109.41163400000001</c:v>
                </c:pt>
                <c:pt idx="1513">
                  <c:v>109.400994</c:v>
                </c:pt>
                <c:pt idx="1514">
                  <c:v>109.421042</c:v>
                </c:pt>
                <c:pt idx="1515">
                  <c:v>109.45376400000001</c:v>
                </c:pt>
                <c:pt idx="1516">
                  <c:v>109.430881</c:v>
                </c:pt>
                <c:pt idx="1517">
                  <c:v>109.562085</c:v>
                </c:pt>
                <c:pt idx="1518">
                  <c:v>109.47527100000001</c:v>
                </c:pt>
                <c:pt idx="1519">
                  <c:v>109.39152300000001</c:v>
                </c:pt>
                <c:pt idx="1520">
                  <c:v>109.47719499999999</c:v>
                </c:pt>
                <c:pt idx="1521">
                  <c:v>109.494376</c:v>
                </c:pt>
                <c:pt idx="1522">
                  <c:v>109.427288</c:v>
                </c:pt>
                <c:pt idx="1523">
                  <c:v>109.38784699999999</c:v>
                </c:pt>
                <c:pt idx="1524">
                  <c:v>109.38639000000001</c:v>
                </c:pt>
                <c:pt idx="1525">
                  <c:v>109.32767699999999</c:v>
                </c:pt>
                <c:pt idx="1526">
                  <c:v>109.37037599999999</c:v>
                </c:pt>
                <c:pt idx="1527">
                  <c:v>109.47848500000001</c:v>
                </c:pt>
                <c:pt idx="1528">
                  <c:v>109.37321300000001</c:v>
                </c:pt>
                <c:pt idx="1529">
                  <c:v>109.408091</c:v>
                </c:pt>
                <c:pt idx="1530">
                  <c:v>109.456395</c:v>
                </c:pt>
                <c:pt idx="1531">
                  <c:v>109.394559</c:v>
                </c:pt>
                <c:pt idx="1532">
                  <c:v>109.35771099999999</c:v>
                </c:pt>
                <c:pt idx="1533">
                  <c:v>109.382482</c:v>
                </c:pt>
                <c:pt idx="1534">
                  <c:v>109.412959</c:v>
                </c:pt>
                <c:pt idx="1535">
                  <c:v>109.414976</c:v>
                </c:pt>
                <c:pt idx="1536">
                  <c:v>109.429844</c:v>
                </c:pt>
                <c:pt idx="1537">
                  <c:v>109.40681600000001</c:v>
                </c:pt>
                <c:pt idx="1538">
                  <c:v>109.427921</c:v>
                </c:pt>
                <c:pt idx="1539">
                  <c:v>109.418266</c:v>
                </c:pt>
                <c:pt idx="1540">
                  <c:v>109.391685</c:v>
                </c:pt>
                <c:pt idx="1541">
                  <c:v>109.38867399999999</c:v>
                </c:pt>
                <c:pt idx="1542">
                  <c:v>109.37949399999999</c:v>
                </c:pt>
                <c:pt idx="1543">
                  <c:v>109.425197</c:v>
                </c:pt>
                <c:pt idx="1544">
                  <c:v>109.431501</c:v>
                </c:pt>
                <c:pt idx="1545">
                  <c:v>109.392314</c:v>
                </c:pt>
                <c:pt idx="1546">
                  <c:v>109.376981</c:v>
                </c:pt>
                <c:pt idx="1547">
                  <c:v>109.349707</c:v>
                </c:pt>
                <c:pt idx="1548">
                  <c:v>109.319828</c:v>
                </c:pt>
                <c:pt idx="1549">
                  <c:v>109.32342300000001</c:v>
                </c:pt>
                <c:pt idx="1550">
                  <c:v>109.347717</c:v>
                </c:pt>
                <c:pt idx="1551">
                  <c:v>109.36300799999999</c:v>
                </c:pt>
                <c:pt idx="1552">
                  <c:v>109.3261</c:v>
                </c:pt>
                <c:pt idx="1553">
                  <c:v>109.341188</c:v>
                </c:pt>
                <c:pt idx="1554">
                  <c:v>109.343277</c:v>
                </c:pt>
                <c:pt idx="1555">
                  <c:v>109.332436</c:v>
                </c:pt>
                <c:pt idx="1556">
                  <c:v>109.366915000000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4D1E-498B-A6C1-B654C2EDF5C7}"/>
            </c:ext>
          </c:extLst>
        </c:ser>
        <c:ser>
          <c:idx val="3"/>
          <c:order val="3"/>
          <c:tx>
            <c:strRef>
              <c:f>'Fig 2 a'!$I$10</c:f>
              <c:strCache>
                <c:ptCount val="1"/>
                <c:pt idx="0">
                  <c:v>S-P-2.6</c:v>
                </c:pt>
              </c:strCache>
            </c:strRef>
          </c:tx>
          <c:spPr>
            <a:ln w="28575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Fig 2 a'!$H$11:$H$1567</c:f>
              <c:numCache>
                <c:formatCode>General</c:formatCode>
                <c:ptCount val="1557"/>
                <c:pt idx="0">
                  <c:v>999.12668799999994</c:v>
                </c:pt>
                <c:pt idx="1">
                  <c:v>1001.055504</c:v>
                </c:pt>
                <c:pt idx="2">
                  <c:v>1002.98432</c:v>
                </c:pt>
                <c:pt idx="3">
                  <c:v>1004.913136</c:v>
                </c:pt>
                <c:pt idx="4">
                  <c:v>1006.841952</c:v>
                </c:pt>
                <c:pt idx="5">
                  <c:v>1008.770768</c:v>
                </c:pt>
                <c:pt idx="6">
                  <c:v>1010.699584</c:v>
                </c:pt>
                <c:pt idx="7">
                  <c:v>1012.6284000000001</c:v>
                </c:pt>
                <c:pt idx="8">
                  <c:v>1014.557216</c:v>
                </c:pt>
                <c:pt idx="9">
                  <c:v>1016.486032</c:v>
                </c:pt>
                <c:pt idx="10">
                  <c:v>1018.414848</c:v>
                </c:pt>
                <c:pt idx="11">
                  <c:v>1020.343664</c:v>
                </c:pt>
                <c:pt idx="12">
                  <c:v>1022.27248</c:v>
                </c:pt>
                <c:pt idx="13">
                  <c:v>1024.201296</c:v>
                </c:pt>
                <c:pt idx="14">
                  <c:v>1026.1301120000001</c:v>
                </c:pt>
                <c:pt idx="15">
                  <c:v>1028.0589279999999</c:v>
                </c:pt>
                <c:pt idx="16">
                  <c:v>1029.987744</c:v>
                </c:pt>
                <c:pt idx="17">
                  <c:v>1031.9165599999999</c:v>
                </c:pt>
                <c:pt idx="18">
                  <c:v>1033.845376</c:v>
                </c:pt>
                <c:pt idx="19">
                  <c:v>1035.7741920000001</c:v>
                </c:pt>
                <c:pt idx="20">
                  <c:v>1037.703008</c:v>
                </c:pt>
                <c:pt idx="21">
                  <c:v>1039.6318240000001</c:v>
                </c:pt>
                <c:pt idx="22">
                  <c:v>1041.5606399999999</c:v>
                </c:pt>
                <c:pt idx="23">
                  <c:v>1043.489456</c:v>
                </c:pt>
                <c:pt idx="24">
                  <c:v>1045.4182719999999</c:v>
                </c:pt>
                <c:pt idx="25">
                  <c:v>1047.347088</c:v>
                </c:pt>
                <c:pt idx="26">
                  <c:v>1049.2759040000001</c:v>
                </c:pt>
                <c:pt idx="27">
                  <c:v>1051.20472</c:v>
                </c:pt>
                <c:pt idx="28">
                  <c:v>1053.133536</c:v>
                </c:pt>
                <c:pt idx="29">
                  <c:v>1055.0623519999999</c:v>
                </c:pt>
                <c:pt idx="30">
                  <c:v>1056.991168</c:v>
                </c:pt>
                <c:pt idx="31">
                  <c:v>1058.9199840000001</c:v>
                </c:pt>
                <c:pt idx="32">
                  <c:v>1060.8488</c:v>
                </c:pt>
                <c:pt idx="33">
                  <c:v>1062.7776160000001</c:v>
                </c:pt>
                <c:pt idx="34">
                  <c:v>1064.7064319999999</c:v>
                </c:pt>
                <c:pt idx="35">
                  <c:v>1066.635248</c:v>
                </c:pt>
                <c:pt idx="36">
                  <c:v>1068.5640639999999</c:v>
                </c:pt>
                <c:pt idx="37">
                  <c:v>1070.49288</c:v>
                </c:pt>
                <c:pt idx="38">
                  <c:v>1072.4216960000001</c:v>
                </c:pt>
                <c:pt idx="39">
                  <c:v>1074.350512</c:v>
                </c:pt>
                <c:pt idx="40">
                  <c:v>1076.2793280000001</c:v>
                </c:pt>
                <c:pt idx="41">
                  <c:v>1078.2081439999999</c:v>
                </c:pt>
                <c:pt idx="42">
                  <c:v>1080.13696</c:v>
                </c:pt>
                <c:pt idx="43">
                  <c:v>1082.0657759999999</c:v>
                </c:pt>
                <c:pt idx="44">
                  <c:v>1083.994592</c:v>
                </c:pt>
                <c:pt idx="45">
                  <c:v>1085.9234080000001</c:v>
                </c:pt>
                <c:pt idx="46">
                  <c:v>1087.852224</c:v>
                </c:pt>
                <c:pt idx="47">
                  <c:v>1089.7810400000001</c:v>
                </c:pt>
                <c:pt idx="48">
                  <c:v>1091.7098559999999</c:v>
                </c:pt>
                <c:pt idx="49">
                  <c:v>1093.638672</c:v>
                </c:pt>
                <c:pt idx="50">
                  <c:v>1095.5674879999999</c:v>
                </c:pt>
                <c:pt idx="51">
                  <c:v>1097.496304</c:v>
                </c:pt>
                <c:pt idx="52">
                  <c:v>1099.4251200000001</c:v>
                </c:pt>
                <c:pt idx="53">
                  <c:v>1101.353936</c:v>
                </c:pt>
                <c:pt idx="54">
                  <c:v>1103.2827520000001</c:v>
                </c:pt>
                <c:pt idx="55">
                  <c:v>1105.2115679999999</c:v>
                </c:pt>
                <c:pt idx="56">
                  <c:v>1107.140384</c:v>
                </c:pt>
                <c:pt idx="57">
                  <c:v>1109.0691999999999</c:v>
                </c:pt>
                <c:pt idx="58">
                  <c:v>1110.998016</c:v>
                </c:pt>
                <c:pt idx="59">
                  <c:v>1112.9268320000001</c:v>
                </c:pt>
                <c:pt idx="60">
                  <c:v>1114.855648</c:v>
                </c:pt>
                <c:pt idx="61">
                  <c:v>1116.7844640000001</c:v>
                </c:pt>
                <c:pt idx="62">
                  <c:v>1118.7132799999999</c:v>
                </c:pt>
                <c:pt idx="63">
                  <c:v>1120.642096</c:v>
                </c:pt>
                <c:pt idx="64">
                  <c:v>1122.5709119999999</c:v>
                </c:pt>
                <c:pt idx="65">
                  <c:v>1124.499728</c:v>
                </c:pt>
                <c:pt idx="66">
                  <c:v>1126.4285440000001</c:v>
                </c:pt>
                <c:pt idx="67">
                  <c:v>1128.35736</c:v>
                </c:pt>
                <c:pt idx="68">
                  <c:v>1130.2861760000001</c:v>
                </c:pt>
                <c:pt idx="69">
                  <c:v>1132.2149919999999</c:v>
                </c:pt>
                <c:pt idx="70">
                  <c:v>1134.143808</c:v>
                </c:pt>
                <c:pt idx="71">
                  <c:v>1136.0726239999999</c:v>
                </c:pt>
                <c:pt idx="72">
                  <c:v>1138.00144</c:v>
                </c:pt>
                <c:pt idx="73">
                  <c:v>1139.9302560000001</c:v>
                </c:pt>
                <c:pt idx="74">
                  <c:v>1141.859072</c:v>
                </c:pt>
                <c:pt idx="75">
                  <c:v>1143.7878880000001</c:v>
                </c:pt>
                <c:pt idx="76">
                  <c:v>1145.7167039999999</c:v>
                </c:pt>
                <c:pt idx="77">
                  <c:v>1147.64552</c:v>
                </c:pt>
                <c:pt idx="78">
                  <c:v>1149.5743359999999</c:v>
                </c:pt>
                <c:pt idx="79">
                  <c:v>1151.503152</c:v>
                </c:pt>
                <c:pt idx="80">
                  <c:v>1153.4319680000001</c:v>
                </c:pt>
                <c:pt idx="81">
                  <c:v>1155.360784</c:v>
                </c:pt>
                <c:pt idx="82">
                  <c:v>1157.2896000000001</c:v>
                </c:pt>
                <c:pt idx="83">
                  <c:v>1159.2184159999999</c:v>
                </c:pt>
                <c:pt idx="84">
                  <c:v>1161.147232</c:v>
                </c:pt>
                <c:pt idx="85">
                  <c:v>1163.0760479999999</c:v>
                </c:pt>
                <c:pt idx="86">
                  <c:v>1165.004864</c:v>
                </c:pt>
                <c:pt idx="87">
                  <c:v>1166.9336800000001</c:v>
                </c:pt>
                <c:pt idx="88">
                  <c:v>1168.862496</c:v>
                </c:pt>
                <c:pt idx="89">
                  <c:v>1170.7913120000001</c:v>
                </c:pt>
                <c:pt idx="90">
                  <c:v>1172.7201279999999</c:v>
                </c:pt>
                <c:pt idx="91">
                  <c:v>1174.648944</c:v>
                </c:pt>
                <c:pt idx="92">
                  <c:v>1176.5777599999999</c:v>
                </c:pt>
                <c:pt idx="93">
                  <c:v>1178.506576</c:v>
                </c:pt>
                <c:pt idx="94">
                  <c:v>1180.4353920000001</c:v>
                </c:pt>
                <c:pt idx="95">
                  <c:v>1182.364208</c:v>
                </c:pt>
                <c:pt idx="96">
                  <c:v>1184.2930240000001</c:v>
                </c:pt>
                <c:pt idx="97">
                  <c:v>1186.2218399999999</c:v>
                </c:pt>
                <c:pt idx="98">
                  <c:v>1188.150656</c:v>
                </c:pt>
                <c:pt idx="99">
                  <c:v>1190.0794719999999</c:v>
                </c:pt>
                <c:pt idx="100">
                  <c:v>1192.008288</c:v>
                </c:pt>
                <c:pt idx="101">
                  <c:v>1193.9371040000001</c:v>
                </c:pt>
                <c:pt idx="102">
                  <c:v>1195.86592</c:v>
                </c:pt>
                <c:pt idx="103">
                  <c:v>1197.7947360000001</c:v>
                </c:pt>
                <c:pt idx="104">
                  <c:v>1199.7235519999999</c:v>
                </c:pt>
                <c:pt idx="105">
                  <c:v>1201.652368</c:v>
                </c:pt>
                <c:pt idx="106">
                  <c:v>1203.5811839999999</c:v>
                </c:pt>
                <c:pt idx="107">
                  <c:v>1205.51</c:v>
                </c:pt>
                <c:pt idx="108">
                  <c:v>1207.4388160000001</c:v>
                </c:pt>
                <c:pt idx="109">
                  <c:v>1209.367632</c:v>
                </c:pt>
                <c:pt idx="110">
                  <c:v>1211.2964480000001</c:v>
                </c:pt>
                <c:pt idx="111">
                  <c:v>1213.2252639999999</c:v>
                </c:pt>
                <c:pt idx="112">
                  <c:v>1215.15408</c:v>
                </c:pt>
                <c:pt idx="113">
                  <c:v>1217.0828959999999</c:v>
                </c:pt>
                <c:pt idx="114">
                  <c:v>1219.011712</c:v>
                </c:pt>
                <c:pt idx="115">
                  <c:v>1220.9405280000001</c:v>
                </c:pt>
                <c:pt idx="116">
                  <c:v>1222.869344</c:v>
                </c:pt>
                <c:pt idx="117">
                  <c:v>1224.7981600000001</c:v>
                </c:pt>
                <c:pt idx="118">
                  <c:v>1226.7269759999999</c:v>
                </c:pt>
                <c:pt idx="119">
                  <c:v>1228.655792</c:v>
                </c:pt>
                <c:pt idx="120">
                  <c:v>1230.5846079999999</c:v>
                </c:pt>
                <c:pt idx="121">
                  <c:v>1232.513424</c:v>
                </c:pt>
                <c:pt idx="122">
                  <c:v>1234.4422400000001</c:v>
                </c:pt>
                <c:pt idx="123">
                  <c:v>1236.371056</c:v>
                </c:pt>
                <c:pt idx="124">
                  <c:v>1238.2998720000001</c:v>
                </c:pt>
                <c:pt idx="125">
                  <c:v>1240.2286879999999</c:v>
                </c:pt>
                <c:pt idx="126">
                  <c:v>1242.157504</c:v>
                </c:pt>
                <c:pt idx="127">
                  <c:v>1244.0863199999999</c:v>
                </c:pt>
                <c:pt idx="128">
                  <c:v>1246.015136</c:v>
                </c:pt>
                <c:pt idx="129">
                  <c:v>1247.9439520000001</c:v>
                </c:pt>
                <c:pt idx="130">
                  <c:v>1249.872768</c:v>
                </c:pt>
                <c:pt idx="131">
                  <c:v>1251.801584</c:v>
                </c:pt>
                <c:pt idx="132">
                  <c:v>1253.7303999999999</c:v>
                </c:pt>
                <c:pt idx="133">
                  <c:v>1255.659216</c:v>
                </c:pt>
                <c:pt idx="134">
                  <c:v>1257.5880320000001</c:v>
                </c:pt>
                <c:pt idx="135">
                  <c:v>1259.516848</c:v>
                </c:pt>
                <c:pt idx="136">
                  <c:v>1261.4456640000001</c:v>
                </c:pt>
                <c:pt idx="137">
                  <c:v>1263.3744799999999</c:v>
                </c:pt>
                <c:pt idx="138">
                  <c:v>1265.303296</c:v>
                </c:pt>
                <c:pt idx="139">
                  <c:v>1267.2321119999999</c:v>
                </c:pt>
                <c:pt idx="140">
                  <c:v>1269.160928</c:v>
                </c:pt>
                <c:pt idx="141">
                  <c:v>1271.0897440000001</c:v>
                </c:pt>
                <c:pt idx="142">
                  <c:v>1273.01856</c:v>
                </c:pt>
                <c:pt idx="143">
                  <c:v>1274.9473760000001</c:v>
                </c:pt>
                <c:pt idx="144">
                  <c:v>1276.8761919999999</c:v>
                </c:pt>
                <c:pt idx="145">
                  <c:v>1278.805008</c:v>
                </c:pt>
                <c:pt idx="146">
                  <c:v>1280.7338239999999</c:v>
                </c:pt>
                <c:pt idx="147">
                  <c:v>1282.66264</c:v>
                </c:pt>
                <c:pt idx="148">
                  <c:v>1284.5914560000001</c:v>
                </c:pt>
                <c:pt idx="149">
                  <c:v>1286.520272</c:v>
                </c:pt>
                <c:pt idx="150">
                  <c:v>1288.4490880000001</c:v>
                </c:pt>
                <c:pt idx="151">
                  <c:v>1290.3779039999999</c:v>
                </c:pt>
                <c:pt idx="152">
                  <c:v>1292.30672</c:v>
                </c:pt>
                <c:pt idx="153">
                  <c:v>1294.2355359999999</c:v>
                </c:pt>
                <c:pt idx="154">
                  <c:v>1296.164352</c:v>
                </c:pt>
                <c:pt idx="155">
                  <c:v>1298.0931680000001</c:v>
                </c:pt>
                <c:pt idx="156">
                  <c:v>1300.021984</c:v>
                </c:pt>
                <c:pt idx="157">
                  <c:v>1301.9508000000001</c:v>
                </c:pt>
                <c:pt idx="158">
                  <c:v>1303.8796159999999</c:v>
                </c:pt>
                <c:pt idx="159">
                  <c:v>1305.808432</c:v>
                </c:pt>
                <c:pt idx="160">
                  <c:v>1307.7372479999999</c:v>
                </c:pt>
                <c:pt idx="161">
                  <c:v>1309.666064</c:v>
                </c:pt>
                <c:pt idx="162">
                  <c:v>1311.5948800000001</c:v>
                </c:pt>
                <c:pt idx="163">
                  <c:v>1313.523696</c:v>
                </c:pt>
                <c:pt idx="164">
                  <c:v>1315.4525120000001</c:v>
                </c:pt>
                <c:pt idx="165">
                  <c:v>1317.3813279999999</c:v>
                </c:pt>
                <c:pt idx="166">
                  <c:v>1319.310144</c:v>
                </c:pt>
                <c:pt idx="167">
                  <c:v>1321.2389599999999</c:v>
                </c:pt>
                <c:pt idx="168">
                  <c:v>1323.167776</c:v>
                </c:pt>
                <c:pt idx="169">
                  <c:v>1325.0965920000001</c:v>
                </c:pt>
                <c:pt idx="170">
                  <c:v>1327.025408</c:v>
                </c:pt>
                <c:pt idx="171">
                  <c:v>1328.9542240000001</c:v>
                </c:pt>
                <c:pt idx="172">
                  <c:v>1330.8830399999999</c:v>
                </c:pt>
                <c:pt idx="173">
                  <c:v>1332.811856</c:v>
                </c:pt>
                <c:pt idx="174">
                  <c:v>1334.7406719999999</c:v>
                </c:pt>
                <c:pt idx="175">
                  <c:v>1336.669488</c:v>
                </c:pt>
                <c:pt idx="176">
                  <c:v>1338.5983040000001</c:v>
                </c:pt>
                <c:pt idx="177">
                  <c:v>1340.52712</c:v>
                </c:pt>
                <c:pt idx="178">
                  <c:v>1342.4559360000001</c:v>
                </c:pt>
                <c:pt idx="179">
                  <c:v>1344.3847519999999</c:v>
                </c:pt>
                <c:pt idx="180">
                  <c:v>1346.313568</c:v>
                </c:pt>
                <c:pt idx="181">
                  <c:v>1348.2423839999999</c:v>
                </c:pt>
                <c:pt idx="182">
                  <c:v>1350.1712</c:v>
                </c:pt>
                <c:pt idx="183">
                  <c:v>1352.1000160000001</c:v>
                </c:pt>
                <c:pt idx="184">
                  <c:v>1354.028832</c:v>
                </c:pt>
                <c:pt idx="185">
                  <c:v>1355.9576480000001</c:v>
                </c:pt>
                <c:pt idx="186">
                  <c:v>1357.8864639999999</c:v>
                </c:pt>
                <c:pt idx="187">
                  <c:v>1359.81528</c:v>
                </c:pt>
                <c:pt idx="188">
                  <c:v>1361.7440959999999</c:v>
                </c:pt>
                <c:pt idx="189">
                  <c:v>1363.672912</c:v>
                </c:pt>
                <c:pt idx="190">
                  <c:v>1365.6017280000001</c:v>
                </c:pt>
                <c:pt idx="191">
                  <c:v>1367.530544</c:v>
                </c:pt>
                <c:pt idx="192">
                  <c:v>1369.4593600000001</c:v>
                </c:pt>
                <c:pt idx="193">
                  <c:v>1371.3881759999999</c:v>
                </c:pt>
                <c:pt idx="194">
                  <c:v>1373.316992</c:v>
                </c:pt>
                <c:pt idx="195">
                  <c:v>1375.2458079999999</c:v>
                </c:pt>
                <c:pt idx="196">
                  <c:v>1377.174624</c:v>
                </c:pt>
                <c:pt idx="197">
                  <c:v>1379.1034400000001</c:v>
                </c:pt>
                <c:pt idx="198">
                  <c:v>1381.032256</c:v>
                </c:pt>
                <c:pt idx="199">
                  <c:v>1382.9610720000001</c:v>
                </c:pt>
                <c:pt idx="200">
                  <c:v>1384.8898879999999</c:v>
                </c:pt>
                <c:pt idx="201">
                  <c:v>1386.818704</c:v>
                </c:pt>
                <c:pt idx="202">
                  <c:v>1388.7475199999999</c:v>
                </c:pt>
                <c:pt idx="203">
                  <c:v>1390.676336</c:v>
                </c:pt>
                <c:pt idx="204">
                  <c:v>1392.6051520000001</c:v>
                </c:pt>
                <c:pt idx="205">
                  <c:v>1394.533968</c:v>
                </c:pt>
                <c:pt idx="206">
                  <c:v>1396.4627840000001</c:v>
                </c:pt>
                <c:pt idx="207">
                  <c:v>1398.3915999999999</c:v>
                </c:pt>
                <c:pt idx="208">
                  <c:v>1400.320416</c:v>
                </c:pt>
                <c:pt idx="209">
                  <c:v>1402.2492319999999</c:v>
                </c:pt>
                <c:pt idx="210">
                  <c:v>1404.178048</c:v>
                </c:pt>
                <c:pt idx="211">
                  <c:v>1406.1068640000001</c:v>
                </c:pt>
                <c:pt idx="212">
                  <c:v>1408.03568</c:v>
                </c:pt>
                <c:pt idx="213">
                  <c:v>1409.9644960000001</c:v>
                </c:pt>
                <c:pt idx="214">
                  <c:v>1411.8933119999999</c:v>
                </c:pt>
                <c:pt idx="215">
                  <c:v>1413.822128</c:v>
                </c:pt>
                <c:pt idx="216">
                  <c:v>1415.7509439999999</c:v>
                </c:pt>
                <c:pt idx="217">
                  <c:v>1417.67976</c:v>
                </c:pt>
                <c:pt idx="218">
                  <c:v>1419.6085760000001</c:v>
                </c:pt>
                <c:pt idx="219">
                  <c:v>1421.537392</c:v>
                </c:pt>
                <c:pt idx="220">
                  <c:v>1423.4662080000001</c:v>
                </c:pt>
                <c:pt idx="221">
                  <c:v>1425.3950239999999</c:v>
                </c:pt>
                <c:pt idx="222">
                  <c:v>1427.32384</c:v>
                </c:pt>
                <c:pt idx="223">
                  <c:v>1429.2526559999999</c:v>
                </c:pt>
                <c:pt idx="224">
                  <c:v>1431.181472</c:v>
                </c:pt>
                <c:pt idx="225">
                  <c:v>1433.1102880000001</c:v>
                </c:pt>
                <c:pt idx="226">
                  <c:v>1435.039104</c:v>
                </c:pt>
                <c:pt idx="227">
                  <c:v>1436.96792</c:v>
                </c:pt>
                <c:pt idx="228">
                  <c:v>1438.8967359999999</c:v>
                </c:pt>
                <c:pt idx="229">
                  <c:v>1440.825552</c:v>
                </c:pt>
                <c:pt idx="230">
                  <c:v>1442.7543680000001</c:v>
                </c:pt>
                <c:pt idx="231">
                  <c:v>1444.683184</c:v>
                </c:pt>
                <c:pt idx="232">
                  <c:v>1446.6120000000001</c:v>
                </c:pt>
                <c:pt idx="233">
                  <c:v>1448.5408159999999</c:v>
                </c:pt>
                <c:pt idx="234">
                  <c:v>1450.469632</c:v>
                </c:pt>
                <c:pt idx="235">
                  <c:v>1452.3984479999999</c:v>
                </c:pt>
                <c:pt idx="236">
                  <c:v>1454.327264</c:v>
                </c:pt>
                <c:pt idx="237">
                  <c:v>1456.2560800000001</c:v>
                </c:pt>
                <c:pt idx="238">
                  <c:v>1458.184896</c:v>
                </c:pt>
                <c:pt idx="239">
                  <c:v>1460.1137120000001</c:v>
                </c:pt>
                <c:pt idx="240">
                  <c:v>1462.0425279999999</c:v>
                </c:pt>
                <c:pt idx="241">
                  <c:v>1463.971344</c:v>
                </c:pt>
                <c:pt idx="242">
                  <c:v>1465.9001599999999</c:v>
                </c:pt>
                <c:pt idx="243">
                  <c:v>1467.828976</c:v>
                </c:pt>
                <c:pt idx="244">
                  <c:v>1469.7577920000001</c:v>
                </c:pt>
                <c:pt idx="245">
                  <c:v>1471.686608</c:v>
                </c:pt>
                <c:pt idx="246">
                  <c:v>1473.6154240000001</c:v>
                </c:pt>
                <c:pt idx="247">
                  <c:v>1475.5442399999999</c:v>
                </c:pt>
                <c:pt idx="248">
                  <c:v>1477.473056</c:v>
                </c:pt>
                <c:pt idx="249">
                  <c:v>1479.4018719999999</c:v>
                </c:pt>
                <c:pt idx="250">
                  <c:v>1481.330688</c:v>
                </c:pt>
                <c:pt idx="251">
                  <c:v>1483.2595040000001</c:v>
                </c:pt>
                <c:pt idx="252">
                  <c:v>1485.18832</c:v>
                </c:pt>
                <c:pt idx="253">
                  <c:v>1487.1171360000001</c:v>
                </c:pt>
                <c:pt idx="254">
                  <c:v>1489.0459519999999</c:v>
                </c:pt>
                <c:pt idx="255">
                  <c:v>1490.974768</c:v>
                </c:pt>
                <c:pt idx="256">
                  <c:v>1492.9035839999999</c:v>
                </c:pt>
                <c:pt idx="257">
                  <c:v>1494.8324</c:v>
                </c:pt>
                <c:pt idx="258">
                  <c:v>1496.7612160000001</c:v>
                </c:pt>
                <c:pt idx="259">
                  <c:v>1498.690032</c:v>
                </c:pt>
                <c:pt idx="260">
                  <c:v>1500.6188480000001</c:v>
                </c:pt>
                <c:pt idx="261">
                  <c:v>1502.5476639999999</c:v>
                </c:pt>
                <c:pt idx="262">
                  <c:v>1504.47648</c:v>
                </c:pt>
                <c:pt idx="263">
                  <c:v>1506.4052959999999</c:v>
                </c:pt>
                <c:pt idx="264">
                  <c:v>1508.334112</c:v>
                </c:pt>
                <c:pt idx="265">
                  <c:v>1510.2629280000001</c:v>
                </c:pt>
                <c:pt idx="266">
                  <c:v>1512.191744</c:v>
                </c:pt>
                <c:pt idx="267">
                  <c:v>1514.1205600000001</c:v>
                </c:pt>
                <c:pt idx="268">
                  <c:v>1516.0493759999999</c:v>
                </c:pt>
                <c:pt idx="269">
                  <c:v>1517.978192</c:v>
                </c:pt>
                <c:pt idx="270">
                  <c:v>1519.9070079999999</c:v>
                </c:pt>
                <c:pt idx="271">
                  <c:v>1521.835824</c:v>
                </c:pt>
                <c:pt idx="272">
                  <c:v>1523.7646400000001</c:v>
                </c:pt>
                <c:pt idx="273">
                  <c:v>1525.693456</c:v>
                </c:pt>
                <c:pt idx="274">
                  <c:v>1527.6222720000001</c:v>
                </c:pt>
                <c:pt idx="275">
                  <c:v>1529.5510879999999</c:v>
                </c:pt>
                <c:pt idx="276">
                  <c:v>1531.479904</c:v>
                </c:pt>
                <c:pt idx="277">
                  <c:v>1533.4087199999999</c:v>
                </c:pt>
                <c:pt idx="278">
                  <c:v>1535.337536</c:v>
                </c:pt>
                <c:pt idx="279">
                  <c:v>1537.2663520000001</c:v>
                </c:pt>
                <c:pt idx="280">
                  <c:v>1539.195168</c:v>
                </c:pt>
                <c:pt idx="281">
                  <c:v>1541.1239840000001</c:v>
                </c:pt>
                <c:pt idx="282">
                  <c:v>1543.0527999999999</c:v>
                </c:pt>
                <c:pt idx="283">
                  <c:v>1544.981616</c:v>
                </c:pt>
                <c:pt idx="284">
                  <c:v>1546.9104319999999</c:v>
                </c:pt>
                <c:pt idx="285">
                  <c:v>1548.839248</c:v>
                </c:pt>
                <c:pt idx="286">
                  <c:v>1550.7680640000001</c:v>
                </c:pt>
                <c:pt idx="287">
                  <c:v>1552.69688</c:v>
                </c:pt>
                <c:pt idx="288">
                  <c:v>1554.6256960000001</c:v>
                </c:pt>
                <c:pt idx="289">
                  <c:v>1556.5545119999999</c:v>
                </c:pt>
                <c:pt idx="290">
                  <c:v>1558.483328</c:v>
                </c:pt>
                <c:pt idx="291">
                  <c:v>1560.4121439999999</c:v>
                </c:pt>
                <c:pt idx="292">
                  <c:v>1562.34096</c:v>
                </c:pt>
                <c:pt idx="293">
                  <c:v>1564.2697760000001</c:v>
                </c:pt>
                <c:pt idx="294">
                  <c:v>1566.198592</c:v>
                </c:pt>
                <c:pt idx="295">
                  <c:v>1568.1274080000001</c:v>
                </c:pt>
                <c:pt idx="296">
                  <c:v>1570.0562239999999</c:v>
                </c:pt>
                <c:pt idx="297">
                  <c:v>1571.98504</c:v>
                </c:pt>
                <c:pt idx="298">
                  <c:v>1573.9138559999999</c:v>
                </c:pt>
                <c:pt idx="299">
                  <c:v>1575.842672</c:v>
                </c:pt>
                <c:pt idx="300">
                  <c:v>1577.7714880000001</c:v>
                </c:pt>
                <c:pt idx="301">
                  <c:v>1579.700304</c:v>
                </c:pt>
                <c:pt idx="302">
                  <c:v>1581.6291200000001</c:v>
                </c:pt>
                <c:pt idx="303">
                  <c:v>1583.5579359999999</c:v>
                </c:pt>
                <c:pt idx="304">
                  <c:v>1585.486752</c:v>
                </c:pt>
                <c:pt idx="305">
                  <c:v>1587.4155679999999</c:v>
                </c:pt>
                <c:pt idx="306">
                  <c:v>1589.344384</c:v>
                </c:pt>
                <c:pt idx="307">
                  <c:v>1591.2732000000001</c:v>
                </c:pt>
                <c:pt idx="308">
                  <c:v>1593.202016</c:v>
                </c:pt>
                <c:pt idx="309">
                  <c:v>1595.1308320000001</c:v>
                </c:pt>
                <c:pt idx="310">
                  <c:v>1597.0596479999999</c:v>
                </c:pt>
                <c:pt idx="311">
                  <c:v>1598.988464</c:v>
                </c:pt>
                <c:pt idx="312">
                  <c:v>1600.9172799999999</c:v>
                </c:pt>
                <c:pt idx="313">
                  <c:v>1602.846096</c:v>
                </c:pt>
                <c:pt idx="314">
                  <c:v>1604.7749120000001</c:v>
                </c:pt>
                <c:pt idx="315">
                  <c:v>1606.703728</c:v>
                </c:pt>
                <c:pt idx="316">
                  <c:v>1608.6325440000001</c:v>
                </c:pt>
                <c:pt idx="317">
                  <c:v>1610.5613599999999</c:v>
                </c:pt>
                <c:pt idx="318">
                  <c:v>1612.490176</c:v>
                </c:pt>
                <c:pt idx="319">
                  <c:v>1614.4189919999999</c:v>
                </c:pt>
                <c:pt idx="320">
                  <c:v>1616.347808</c:v>
                </c:pt>
                <c:pt idx="321">
                  <c:v>1618.2766240000001</c:v>
                </c:pt>
                <c:pt idx="322">
                  <c:v>1620.20544</c:v>
                </c:pt>
                <c:pt idx="323">
                  <c:v>1622.1342560000001</c:v>
                </c:pt>
                <c:pt idx="324">
                  <c:v>1624.0630719999999</c:v>
                </c:pt>
                <c:pt idx="325">
                  <c:v>1625.991888</c:v>
                </c:pt>
                <c:pt idx="326">
                  <c:v>1627.9207039999999</c:v>
                </c:pt>
                <c:pt idx="327">
                  <c:v>1629.84952</c:v>
                </c:pt>
                <c:pt idx="328">
                  <c:v>1631.7783360000001</c:v>
                </c:pt>
                <c:pt idx="329">
                  <c:v>1633.707152</c:v>
                </c:pt>
                <c:pt idx="330">
                  <c:v>1635.635968</c:v>
                </c:pt>
                <c:pt idx="331">
                  <c:v>1637.5647839999999</c:v>
                </c:pt>
                <c:pt idx="332">
                  <c:v>1639.4936</c:v>
                </c:pt>
                <c:pt idx="333">
                  <c:v>1641.4224160000001</c:v>
                </c:pt>
                <c:pt idx="334">
                  <c:v>1643.351232</c:v>
                </c:pt>
                <c:pt idx="335">
                  <c:v>1645.2800480000001</c:v>
                </c:pt>
                <c:pt idx="336">
                  <c:v>1647.2088639999999</c:v>
                </c:pt>
                <c:pt idx="337">
                  <c:v>1649.13768</c:v>
                </c:pt>
                <c:pt idx="338">
                  <c:v>1651.0664959999999</c:v>
                </c:pt>
                <c:pt idx="339">
                  <c:v>1652.995312</c:v>
                </c:pt>
                <c:pt idx="340">
                  <c:v>1654.9241280000001</c:v>
                </c:pt>
                <c:pt idx="341">
                  <c:v>1656.852944</c:v>
                </c:pt>
                <c:pt idx="342">
                  <c:v>1658.7817600000001</c:v>
                </c:pt>
                <c:pt idx="343">
                  <c:v>1660.7105759999999</c:v>
                </c:pt>
                <c:pt idx="344">
                  <c:v>1662.639392</c:v>
                </c:pt>
                <c:pt idx="345">
                  <c:v>1664.5682079999999</c:v>
                </c:pt>
                <c:pt idx="346">
                  <c:v>1666.497024</c:v>
                </c:pt>
                <c:pt idx="347">
                  <c:v>1668.4258400000001</c:v>
                </c:pt>
                <c:pt idx="348">
                  <c:v>1670.354656</c:v>
                </c:pt>
                <c:pt idx="349">
                  <c:v>1672.2834720000001</c:v>
                </c:pt>
                <c:pt idx="350">
                  <c:v>1674.2122879999999</c:v>
                </c:pt>
                <c:pt idx="351">
                  <c:v>1676.141104</c:v>
                </c:pt>
                <c:pt idx="352">
                  <c:v>1678.0699199999999</c:v>
                </c:pt>
                <c:pt idx="353">
                  <c:v>1679.998736</c:v>
                </c:pt>
                <c:pt idx="354">
                  <c:v>1681.9275520000001</c:v>
                </c:pt>
                <c:pt idx="355">
                  <c:v>1683.856368</c:v>
                </c:pt>
                <c:pt idx="356">
                  <c:v>1685.7851840000001</c:v>
                </c:pt>
                <c:pt idx="357">
                  <c:v>1687.7139999999999</c:v>
                </c:pt>
                <c:pt idx="358">
                  <c:v>1689.642816</c:v>
                </c:pt>
                <c:pt idx="359">
                  <c:v>1691.5716319999999</c:v>
                </c:pt>
                <c:pt idx="360">
                  <c:v>1693.500448</c:v>
                </c:pt>
                <c:pt idx="361">
                  <c:v>1695.4292640000001</c:v>
                </c:pt>
                <c:pt idx="362">
                  <c:v>1697.35808</c:v>
                </c:pt>
                <c:pt idx="363">
                  <c:v>1699.2868960000001</c:v>
                </c:pt>
                <c:pt idx="364">
                  <c:v>1701.2157119999999</c:v>
                </c:pt>
                <c:pt idx="365">
                  <c:v>1703.144528</c:v>
                </c:pt>
                <c:pt idx="366">
                  <c:v>1705.0733439999999</c:v>
                </c:pt>
                <c:pt idx="367">
                  <c:v>1707.00216</c:v>
                </c:pt>
                <c:pt idx="368">
                  <c:v>1708.9309760000001</c:v>
                </c:pt>
                <c:pt idx="369">
                  <c:v>1710.859792</c:v>
                </c:pt>
                <c:pt idx="370">
                  <c:v>1712.7886080000001</c:v>
                </c:pt>
                <c:pt idx="371">
                  <c:v>1714.7174239999999</c:v>
                </c:pt>
                <c:pt idx="372">
                  <c:v>1716.64624</c:v>
                </c:pt>
                <c:pt idx="373">
                  <c:v>1718.5750559999999</c:v>
                </c:pt>
                <c:pt idx="374">
                  <c:v>1720.503872</c:v>
                </c:pt>
                <c:pt idx="375">
                  <c:v>1722.4326880000001</c:v>
                </c:pt>
                <c:pt idx="376">
                  <c:v>1724.361504</c:v>
                </c:pt>
                <c:pt idx="377">
                  <c:v>1726.2903200000001</c:v>
                </c:pt>
                <c:pt idx="378">
                  <c:v>1728.2191359999999</c:v>
                </c:pt>
                <c:pt idx="379">
                  <c:v>1730.147952</c:v>
                </c:pt>
                <c:pt idx="380">
                  <c:v>1732.0767679999999</c:v>
                </c:pt>
                <c:pt idx="381">
                  <c:v>1734.005584</c:v>
                </c:pt>
                <c:pt idx="382">
                  <c:v>1735.9344000000001</c:v>
                </c:pt>
                <c:pt idx="383">
                  <c:v>1737.863216</c:v>
                </c:pt>
                <c:pt idx="384">
                  <c:v>1739.7920320000001</c:v>
                </c:pt>
                <c:pt idx="385">
                  <c:v>1741.7208479999999</c:v>
                </c:pt>
                <c:pt idx="386">
                  <c:v>1743.649664</c:v>
                </c:pt>
                <c:pt idx="387">
                  <c:v>1745.5784799999999</c:v>
                </c:pt>
                <c:pt idx="388">
                  <c:v>1747.507296</c:v>
                </c:pt>
                <c:pt idx="389">
                  <c:v>1749.4361120000001</c:v>
                </c:pt>
                <c:pt idx="390">
                  <c:v>1751.364928</c:v>
                </c:pt>
                <c:pt idx="391">
                  <c:v>1753.2937440000001</c:v>
                </c:pt>
                <c:pt idx="392">
                  <c:v>1755.2225599999999</c:v>
                </c:pt>
                <c:pt idx="393">
                  <c:v>1757.151376</c:v>
                </c:pt>
                <c:pt idx="394">
                  <c:v>1759.0801919999999</c:v>
                </c:pt>
                <c:pt idx="395">
                  <c:v>1761.009008</c:v>
                </c:pt>
                <c:pt idx="396">
                  <c:v>1762.9378240000001</c:v>
                </c:pt>
                <c:pt idx="397">
                  <c:v>1764.86664</c:v>
                </c:pt>
                <c:pt idx="398">
                  <c:v>1766.7954560000001</c:v>
                </c:pt>
                <c:pt idx="399">
                  <c:v>1768.7242719999999</c:v>
                </c:pt>
                <c:pt idx="400">
                  <c:v>1770.653088</c:v>
                </c:pt>
                <c:pt idx="401">
                  <c:v>1772.5819039999999</c:v>
                </c:pt>
                <c:pt idx="402">
                  <c:v>1774.51072</c:v>
                </c:pt>
                <c:pt idx="403">
                  <c:v>1776.4395360000001</c:v>
                </c:pt>
                <c:pt idx="404">
                  <c:v>1778.368352</c:v>
                </c:pt>
                <c:pt idx="405">
                  <c:v>1780.2971680000001</c:v>
                </c:pt>
                <c:pt idx="406">
                  <c:v>1782.2259839999999</c:v>
                </c:pt>
                <c:pt idx="407">
                  <c:v>1784.1548</c:v>
                </c:pt>
                <c:pt idx="408">
                  <c:v>1786.0836159999999</c:v>
                </c:pt>
                <c:pt idx="409">
                  <c:v>1788.012432</c:v>
                </c:pt>
                <c:pt idx="410">
                  <c:v>1789.9412480000001</c:v>
                </c:pt>
                <c:pt idx="411">
                  <c:v>1791.870064</c:v>
                </c:pt>
                <c:pt idx="412">
                  <c:v>1793.7988800000001</c:v>
                </c:pt>
                <c:pt idx="413">
                  <c:v>1795.7276959999999</c:v>
                </c:pt>
                <c:pt idx="414">
                  <c:v>1797.656512</c:v>
                </c:pt>
                <c:pt idx="415">
                  <c:v>1799.5853279999999</c:v>
                </c:pt>
                <c:pt idx="416">
                  <c:v>1801.514144</c:v>
                </c:pt>
                <c:pt idx="417">
                  <c:v>1803.4429600000001</c:v>
                </c:pt>
                <c:pt idx="418">
                  <c:v>1805.371776</c:v>
                </c:pt>
                <c:pt idx="419">
                  <c:v>1807.3005920000001</c:v>
                </c:pt>
                <c:pt idx="420">
                  <c:v>1809.2294079999999</c:v>
                </c:pt>
                <c:pt idx="421">
                  <c:v>1811.158224</c:v>
                </c:pt>
                <c:pt idx="422">
                  <c:v>1813.0870399999999</c:v>
                </c:pt>
                <c:pt idx="423">
                  <c:v>1815.015856</c:v>
                </c:pt>
                <c:pt idx="424">
                  <c:v>1816.9446720000001</c:v>
                </c:pt>
                <c:pt idx="425">
                  <c:v>1818.873488</c:v>
                </c:pt>
                <c:pt idx="426">
                  <c:v>1820.802304</c:v>
                </c:pt>
                <c:pt idx="427">
                  <c:v>1822.7311199999999</c:v>
                </c:pt>
                <c:pt idx="428">
                  <c:v>1824.659936</c:v>
                </c:pt>
                <c:pt idx="429">
                  <c:v>1826.5887520000001</c:v>
                </c:pt>
                <c:pt idx="430">
                  <c:v>1828.517568</c:v>
                </c:pt>
                <c:pt idx="431">
                  <c:v>1830.4463840000001</c:v>
                </c:pt>
                <c:pt idx="432">
                  <c:v>1832.3751999999999</c:v>
                </c:pt>
                <c:pt idx="433">
                  <c:v>1834.304016</c:v>
                </c:pt>
                <c:pt idx="434">
                  <c:v>1836.2328319999999</c:v>
                </c:pt>
                <c:pt idx="435">
                  <c:v>1838.161648</c:v>
                </c:pt>
                <c:pt idx="436">
                  <c:v>1840.0904640000001</c:v>
                </c:pt>
                <c:pt idx="437">
                  <c:v>1842.01928</c:v>
                </c:pt>
                <c:pt idx="438">
                  <c:v>1843.9480960000001</c:v>
                </c:pt>
                <c:pt idx="439">
                  <c:v>1845.8769119999999</c:v>
                </c:pt>
                <c:pt idx="440">
                  <c:v>1847.805728</c:v>
                </c:pt>
                <c:pt idx="441">
                  <c:v>1849.7345439999999</c:v>
                </c:pt>
                <c:pt idx="442">
                  <c:v>1851.66336</c:v>
                </c:pt>
                <c:pt idx="443">
                  <c:v>1853.5921760000001</c:v>
                </c:pt>
                <c:pt idx="444">
                  <c:v>1855.520992</c:v>
                </c:pt>
                <c:pt idx="445">
                  <c:v>1857.4498080000001</c:v>
                </c:pt>
                <c:pt idx="446">
                  <c:v>1859.3786239999999</c:v>
                </c:pt>
                <c:pt idx="447">
                  <c:v>1861.30744</c:v>
                </c:pt>
                <c:pt idx="448">
                  <c:v>1863.2362559999999</c:v>
                </c:pt>
                <c:pt idx="449">
                  <c:v>1865.165072</c:v>
                </c:pt>
                <c:pt idx="450">
                  <c:v>1867.0938880000001</c:v>
                </c:pt>
                <c:pt idx="451">
                  <c:v>1869.022704</c:v>
                </c:pt>
                <c:pt idx="452">
                  <c:v>1870.9515200000001</c:v>
                </c:pt>
                <c:pt idx="453">
                  <c:v>1872.8803359999999</c:v>
                </c:pt>
                <c:pt idx="454">
                  <c:v>1874.809152</c:v>
                </c:pt>
                <c:pt idx="455">
                  <c:v>1876.7379679999999</c:v>
                </c:pt>
                <c:pt idx="456">
                  <c:v>1878.666784</c:v>
                </c:pt>
                <c:pt idx="457">
                  <c:v>1880.5956000000001</c:v>
                </c:pt>
                <c:pt idx="458">
                  <c:v>1882.524416</c:v>
                </c:pt>
                <c:pt idx="459">
                  <c:v>1884.4532320000001</c:v>
                </c:pt>
                <c:pt idx="460">
                  <c:v>1886.3820479999999</c:v>
                </c:pt>
                <c:pt idx="461">
                  <c:v>1888.310864</c:v>
                </c:pt>
                <c:pt idx="462">
                  <c:v>1890.2396799999999</c:v>
                </c:pt>
                <c:pt idx="463">
                  <c:v>1892.168496</c:v>
                </c:pt>
                <c:pt idx="464">
                  <c:v>1894.0973120000001</c:v>
                </c:pt>
                <c:pt idx="465">
                  <c:v>1896.026128</c:v>
                </c:pt>
                <c:pt idx="466">
                  <c:v>1897.9549440000001</c:v>
                </c:pt>
                <c:pt idx="467">
                  <c:v>1899.8837599999999</c:v>
                </c:pt>
                <c:pt idx="468">
                  <c:v>1901.812576</c:v>
                </c:pt>
                <c:pt idx="469">
                  <c:v>1903.7413919999999</c:v>
                </c:pt>
                <c:pt idx="470">
                  <c:v>1905.670208</c:v>
                </c:pt>
                <c:pt idx="471">
                  <c:v>1907.5990240000001</c:v>
                </c:pt>
                <c:pt idx="472">
                  <c:v>1909.52784</c:v>
                </c:pt>
                <c:pt idx="473">
                  <c:v>1911.4566560000001</c:v>
                </c:pt>
                <c:pt idx="474">
                  <c:v>1913.3854719999999</c:v>
                </c:pt>
                <c:pt idx="475">
                  <c:v>1915.314288</c:v>
                </c:pt>
                <c:pt idx="476">
                  <c:v>1917.2431039999999</c:v>
                </c:pt>
                <c:pt idx="477">
                  <c:v>1919.17192</c:v>
                </c:pt>
                <c:pt idx="478">
                  <c:v>1921.1007360000001</c:v>
                </c:pt>
                <c:pt idx="479">
                  <c:v>1923.029552</c:v>
                </c:pt>
                <c:pt idx="480">
                  <c:v>1924.9583680000001</c:v>
                </c:pt>
                <c:pt idx="481">
                  <c:v>1926.8871839999999</c:v>
                </c:pt>
                <c:pt idx="482">
                  <c:v>1928.816</c:v>
                </c:pt>
                <c:pt idx="483">
                  <c:v>1930.7448159999999</c:v>
                </c:pt>
                <c:pt idx="484">
                  <c:v>1932.673632</c:v>
                </c:pt>
                <c:pt idx="485">
                  <c:v>1934.6024480000001</c:v>
                </c:pt>
                <c:pt idx="486">
                  <c:v>1936.531264</c:v>
                </c:pt>
                <c:pt idx="487">
                  <c:v>1938.4600800000001</c:v>
                </c:pt>
                <c:pt idx="488">
                  <c:v>1940.3888959999999</c:v>
                </c:pt>
                <c:pt idx="489">
                  <c:v>1942.317712</c:v>
                </c:pt>
                <c:pt idx="490">
                  <c:v>1944.2465279999999</c:v>
                </c:pt>
                <c:pt idx="491">
                  <c:v>1946.175344</c:v>
                </c:pt>
                <c:pt idx="492">
                  <c:v>1948.1041600000001</c:v>
                </c:pt>
                <c:pt idx="493">
                  <c:v>1950.032976</c:v>
                </c:pt>
                <c:pt idx="494">
                  <c:v>1951.9617920000001</c:v>
                </c:pt>
                <c:pt idx="495">
                  <c:v>1953.8906079999999</c:v>
                </c:pt>
                <c:pt idx="496">
                  <c:v>1955.819424</c:v>
                </c:pt>
                <c:pt idx="497">
                  <c:v>1957.7482399999999</c:v>
                </c:pt>
                <c:pt idx="498">
                  <c:v>1959.677056</c:v>
                </c:pt>
                <c:pt idx="499">
                  <c:v>1961.6058720000001</c:v>
                </c:pt>
                <c:pt idx="500">
                  <c:v>1963.534688</c:v>
                </c:pt>
                <c:pt idx="501">
                  <c:v>1965.4635040000001</c:v>
                </c:pt>
                <c:pt idx="502">
                  <c:v>1967.3923199999999</c:v>
                </c:pt>
                <c:pt idx="503">
                  <c:v>1969.321136</c:v>
                </c:pt>
                <c:pt idx="504">
                  <c:v>1971.2499519999999</c:v>
                </c:pt>
                <c:pt idx="505">
                  <c:v>1973.178768</c:v>
                </c:pt>
                <c:pt idx="506">
                  <c:v>1975.1075840000001</c:v>
                </c:pt>
                <c:pt idx="507">
                  <c:v>1977.0364</c:v>
                </c:pt>
                <c:pt idx="508">
                  <c:v>1978.9652160000001</c:v>
                </c:pt>
                <c:pt idx="509">
                  <c:v>1980.8940319999999</c:v>
                </c:pt>
                <c:pt idx="510">
                  <c:v>1982.822848</c:v>
                </c:pt>
                <c:pt idx="511">
                  <c:v>1984.7516639999999</c:v>
                </c:pt>
                <c:pt idx="512">
                  <c:v>1986.68048</c:v>
                </c:pt>
                <c:pt idx="513">
                  <c:v>1988.6092960000001</c:v>
                </c:pt>
                <c:pt idx="514">
                  <c:v>1990.538112</c:v>
                </c:pt>
                <c:pt idx="515">
                  <c:v>1992.4669280000001</c:v>
                </c:pt>
                <c:pt idx="516">
                  <c:v>1994.3957439999999</c:v>
                </c:pt>
                <c:pt idx="517">
                  <c:v>1996.32456</c:v>
                </c:pt>
                <c:pt idx="518">
                  <c:v>1998.2533759999999</c:v>
                </c:pt>
                <c:pt idx="519">
                  <c:v>2000.182192</c:v>
                </c:pt>
                <c:pt idx="520">
                  <c:v>2002.1110080000001</c:v>
                </c:pt>
                <c:pt idx="521">
                  <c:v>2004.039824</c:v>
                </c:pt>
                <c:pt idx="522">
                  <c:v>2005.9686400000001</c:v>
                </c:pt>
                <c:pt idx="523">
                  <c:v>2007.8974559999999</c:v>
                </c:pt>
                <c:pt idx="524">
                  <c:v>2009.826272</c:v>
                </c:pt>
                <c:pt idx="525">
                  <c:v>2011.7550879999999</c:v>
                </c:pt>
                <c:pt idx="526">
                  <c:v>2013.683904</c:v>
                </c:pt>
                <c:pt idx="527">
                  <c:v>2015.6127200000001</c:v>
                </c:pt>
                <c:pt idx="528">
                  <c:v>2017.541536</c:v>
                </c:pt>
                <c:pt idx="529">
                  <c:v>2019.470352</c:v>
                </c:pt>
                <c:pt idx="530">
                  <c:v>2021.3991679999999</c:v>
                </c:pt>
                <c:pt idx="531">
                  <c:v>2023.327984</c:v>
                </c:pt>
                <c:pt idx="532">
                  <c:v>2025.2568000000001</c:v>
                </c:pt>
                <c:pt idx="533">
                  <c:v>2027.185616</c:v>
                </c:pt>
                <c:pt idx="534">
                  <c:v>2029.1144320000001</c:v>
                </c:pt>
                <c:pt idx="535">
                  <c:v>2031.0432479999999</c:v>
                </c:pt>
                <c:pt idx="536">
                  <c:v>2032.972064</c:v>
                </c:pt>
                <c:pt idx="537">
                  <c:v>2034.9008799999999</c:v>
                </c:pt>
                <c:pt idx="538">
                  <c:v>2036.829696</c:v>
                </c:pt>
                <c:pt idx="539">
                  <c:v>2038.7585120000001</c:v>
                </c:pt>
                <c:pt idx="540">
                  <c:v>2040.687328</c:v>
                </c:pt>
                <c:pt idx="541">
                  <c:v>2042.6161440000001</c:v>
                </c:pt>
                <c:pt idx="542">
                  <c:v>2044.5449599999999</c:v>
                </c:pt>
                <c:pt idx="543">
                  <c:v>2046.473776</c:v>
                </c:pt>
                <c:pt idx="544">
                  <c:v>2048.4025919999999</c:v>
                </c:pt>
                <c:pt idx="545">
                  <c:v>2050.331408</c:v>
                </c:pt>
                <c:pt idx="546">
                  <c:v>2052.2602240000001</c:v>
                </c:pt>
                <c:pt idx="547">
                  <c:v>2054.1890400000002</c:v>
                </c:pt>
                <c:pt idx="548">
                  <c:v>2056.1178559999998</c:v>
                </c:pt>
                <c:pt idx="549">
                  <c:v>2058.0466719999999</c:v>
                </c:pt>
                <c:pt idx="550">
                  <c:v>2059.975488</c:v>
                </c:pt>
                <c:pt idx="551">
                  <c:v>2061.9043040000001</c:v>
                </c:pt>
                <c:pt idx="552">
                  <c:v>2063.8331199999998</c:v>
                </c:pt>
                <c:pt idx="553">
                  <c:v>2065.7619359999999</c:v>
                </c:pt>
                <c:pt idx="554">
                  <c:v>2067.690752</c:v>
                </c:pt>
                <c:pt idx="555">
                  <c:v>2069.6195680000001</c:v>
                </c:pt>
                <c:pt idx="556">
                  <c:v>2071.5483840000002</c:v>
                </c:pt>
                <c:pt idx="557">
                  <c:v>2073.4771999999998</c:v>
                </c:pt>
                <c:pt idx="558">
                  <c:v>2075.4060159999999</c:v>
                </c:pt>
                <c:pt idx="559">
                  <c:v>2077.334832</c:v>
                </c:pt>
                <c:pt idx="560">
                  <c:v>2079.2636480000001</c:v>
                </c:pt>
                <c:pt idx="561">
                  <c:v>2081.1924640000002</c:v>
                </c:pt>
                <c:pt idx="562">
                  <c:v>2083.1212799999998</c:v>
                </c:pt>
                <c:pt idx="563">
                  <c:v>2085.0500959999999</c:v>
                </c:pt>
                <c:pt idx="564">
                  <c:v>2086.978912</c:v>
                </c:pt>
                <c:pt idx="565">
                  <c:v>2088.9077280000001</c:v>
                </c:pt>
                <c:pt idx="566">
                  <c:v>2090.8365439999998</c:v>
                </c:pt>
                <c:pt idx="567">
                  <c:v>2092.7653599999999</c:v>
                </c:pt>
                <c:pt idx="568">
                  <c:v>2094.694176</c:v>
                </c:pt>
                <c:pt idx="569">
                  <c:v>2096.6229920000001</c:v>
                </c:pt>
                <c:pt idx="570">
                  <c:v>2098.5518080000002</c:v>
                </c:pt>
                <c:pt idx="571">
                  <c:v>2100.4806239999998</c:v>
                </c:pt>
                <c:pt idx="572">
                  <c:v>2102.4094399999999</c:v>
                </c:pt>
                <c:pt idx="573">
                  <c:v>2104.338256</c:v>
                </c:pt>
                <c:pt idx="574">
                  <c:v>2106.2670720000001</c:v>
                </c:pt>
                <c:pt idx="575">
                  <c:v>2108.1958880000002</c:v>
                </c:pt>
                <c:pt idx="576">
                  <c:v>2110.1247039999998</c:v>
                </c:pt>
                <c:pt idx="577">
                  <c:v>2112.0535199999999</c:v>
                </c:pt>
                <c:pt idx="578">
                  <c:v>2113.982336</c:v>
                </c:pt>
                <c:pt idx="579">
                  <c:v>2115.9111520000001</c:v>
                </c:pt>
                <c:pt idx="580">
                  <c:v>2117.8399680000002</c:v>
                </c:pt>
                <c:pt idx="581">
                  <c:v>2119.7687839999999</c:v>
                </c:pt>
                <c:pt idx="582">
                  <c:v>2121.6976</c:v>
                </c:pt>
                <c:pt idx="583">
                  <c:v>2123.6264160000001</c:v>
                </c:pt>
                <c:pt idx="584">
                  <c:v>2125.5552320000002</c:v>
                </c:pt>
                <c:pt idx="585">
                  <c:v>2127.4840479999998</c:v>
                </c:pt>
                <c:pt idx="586">
                  <c:v>2129.4128639999999</c:v>
                </c:pt>
                <c:pt idx="587">
                  <c:v>2131.34168</c:v>
                </c:pt>
                <c:pt idx="588">
                  <c:v>2133.2704960000001</c:v>
                </c:pt>
                <c:pt idx="589">
                  <c:v>2135.1993120000002</c:v>
                </c:pt>
                <c:pt idx="590">
                  <c:v>2137.1281279999998</c:v>
                </c:pt>
                <c:pt idx="591">
                  <c:v>2139.0569439999999</c:v>
                </c:pt>
                <c:pt idx="592">
                  <c:v>2140.98576</c:v>
                </c:pt>
                <c:pt idx="593">
                  <c:v>2142.9145760000001</c:v>
                </c:pt>
                <c:pt idx="594">
                  <c:v>2144.8433920000002</c:v>
                </c:pt>
                <c:pt idx="595">
                  <c:v>2146.7722079999999</c:v>
                </c:pt>
                <c:pt idx="596">
                  <c:v>2148.701024</c:v>
                </c:pt>
                <c:pt idx="597">
                  <c:v>2150.6298400000001</c:v>
                </c:pt>
                <c:pt idx="598">
                  <c:v>2152.5586560000002</c:v>
                </c:pt>
                <c:pt idx="599">
                  <c:v>2154.4874719999998</c:v>
                </c:pt>
                <c:pt idx="600">
                  <c:v>2156.4162879999999</c:v>
                </c:pt>
                <c:pt idx="601">
                  <c:v>2158.345104</c:v>
                </c:pt>
                <c:pt idx="602">
                  <c:v>2160.2739200000001</c:v>
                </c:pt>
                <c:pt idx="603">
                  <c:v>2162.2027360000002</c:v>
                </c:pt>
                <c:pt idx="604">
                  <c:v>2164.1315519999998</c:v>
                </c:pt>
                <c:pt idx="605">
                  <c:v>2166.0603679999999</c:v>
                </c:pt>
                <c:pt idx="606">
                  <c:v>2167.989184</c:v>
                </c:pt>
                <c:pt idx="607">
                  <c:v>2169.9180000000001</c:v>
                </c:pt>
                <c:pt idx="608">
                  <c:v>2171.8468160000002</c:v>
                </c:pt>
                <c:pt idx="609">
                  <c:v>2173.7756319999999</c:v>
                </c:pt>
                <c:pt idx="610">
                  <c:v>2175.704448</c:v>
                </c:pt>
                <c:pt idx="611">
                  <c:v>2177.6332640000001</c:v>
                </c:pt>
                <c:pt idx="612">
                  <c:v>2179.5620800000002</c:v>
                </c:pt>
                <c:pt idx="613">
                  <c:v>2181.4908959999998</c:v>
                </c:pt>
                <c:pt idx="614">
                  <c:v>2183.4197119999999</c:v>
                </c:pt>
                <c:pt idx="615">
                  <c:v>2185.348528</c:v>
                </c:pt>
                <c:pt idx="616">
                  <c:v>2187.2773440000001</c:v>
                </c:pt>
                <c:pt idx="617">
                  <c:v>2189.2061600000002</c:v>
                </c:pt>
                <c:pt idx="618">
                  <c:v>2191.1349759999998</c:v>
                </c:pt>
                <c:pt idx="619">
                  <c:v>2193.0637919999999</c:v>
                </c:pt>
                <c:pt idx="620">
                  <c:v>2194.992608</c:v>
                </c:pt>
                <c:pt idx="621">
                  <c:v>2196.9214240000001</c:v>
                </c:pt>
                <c:pt idx="622">
                  <c:v>2198.8502400000002</c:v>
                </c:pt>
                <c:pt idx="623">
                  <c:v>2200.7790559999999</c:v>
                </c:pt>
                <c:pt idx="624">
                  <c:v>2202.707872</c:v>
                </c:pt>
                <c:pt idx="625">
                  <c:v>2204.636688</c:v>
                </c:pt>
                <c:pt idx="626">
                  <c:v>2206.5655040000001</c:v>
                </c:pt>
                <c:pt idx="627">
                  <c:v>2208.4943199999998</c:v>
                </c:pt>
                <c:pt idx="628">
                  <c:v>2210.4231359999999</c:v>
                </c:pt>
                <c:pt idx="629">
                  <c:v>2212.351952</c:v>
                </c:pt>
                <c:pt idx="630">
                  <c:v>2214.2807680000001</c:v>
                </c:pt>
                <c:pt idx="631">
                  <c:v>2216.2095840000002</c:v>
                </c:pt>
                <c:pt idx="632">
                  <c:v>2218.1383999999998</c:v>
                </c:pt>
                <c:pt idx="633">
                  <c:v>2220.0672159999999</c:v>
                </c:pt>
                <c:pt idx="634">
                  <c:v>2221.996032</c:v>
                </c:pt>
                <c:pt idx="635">
                  <c:v>2223.9248480000001</c:v>
                </c:pt>
                <c:pt idx="636">
                  <c:v>2225.8536640000002</c:v>
                </c:pt>
                <c:pt idx="637">
                  <c:v>2227.7824799999999</c:v>
                </c:pt>
                <c:pt idx="638">
                  <c:v>2229.7112959999999</c:v>
                </c:pt>
                <c:pt idx="639">
                  <c:v>2231.640112</c:v>
                </c:pt>
                <c:pt idx="640">
                  <c:v>2233.5689280000001</c:v>
                </c:pt>
                <c:pt idx="641">
                  <c:v>2235.4977439999998</c:v>
                </c:pt>
                <c:pt idx="642">
                  <c:v>2237.4265599999999</c:v>
                </c:pt>
                <c:pt idx="643">
                  <c:v>2239.355376</c:v>
                </c:pt>
                <c:pt idx="644">
                  <c:v>2241.2841920000001</c:v>
                </c:pt>
                <c:pt idx="645">
                  <c:v>2243.2130080000002</c:v>
                </c:pt>
                <c:pt idx="646">
                  <c:v>2245.1418239999998</c:v>
                </c:pt>
                <c:pt idx="647">
                  <c:v>2247.0706399999999</c:v>
                </c:pt>
                <c:pt idx="648">
                  <c:v>2248.999456</c:v>
                </c:pt>
                <c:pt idx="649">
                  <c:v>2250.9282720000001</c:v>
                </c:pt>
                <c:pt idx="650">
                  <c:v>2252.8570880000002</c:v>
                </c:pt>
                <c:pt idx="651">
                  <c:v>2254.7859039999998</c:v>
                </c:pt>
                <c:pt idx="652">
                  <c:v>2256.7147199999999</c:v>
                </c:pt>
                <c:pt idx="653">
                  <c:v>2258.643536</c:v>
                </c:pt>
                <c:pt idx="654">
                  <c:v>2260.5723520000001</c:v>
                </c:pt>
                <c:pt idx="655">
                  <c:v>2262.5011679999998</c:v>
                </c:pt>
                <c:pt idx="656">
                  <c:v>2264.4299839999999</c:v>
                </c:pt>
                <c:pt idx="657">
                  <c:v>2266.3588</c:v>
                </c:pt>
                <c:pt idx="658">
                  <c:v>2268.2876160000001</c:v>
                </c:pt>
                <c:pt idx="659">
                  <c:v>2270.2164320000002</c:v>
                </c:pt>
                <c:pt idx="660">
                  <c:v>2272.1452479999998</c:v>
                </c:pt>
                <c:pt idx="661">
                  <c:v>2274.0740639999999</c:v>
                </c:pt>
                <c:pt idx="662">
                  <c:v>2276.00288</c:v>
                </c:pt>
                <c:pt idx="663">
                  <c:v>2277.9316960000001</c:v>
                </c:pt>
                <c:pt idx="664">
                  <c:v>2279.8605120000002</c:v>
                </c:pt>
                <c:pt idx="665">
                  <c:v>2281.7893279999998</c:v>
                </c:pt>
                <c:pt idx="666">
                  <c:v>2283.7181439999999</c:v>
                </c:pt>
                <c:pt idx="667">
                  <c:v>2285.64696</c:v>
                </c:pt>
                <c:pt idx="668">
                  <c:v>2287.5757760000001</c:v>
                </c:pt>
                <c:pt idx="669">
                  <c:v>2289.5045919999998</c:v>
                </c:pt>
                <c:pt idx="670">
                  <c:v>2291.4334079999999</c:v>
                </c:pt>
                <c:pt idx="671">
                  <c:v>2293.362224</c:v>
                </c:pt>
                <c:pt idx="672">
                  <c:v>2295.2910400000001</c:v>
                </c:pt>
                <c:pt idx="673">
                  <c:v>2297.2198560000002</c:v>
                </c:pt>
                <c:pt idx="674">
                  <c:v>2299.1486719999998</c:v>
                </c:pt>
                <c:pt idx="675">
                  <c:v>2301.0774879999999</c:v>
                </c:pt>
                <c:pt idx="676">
                  <c:v>2303.006304</c:v>
                </c:pt>
                <c:pt idx="677">
                  <c:v>2304.9351200000001</c:v>
                </c:pt>
                <c:pt idx="678">
                  <c:v>2306.8639360000002</c:v>
                </c:pt>
                <c:pt idx="679">
                  <c:v>2308.7927519999998</c:v>
                </c:pt>
                <c:pt idx="680">
                  <c:v>2310.7215679999999</c:v>
                </c:pt>
                <c:pt idx="681">
                  <c:v>2312.650384</c:v>
                </c:pt>
                <c:pt idx="682">
                  <c:v>2314.5792000000001</c:v>
                </c:pt>
                <c:pt idx="683">
                  <c:v>2316.5080160000002</c:v>
                </c:pt>
                <c:pt idx="684">
                  <c:v>2318.4368319999999</c:v>
                </c:pt>
                <c:pt idx="685">
                  <c:v>2320.365648</c:v>
                </c:pt>
                <c:pt idx="686">
                  <c:v>2322.2944640000001</c:v>
                </c:pt>
                <c:pt idx="687">
                  <c:v>2324.2232800000002</c:v>
                </c:pt>
                <c:pt idx="688">
                  <c:v>2326.1520959999998</c:v>
                </c:pt>
                <c:pt idx="689">
                  <c:v>2328.0809119999999</c:v>
                </c:pt>
                <c:pt idx="690">
                  <c:v>2330.009728</c:v>
                </c:pt>
                <c:pt idx="691">
                  <c:v>2331.9385440000001</c:v>
                </c:pt>
                <c:pt idx="692">
                  <c:v>2333.8673600000002</c:v>
                </c:pt>
                <c:pt idx="693">
                  <c:v>2335.7961759999998</c:v>
                </c:pt>
                <c:pt idx="694">
                  <c:v>2337.7249919999999</c:v>
                </c:pt>
                <c:pt idx="695">
                  <c:v>2339.653808</c:v>
                </c:pt>
                <c:pt idx="696">
                  <c:v>2341.5826240000001</c:v>
                </c:pt>
                <c:pt idx="697">
                  <c:v>2343.5114400000002</c:v>
                </c:pt>
                <c:pt idx="698">
                  <c:v>2345.4402559999999</c:v>
                </c:pt>
                <c:pt idx="699">
                  <c:v>2347.369072</c:v>
                </c:pt>
                <c:pt idx="700">
                  <c:v>2349.2978880000001</c:v>
                </c:pt>
                <c:pt idx="701">
                  <c:v>2351.2267040000002</c:v>
                </c:pt>
                <c:pt idx="702">
                  <c:v>2353.1555199999998</c:v>
                </c:pt>
                <c:pt idx="703">
                  <c:v>2355.0843359999999</c:v>
                </c:pt>
                <c:pt idx="704">
                  <c:v>2357.013152</c:v>
                </c:pt>
                <c:pt idx="705">
                  <c:v>2358.9419680000001</c:v>
                </c:pt>
                <c:pt idx="706">
                  <c:v>2360.8707840000002</c:v>
                </c:pt>
                <c:pt idx="707">
                  <c:v>2362.7995999999998</c:v>
                </c:pt>
                <c:pt idx="708">
                  <c:v>2364.7284159999999</c:v>
                </c:pt>
                <c:pt idx="709">
                  <c:v>2366.657232</c:v>
                </c:pt>
                <c:pt idx="710">
                  <c:v>2368.5860480000001</c:v>
                </c:pt>
                <c:pt idx="711">
                  <c:v>2370.5148640000002</c:v>
                </c:pt>
                <c:pt idx="712">
                  <c:v>2372.4436799999999</c:v>
                </c:pt>
                <c:pt idx="713">
                  <c:v>2374.372496</c:v>
                </c:pt>
                <c:pt idx="714">
                  <c:v>2376.3013120000001</c:v>
                </c:pt>
                <c:pt idx="715">
                  <c:v>2378.2301280000001</c:v>
                </c:pt>
                <c:pt idx="716">
                  <c:v>2380.1589439999998</c:v>
                </c:pt>
                <c:pt idx="717">
                  <c:v>2382.0877599999999</c:v>
                </c:pt>
                <c:pt idx="718">
                  <c:v>2384.016576</c:v>
                </c:pt>
                <c:pt idx="719">
                  <c:v>2385.9453920000001</c:v>
                </c:pt>
                <c:pt idx="720">
                  <c:v>2387.8742080000002</c:v>
                </c:pt>
                <c:pt idx="721">
                  <c:v>2389.8030239999998</c:v>
                </c:pt>
                <c:pt idx="722">
                  <c:v>2391.7318399999999</c:v>
                </c:pt>
                <c:pt idx="723">
                  <c:v>2393.660656</c:v>
                </c:pt>
                <c:pt idx="724">
                  <c:v>2395.5894720000001</c:v>
                </c:pt>
                <c:pt idx="725">
                  <c:v>2397.5182880000002</c:v>
                </c:pt>
                <c:pt idx="726">
                  <c:v>2399.4471039999999</c:v>
                </c:pt>
                <c:pt idx="727">
                  <c:v>2401.37592</c:v>
                </c:pt>
                <c:pt idx="728">
                  <c:v>2403.304736</c:v>
                </c:pt>
                <c:pt idx="729">
                  <c:v>2405.2335520000001</c:v>
                </c:pt>
                <c:pt idx="730">
                  <c:v>2407.1623679999998</c:v>
                </c:pt>
                <c:pt idx="731">
                  <c:v>2409.0911839999999</c:v>
                </c:pt>
                <c:pt idx="732">
                  <c:v>2411.02</c:v>
                </c:pt>
                <c:pt idx="733">
                  <c:v>2412.9488160000001</c:v>
                </c:pt>
                <c:pt idx="734">
                  <c:v>2414.8776320000002</c:v>
                </c:pt>
                <c:pt idx="735">
                  <c:v>2416.8064479999998</c:v>
                </c:pt>
                <c:pt idx="736">
                  <c:v>2418.7352639999999</c:v>
                </c:pt>
                <c:pt idx="737">
                  <c:v>2420.66408</c:v>
                </c:pt>
                <c:pt idx="738">
                  <c:v>2422.5928960000001</c:v>
                </c:pt>
                <c:pt idx="739">
                  <c:v>2424.5217120000002</c:v>
                </c:pt>
                <c:pt idx="740">
                  <c:v>2426.4505279999998</c:v>
                </c:pt>
                <c:pt idx="741">
                  <c:v>2428.3793439999999</c:v>
                </c:pt>
                <c:pt idx="742">
                  <c:v>2430.30816</c:v>
                </c:pt>
                <c:pt idx="743">
                  <c:v>2432.2369760000001</c:v>
                </c:pt>
                <c:pt idx="744">
                  <c:v>2434.1657919999998</c:v>
                </c:pt>
                <c:pt idx="745">
                  <c:v>2436.0946079999999</c:v>
                </c:pt>
                <c:pt idx="746">
                  <c:v>2438.023424</c:v>
                </c:pt>
                <c:pt idx="747">
                  <c:v>2439.9522400000001</c:v>
                </c:pt>
                <c:pt idx="748">
                  <c:v>2441.8810560000002</c:v>
                </c:pt>
                <c:pt idx="749">
                  <c:v>2443.8098719999998</c:v>
                </c:pt>
                <c:pt idx="750">
                  <c:v>2445.7386879999999</c:v>
                </c:pt>
                <c:pt idx="751">
                  <c:v>2447.667504</c:v>
                </c:pt>
                <c:pt idx="752">
                  <c:v>2449.5963200000001</c:v>
                </c:pt>
                <c:pt idx="753">
                  <c:v>2451.5251360000002</c:v>
                </c:pt>
                <c:pt idx="754">
                  <c:v>2453.4539519999998</c:v>
                </c:pt>
                <c:pt idx="755">
                  <c:v>2455.3827679999999</c:v>
                </c:pt>
                <c:pt idx="756">
                  <c:v>2457.311584</c:v>
                </c:pt>
                <c:pt idx="757">
                  <c:v>2459.2404000000001</c:v>
                </c:pt>
                <c:pt idx="758">
                  <c:v>2461.1692159999998</c:v>
                </c:pt>
                <c:pt idx="759">
                  <c:v>2463.0980319999999</c:v>
                </c:pt>
                <c:pt idx="760">
                  <c:v>2465.026848</c:v>
                </c:pt>
                <c:pt idx="761">
                  <c:v>2466.9556640000001</c:v>
                </c:pt>
                <c:pt idx="762">
                  <c:v>2468.8844800000002</c:v>
                </c:pt>
                <c:pt idx="763">
                  <c:v>2470.8132959999998</c:v>
                </c:pt>
                <c:pt idx="764">
                  <c:v>2472.7421119999999</c:v>
                </c:pt>
                <c:pt idx="765">
                  <c:v>2474.670928</c:v>
                </c:pt>
                <c:pt idx="766">
                  <c:v>2476.5997440000001</c:v>
                </c:pt>
                <c:pt idx="767">
                  <c:v>2478.5285600000002</c:v>
                </c:pt>
                <c:pt idx="768">
                  <c:v>2480.4573759999998</c:v>
                </c:pt>
                <c:pt idx="769">
                  <c:v>2482.3861919999999</c:v>
                </c:pt>
                <c:pt idx="770">
                  <c:v>2484.315008</c:v>
                </c:pt>
                <c:pt idx="771">
                  <c:v>2486.2438240000001</c:v>
                </c:pt>
                <c:pt idx="772">
                  <c:v>2488.1726399999998</c:v>
                </c:pt>
                <c:pt idx="773">
                  <c:v>2490.1014559999999</c:v>
                </c:pt>
                <c:pt idx="774">
                  <c:v>2492.030272</c:v>
                </c:pt>
                <c:pt idx="775">
                  <c:v>2493.9590880000001</c:v>
                </c:pt>
                <c:pt idx="776">
                  <c:v>2495.8879040000002</c:v>
                </c:pt>
                <c:pt idx="777">
                  <c:v>2497.8167199999998</c:v>
                </c:pt>
                <c:pt idx="778">
                  <c:v>2499.7455359999999</c:v>
                </c:pt>
                <c:pt idx="779">
                  <c:v>2501.674352</c:v>
                </c:pt>
                <c:pt idx="780">
                  <c:v>2503.6031680000001</c:v>
                </c:pt>
                <c:pt idx="781">
                  <c:v>2505.5319840000002</c:v>
                </c:pt>
                <c:pt idx="782">
                  <c:v>2507.4607999999998</c:v>
                </c:pt>
                <c:pt idx="783">
                  <c:v>2509.3896159999999</c:v>
                </c:pt>
                <c:pt idx="784">
                  <c:v>2511.318432</c:v>
                </c:pt>
                <c:pt idx="785">
                  <c:v>2513.2472480000001</c:v>
                </c:pt>
                <c:pt idx="786">
                  <c:v>2515.1760640000002</c:v>
                </c:pt>
                <c:pt idx="787">
                  <c:v>2517.1048799999999</c:v>
                </c:pt>
                <c:pt idx="788">
                  <c:v>2519.033696</c:v>
                </c:pt>
                <c:pt idx="789">
                  <c:v>2520.9625120000001</c:v>
                </c:pt>
                <c:pt idx="790">
                  <c:v>2522.8913280000002</c:v>
                </c:pt>
                <c:pt idx="791">
                  <c:v>2524.8201439999998</c:v>
                </c:pt>
                <c:pt idx="792">
                  <c:v>2526.7489599999999</c:v>
                </c:pt>
                <c:pt idx="793">
                  <c:v>2528.677776</c:v>
                </c:pt>
                <c:pt idx="794">
                  <c:v>2530.6065920000001</c:v>
                </c:pt>
                <c:pt idx="795">
                  <c:v>2532.5354080000002</c:v>
                </c:pt>
                <c:pt idx="796">
                  <c:v>2534.4642239999998</c:v>
                </c:pt>
                <c:pt idx="797">
                  <c:v>2536.3930399999999</c:v>
                </c:pt>
                <c:pt idx="798">
                  <c:v>2538.321856</c:v>
                </c:pt>
                <c:pt idx="799">
                  <c:v>2540.2506720000001</c:v>
                </c:pt>
                <c:pt idx="800">
                  <c:v>2542.1794880000002</c:v>
                </c:pt>
                <c:pt idx="801">
                  <c:v>2544.1083039999999</c:v>
                </c:pt>
                <c:pt idx="802">
                  <c:v>2546.03712</c:v>
                </c:pt>
                <c:pt idx="803">
                  <c:v>2547.9659360000001</c:v>
                </c:pt>
                <c:pt idx="804">
                  <c:v>2549.8947520000002</c:v>
                </c:pt>
                <c:pt idx="805">
                  <c:v>2551.8235679999998</c:v>
                </c:pt>
                <c:pt idx="806">
                  <c:v>2553.7523839999999</c:v>
                </c:pt>
                <c:pt idx="807">
                  <c:v>2555.6812</c:v>
                </c:pt>
                <c:pt idx="808">
                  <c:v>2557.6100160000001</c:v>
                </c:pt>
                <c:pt idx="809">
                  <c:v>2559.5388320000002</c:v>
                </c:pt>
                <c:pt idx="810">
                  <c:v>2561.4676479999998</c:v>
                </c:pt>
                <c:pt idx="811">
                  <c:v>2563.3964639999999</c:v>
                </c:pt>
                <c:pt idx="812">
                  <c:v>2565.32528</c:v>
                </c:pt>
                <c:pt idx="813">
                  <c:v>2567.2540960000001</c:v>
                </c:pt>
                <c:pt idx="814">
                  <c:v>2569.1829120000002</c:v>
                </c:pt>
                <c:pt idx="815">
                  <c:v>2571.1117279999999</c:v>
                </c:pt>
                <c:pt idx="816">
                  <c:v>2573.040544</c:v>
                </c:pt>
                <c:pt idx="817">
                  <c:v>2574.9693600000001</c:v>
                </c:pt>
                <c:pt idx="818">
                  <c:v>2576.8981760000001</c:v>
                </c:pt>
                <c:pt idx="819">
                  <c:v>2578.8269919999998</c:v>
                </c:pt>
                <c:pt idx="820">
                  <c:v>2580.7558079999999</c:v>
                </c:pt>
                <c:pt idx="821">
                  <c:v>2582.684624</c:v>
                </c:pt>
                <c:pt idx="822">
                  <c:v>2584.6134400000001</c:v>
                </c:pt>
                <c:pt idx="823">
                  <c:v>2586.5422560000002</c:v>
                </c:pt>
                <c:pt idx="824">
                  <c:v>2588.4710719999998</c:v>
                </c:pt>
                <c:pt idx="825">
                  <c:v>2590.3998879999999</c:v>
                </c:pt>
                <c:pt idx="826">
                  <c:v>2592.328704</c:v>
                </c:pt>
                <c:pt idx="827">
                  <c:v>2594.2575200000001</c:v>
                </c:pt>
                <c:pt idx="828">
                  <c:v>2596.1863360000002</c:v>
                </c:pt>
                <c:pt idx="829">
                  <c:v>2598.1151519999999</c:v>
                </c:pt>
                <c:pt idx="830">
                  <c:v>2600.0439679999999</c:v>
                </c:pt>
                <c:pt idx="831">
                  <c:v>2601.972784</c:v>
                </c:pt>
                <c:pt idx="832">
                  <c:v>2603.9016000000001</c:v>
                </c:pt>
                <c:pt idx="833">
                  <c:v>2605.8304159999998</c:v>
                </c:pt>
                <c:pt idx="834">
                  <c:v>2607.7592319999999</c:v>
                </c:pt>
                <c:pt idx="835">
                  <c:v>2609.688048</c:v>
                </c:pt>
                <c:pt idx="836">
                  <c:v>2611.6168640000001</c:v>
                </c:pt>
                <c:pt idx="837">
                  <c:v>2613.5456800000002</c:v>
                </c:pt>
                <c:pt idx="838">
                  <c:v>2615.4744959999998</c:v>
                </c:pt>
                <c:pt idx="839">
                  <c:v>2617.4033119999999</c:v>
                </c:pt>
                <c:pt idx="840">
                  <c:v>2619.332128</c:v>
                </c:pt>
                <c:pt idx="841">
                  <c:v>2621.2609440000001</c:v>
                </c:pt>
                <c:pt idx="842">
                  <c:v>2623.1897600000002</c:v>
                </c:pt>
                <c:pt idx="843">
                  <c:v>2625.1185759999998</c:v>
                </c:pt>
                <c:pt idx="844">
                  <c:v>2627.0473919999999</c:v>
                </c:pt>
                <c:pt idx="845">
                  <c:v>2628.976208</c:v>
                </c:pt>
                <c:pt idx="846">
                  <c:v>2630.9050240000001</c:v>
                </c:pt>
                <c:pt idx="847">
                  <c:v>2632.8338399999998</c:v>
                </c:pt>
                <c:pt idx="848">
                  <c:v>2634.7626559999999</c:v>
                </c:pt>
                <c:pt idx="849">
                  <c:v>2636.691472</c:v>
                </c:pt>
                <c:pt idx="850">
                  <c:v>2638.6202880000001</c:v>
                </c:pt>
                <c:pt idx="851">
                  <c:v>2640.5491040000002</c:v>
                </c:pt>
                <c:pt idx="852">
                  <c:v>2642.4779199999998</c:v>
                </c:pt>
                <c:pt idx="853">
                  <c:v>2644.4067359999999</c:v>
                </c:pt>
                <c:pt idx="854">
                  <c:v>2646.335552</c:v>
                </c:pt>
                <c:pt idx="855">
                  <c:v>2648.2643680000001</c:v>
                </c:pt>
                <c:pt idx="856">
                  <c:v>2650.1931840000002</c:v>
                </c:pt>
                <c:pt idx="857">
                  <c:v>2652.1219999999998</c:v>
                </c:pt>
                <c:pt idx="858">
                  <c:v>2654.0508159999999</c:v>
                </c:pt>
                <c:pt idx="859">
                  <c:v>2655.979632</c:v>
                </c:pt>
                <c:pt idx="860">
                  <c:v>2657.9084480000001</c:v>
                </c:pt>
                <c:pt idx="861">
                  <c:v>2659.8372639999998</c:v>
                </c:pt>
                <c:pt idx="862">
                  <c:v>2661.7660799999999</c:v>
                </c:pt>
                <c:pt idx="863">
                  <c:v>2663.694896</c:v>
                </c:pt>
                <c:pt idx="864">
                  <c:v>2665.6237120000001</c:v>
                </c:pt>
                <c:pt idx="865">
                  <c:v>2667.5525280000002</c:v>
                </c:pt>
                <c:pt idx="866">
                  <c:v>2669.4813439999998</c:v>
                </c:pt>
                <c:pt idx="867">
                  <c:v>2671.4101599999999</c:v>
                </c:pt>
                <c:pt idx="868">
                  <c:v>2673.338976</c:v>
                </c:pt>
                <c:pt idx="869">
                  <c:v>2675.2677920000001</c:v>
                </c:pt>
                <c:pt idx="870">
                  <c:v>2677.1966080000002</c:v>
                </c:pt>
                <c:pt idx="871">
                  <c:v>2679.1254239999998</c:v>
                </c:pt>
                <c:pt idx="872">
                  <c:v>2681.0542399999999</c:v>
                </c:pt>
                <c:pt idx="873">
                  <c:v>2682.983056</c:v>
                </c:pt>
                <c:pt idx="874">
                  <c:v>2684.9118720000001</c:v>
                </c:pt>
                <c:pt idx="875">
                  <c:v>2686.8406880000002</c:v>
                </c:pt>
                <c:pt idx="876">
                  <c:v>2688.7695039999999</c:v>
                </c:pt>
                <c:pt idx="877">
                  <c:v>2690.69832</c:v>
                </c:pt>
                <c:pt idx="878">
                  <c:v>2692.6271360000001</c:v>
                </c:pt>
                <c:pt idx="879">
                  <c:v>2694.5559520000002</c:v>
                </c:pt>
                <c:pt idx="880">
                  <c:v>2696.4847679999998</c:v>
                </c:pt>
                <c:pt idx="881">
                  <c:v>2698.4135839999999</c:v>
                </c:pt>
                <c:pt idx="882">
                  <c:v>2700.3424</c:v>
                </c:pt>
                <c:pt idx="883">
                  <c:v>2702.2712160000001</c:v>
                </c:pt>
                <c:pt idx="884">
                  <c:v>2704.2000320000002</c:v>
                </c:pt>
                <c:pt idx="885">
                  <c:v>2706.1288479999998</c:v>
                </c:pt>
                <c:pt idx="886">
                  <c:v>2708.0576639999999</c:v>
                </c:pt>
                <c:pt idx="887">
                  <c:v>2709.98648</c:v>
                </c:pt>
                <c:pt idx="888">
                  <c:v>2711.9152960000001</c:v>
                </c:pt>
                <c:pt idx="889">
                  <c:v>2713.8441120000002</c:v>
                </c:pt>
                <c:pt idx="890">
                  <c:v>2715.7729279999999</c:v>
                </c:pt>
                <c:pt idx="891">
                  <c:v>2717.701744</c:v>
                </c:pt>
                <c:pt idx="892">
                  <c:v>2719.6305600000001</c:v>
                </c:pt>
                <c:pt idx="893">
                  <c:v>2721.5593760000002</c:v>
                </c:pt>
                <c:pt idx="894">
                  <c:v>2723.4881919999998</c:v>
                </c:pt>
                <c:pt idx="895">
                  <c:v>2725.4170079999999</c:v>
                </c:pt>
                <c:pt idx="896">
                  <c:v>2727.345824</c:v>
                </c:pt>
                <c:pt idx="897">
                  <c:v>2729.2746400000001</c:v>
                </c:pt>
                <c:pt idx="898">
                  <c:v>2731.2034560000002</c:v>
                </c:pt>
                <c:pt idx="899">
                  <c:v>2733.1322719999998</c:v>
                </c:pt>
                <c:pt idx="900">
                  <c:v>2735.0610879999999</c:v>
                </c:pt>
                <c:pt idx="901">
                  <c:v>2736.989904</c:v>
                </c:pt>
                <c:pt idx="902">
                  <c:v>2738.9187200000001</c:v>
                </c:pt>
                <c:pt idx="903">
                  <c:v>2740.8475360000002</c:v>
                </c:pt>
                <c:pt idx="904">
                  <c:v>2742.7763519999999</c:v>
                </c:pt>
                <c:pt idx="905">
                  <c:v>2744.705168</c:v>
                </c:pt>
                <c:pt idx="906">
                  <c:v>2746.6339840000001</c:v>
                </c:pt>
                <c:pt idx="907">
                  <c:v>2748.5628000000002</c:v>
                </c:pt>
                <c:pt idx="908">
                  <c:v>2750.4916159999998</c:v>
                </c:pt>
                <c:pt idx="909">
                  <c:v>2752.4204319999999</c:v>
                </c:pt>
                <c:pt idx="910">
                  <c:v>2754.349248</c:v>
                </c:pt>
                <c:pt idx="911">
                  <c:v>2756.2780640000001</c:v>
                </c:pt>
                <c:pt idx="912">
                  <c:v>2758.2068800000002</c:v>
                </c:pt>
                <c:pt idx="913">
                  <c:v>2760.1356959999998</c:v>
                </c:pt>
                <c:pt idx="914">
                  <c:v>2762.0645119999999</c:v>
                </c:pt>
                <c:pt idx="915">
                  <c:v>2763.993328</c:v>
                </c:pt>
                <c:pt idx="916">
                  <c:v>2765.9221440000001</c:v>
                </c:pt>
                <c:pt idx="917">
                  <c:v>2767.8509600000002</c:v>
                </c:pt>
                <c:pt idx="918">
                  <c:v>2769.7797759999999</c:v>
                </c:pt>
                <c:pt idx="919">
                  <c:v>2771.708592</c:v>
                </c:pt>
                <c:pt idx="920">
                  <c:v>2773.6374080000001</c:v>
                </c:pt>
                <c:pt idx="921">
                  <c:v>2775.5662240000001</c:v>
                </c:pt>
                <c:pt idx="922">
                  <c:v>2777.4950399999998</c:v>
                </c:pt>
                <c:pt idx="923">
                  <c:v>2779.4238559999999</c:v>
                </c:pt>
                <c:pt idx="924">
                  <c:v>2781.352672</c:v>
                </c:pt>
                <c:pt idx="925">
                  <c:v>2783.2814880000001</c:v>
                </c:pt>
                <c:pt idx="926">
                  <c:v>2785.2103040000002</c:v>
                </c:pt>
                <c:pt idx="927">
                  <c:v>2787.1391199999998</c:v>
                </c:pt>
                <c:pt idx="928">
                  <c:v>2789.0679359999999</c:v>
                </c:pt>
                <c:pt idx="929">
                  <c:v>2790.996752</c:v>
                </c:pt>
                <c:pt idx="930">
                  <c:v>2792.9255680000001</c:v>
                </c:pt>
                <c:pt idx="931">
                  <c:v>2794.8543840000002</c:v>
                </c:pt>
                <c:pt idx="932">
                  <c:v>2796.7831999999999</c:v>
                </c:pt>
                <c:pt idx="933">
                  <c:v>2798.7120159999999</c:v>
                </c:pt>
                <c:pt idx="934">
                  <c:v>2800.640832</c:v>
                </c:pt>
                <c:pt idx="935">
                  <c:v>2802.5696480000001</c:v>
                </c:pt>
                <c:pt idx="936">
                  <c:v>2804.4984639999998</c:v>
                </c:pt>
                <c:pt idx="937">
                  <c:v>2806.4272799999999</c:v>
                </c:pt>
                <c:pt idx="938">
                  <c:v>2808.356096</c:v>
                </c:pt>
                <c:pt idx="939">
                  <c:v>2810.2849120000001</c:v>
                </c:pt>
                <c:pt idx="940">
                  <c:v>2812.2137280000002</c:v>
                </c:pt>
                <c:pt idx="941">
                  <c:v>2814.1425439999998</c:v>
                </c:pt>
                <c:pt idx="942">
                  <c:v>2816.0713599999999</c:v>
                </c:pt>
                <c:pt idx="943">
                  <c:v>2818.000176</c:v>
                </c:pt>
                <c:pt idx="944">
                  <c:v>2819.9289920000001</c:v>
                </c:pt>
                <c:pt idx="945">
                  <c:v>2821.8578080000002</c:v>
                </c:pt>
                <c:pt idx="946">
                  <c:v>2823.7866239999998</c:v>
                </c:pt>
                <c:pt idx="947">
                  <c:v>2825.7154399999999</c:v>
                </c:pt>
                <c:pt idx="948">
                  <c:v>2827.644256</c:v>
                </c:pt>
                <c:pt idx="949">
                  <c:v>2829.5730720000001</c:v>
                </c:pt>
                <c:pt idx="950">
                  <c:v>2831.5018879999998</c:v>
                </c:pt>
                <c:pt idx="951">
                  <c:v>2833.4307039999999</c:v>
                </c:pt>
                <c:pt idx="952">
                  <c:v>2835.35952</c:v>
                </c:pt>
                <c:pt idx="953">
                  <c:v>2837.2883360000001</c:v>
                </c:pt>
                <c:pt idx="954">
                  <c:v>2839.2171520000002</c:v>
                </c:pt>
                <c:pt idx="955">
                  <c:v>2841.1459679999998</c:v>
                </c:pt>
                <c:pt idx="956">
                  <c:v>2843.0747839999999</c:v>
                </c:pt>
                <c:pt idx="957">
                  <c:v>2845.0036</c:v>
                </c:pt>
                <c:pt idx="958">
                  <c:v>2846.9324160000001</c:v>
                </c:pt>
                <c:pt idx="959">
                  <c:v>2848.8612320000002</c:v>
                </c:pt>
                <c:pt idx="960">
                  <c:v>2850.7900479999998</c:v>
                </c:pt>
                <c:pt idx="961">
                  <c:v>2852.7188639999999</c:v>
                </c:pt>
                <c:pt idx="962">
                  <c:v>2854.64768</c:v>
                </c:pt>
                <c:pt idx="963">
                  <c:v>2856.5764960000001</c:v>
                </c:pt>
                <c:pt idx="964">
                  <c:v>2858.5053119999998</c:v>
                </c:pt>
                <c:pt idx="965">
                  <c:v>2860.4341279999999</c:v>
                </c:pt>
                <c:pt idx="966">
                  <c:v>2862.362944</c:v>
                </c:pt>
                <c:pt idx="967">
                  <c:v>2864.2917600000001</c:v>
                </c:pt>
                <c:pt idx="968">
                  <c:v>2866.2205760000002</c:v>
                </c:pt>
                <c:pt idx="969">
                  <c:v>2868.1493919999998</c:v>
                </c:pt>
                <c:pt idx="970">
                  <c:v>2870.0782079999999</c:v>
                </c:pt>
                <c:pt idx="971">
                  <c:v>2872.007024</c:v>
                </c:pt>
                <c:pt idx="972">
                  <c:v>2873.9358400000001</c:v>
                </c:pt>
                <c:pt idx="973">
                  <c:v>2875.8646560000002</c:v>
                </c:pt>
                <c:pt idx="974">
                  <c:v>2877.7934719999998</c:v>
                </c:pt>
                <c:pt idx="975">
                  <c:v>2879.7222879999999</c:v>
                </c:pt>
                <c:pt idx="976">
                  <c:v>2881.651104</c:v>
                </c:pt>
                <c:pt idx="977">
                  <c:v>2883.5799200000001</c:v>
                </c:pt>
                <c:pt idx="978">
                  <c:v>2885.5087360000002</c:v>
                </c:pt>
                <c:pt idx="979">
                  <c:v>2887.4375519999999</c:v>
                </c:pt>
                <c:pt idx="980">
                  <c:v>2889.366368</c:v>
                </c:pt>
                <c:pt idx="981">
                  <c:v>2891.2951840000001</c:v>
                </c:pt>
                <c:pt idx="982">
                  <c:v>2893.2240000000002</c:v>
                </c:pt>
                <c:pt idx="983">
                  <c:v>2895.1528159999998</c:v>
                </c:pt>
                <c:pt idx="984">
                  <c:v>2897.0816319999999</c:v>
                </c:pt>
                <c:pt idx="985">
                  <c:v>2899.010448</c:v>
                </c:pt>
                <c:pt idx="986">
                  <c:v>2900.9392640000001</c:v>
                </c:pt>
                <c:pt idx="987">
                  <c:v>2902.8680800000002</c:v>
                </c:pt>
                <c:pt idx="988">
                  <c:v>2904.7968959999998</c:v>
                </c:pt>
                <c:pt idx="989">
                  <c:v>2906.7257119999999</c:v>
                </c:pt>
                <c:pt idx="990">
                  <c:v>2908.654528</c:v>
                </c:pt>
                <c:pt idx="991">
                  <c:v>2910.5833440000001</c:v>
                </c:pt>
                <c:pt idx="992">
                  <c:v>2912.5121600000002</c:v>
                </c:pt>
                <c:pt idx="993">
                  <c:v>2914.4409759999999</c:v>
                </c:pt>
                <c:pt idx="994">
                  <c:v>2916.369792</c:v>
                </c:pt>
                <c:pt idx="995">
                  <c:v>2918.2986080000001</c:v>
                </c:pt>
                <c:pt idx="996">
                  <c:v>2920.2274240000002</c:v>
                </c:pt>
                <c:pt idx="997">
                  <c:v>2922.1562399999998</c:v>
                </c:pt>
                <c:pt idx="998">
                  <c:v>2924.0850559999999</c:v>
                </c:pt>
                <c:pt idx="999">
                  <c:v>2926.013872</c:v>
                </c:pt>
                <c:pt idx="1000">
                  <c:v>2927.9426880000001</c:v>
                </c:pt>
                <c:pt idx="1001">
                  <c:v>2929.8715040000002</c:v>
                </c:pt>
                <c:pt idx="1002">
                  <c:v>2931.8003199999998</c:v>
                </c:pt>
                <c:pt idx="1003">
                  <c:v>2933.7291359999999</c:v>
                </c:pt>
                <c:pt idx="1004">
                  <c:v>2935.657952</c:v>
                </c:pt>
                <c:pt idx="1005">
                  <c:v>2937.5867680000001</c:v>
                </c:pt>
                <c:pt idx="1006">
                  <c:v>2939.5155840000002</c:v>
                </c:pt>
                <c:pt idx="1007">
                  <c:v>2941.4443999999999</c:v>
                </c:pt>
                <c:pt idx="1008">
                  <c:v>2943.373216</c:v>
                </c:pt>
                <c:pt idx="1009">
                  <c:v>2945.3020320000001</c:v>
                </c:pt>
                <c:pt idx="1010">
                  <c:v>2947.2308480000002</c:v>
                </c:pt>
                <c:pt idx="1011">
                  <c:v>2949.1596639999998</c:v>
                </c:pt>
                <c:pt idx="1012">
                  <c:v>2951.0884799999999</c:v>
                </c:pt>
                <c:pt idx="1013">
                  <c:v>2953.017296</c:v>
                </c:pt>
                <c:pt idx="1014">
                  <c:v>2954.9461120000001</c:v>
                </c:pt>
                <c:pt idx="1015">
                  <c:v>2956.8749280000002</c:v>
                </c:pt>
                <c:pt idx="1016">
                  <c:v>2958.8037439999998</c:v>
                </c:pt>
                <c:pt idx="1017">
                  <c:v>2960.7325599999999</c:v>
                </c:pt>
                <c:pt idx="1018">
                  <c:v>2962.661376</c:v>
                </c:pt>
                <c:pt idx="1019">
                  <c:v>2964.5901920000001</c:v>
                </c:pt>
                <c:pt idx="1020">
                  <c:v>2966.5190080000002</c:v>
                </c:pt>
                <c:pt idx="1021">
                  <c:v>2968.4478239999999</c:v>
                </c:pt>
                <c:pt idx="1022">
                  <c:v>2970.37664</c:v>
                </c:pt>
                <c:pt idx="1023">
                  <c:v>2972.305456</c:v>
                </c:pt>
                <c:pt idx="1024">
                  <c:v>2974.2342720000001</c:v>
                </c:pt>
                <c:pt idx="1025">
                  <c:v>2976.1630879999998</c:v>
                </c:pt>
                <c:pt idx="1026">
                  <c:v>2978.0919039999999</c:v>
                </c:pt>
                <c:pt idx="1027">
                  <c:v>2980.02072</c:v>
                </c:pt>
                <c:pt idx="1028">
                  <c:v>2981.9495360000001</c:v>
                </c:pt>
                <c:pt idx="1029">
                  <c:v>2983.8783520000002</c:v>
                </c:pt>
                <c:pt idx="1030">
                  <c:v>2985.8071679999998</c:v>
                </c:pt>
                <c:pt idx="1031">
                  <c:v>2987.7359839999999</c:v>
                </c:pt>
                <c:pt idx="1032">
                  <c:v>2989.6648</c:v>
                </c:pt>
                <c:pt idx="1033">
                  <c:v>2991.5936160000001</c:v>
                </c:pt>
                <c:pt idx="1034">
                  <c:v>2993.5224320000002</c:v>
                </c:pt>
                <c:pt idx="1035">
                  <c:v>2995.4512479999999</c:v>
                </c:pt>
                <c:pt idx="1036">
                  <c:v>2997.3800639999999</c:v>
                </c:pt>
                <c:pt idx="1037">
                  <c:v>2999.30888</c:v>
                </c:pt>
                <c:pt idx="1038">
                  <c:v>3001.2376960000001</c:v>
                </c:pt>
                <c:pt idx="1039">
                  <c:v>3003.1665119999998</c:v>
                </c:pt>
                <c:pt idx="1040">
                  <c:v>3005.0953279999999</c:v>
                </c:pt>
                <c:pt idx="1041">
                  <c:v>3007.024144</c:v>
                </c:pt>
                <c:pt idx="1042">
                  <c:v>3008.9529600000001</c:v>
                </c:pt>
                <c:pt idx="1043">
                  <c:v>3010.8817760000002</c:v>
                </c:pt>
                <c:pt idx="1044">
                  <c:v>3012.8105919999998</c:v>
                </c:pt>
                <c:pt idx="1045">
                  <c:v>3014.7394079999999</c:v>
                </c:pt>
                <c:pt idx="1046">
                  <c:v>3016.668224</c:v>
                </c:pt>
                <c:pt idx="1047">
                  <c:v>3018.5970400000001</c:v>
                </c:pt>
                <c:pt idx="1048">
                  <c:v>3020.5258560000002</c:v>
                </c:pt>
                <c:pt idx="1049">
                  <c:v>3022.4546719999998</c:v>
                </c:pt>
                <c:pt idx="1050">
                  <c:v>3024.3834879999999</c:v>
                </c:pt>
                <c:pt idx="1051">
                  <c:v>3026.312304</c:v>
                </c:pt>
                <c:pt idx="1052">
                  <c:v>3028.2411200000001</c:v>
                </c:pt>
                <c:pt idx="1053">
                  <c:v>3030.1699359999998</c:v>
                </c:pt>
                <c:pt idx="1054">
                  <c:v>3032.0987519999999</c:v>
                </c:pt>
                <c:pt idx="1055">
                  <c:v>3034.027568</c:v>
                </c:pt>
                <c:pt idx="1056">
                  <c:v>3035.9563840000001</c:v>
                </c:pt>
                <c:pt idx="1057">
                  <c:v>3037.8852000000002</c:v>
                </c:pt>
                <c:pt idx="1058">
                  <c:v>3039.8140159999998</c:v>
                </c:pt>
                <c:pt idx="1059">
                  <c:v>3041.7428319999999</c:v>
                </c:pt>
                <c:pt idx="1060">
                  <c:v>3043.671648</c:v>
                </c:pt>
                <c:pt idx="1061">
                  <c:v>3045.6004640000001</c:v>
                </c:pt>
                <c:pt idx="1062">
                  <c:v>3047.5292800000002</c:v>
                </c:pt>
                <c:pt idx="1063">
                  <c:v>3049.4580959999998</c:v>
                </c:pt>
                <c:pt idx="1064">
                  <c:v>3051.3869119999999</c:v>
                </c:pt>
                <c:pt idx="1065">
                  <c:v>3053.315728</c:v>
                </c:pt>
                <c:pt idx="1066">
                  <c:v>3055.2445440000001</c:v>
                </c:pt>
                <c:pt idx="1067">
                  <c:v>3057.1733599999998</c:v>
                </c:pt>
                <c:pt idx="1068">
                  <c:v>3059.1021759999999</c:v>
                </c:pt>
                <c:pt idx="1069">
                  <c:v>3061.030992</c:v>
                </c:pt>
                <c:pt idx="1070">
                  <c:v>3062.9598080000001</c:v>
                </c:pt>
                <c:pt idx="1071">
                  <c:v>3064.8886240000002</c:v>
                </c:pt>
                <c:pt idx="1072">
                  <c:v>3066.8174399999998</c:v>
                </c:pt>
                <c:pt idx="1073">
                  <c:v>3068.7462559999999</c:v>
                </c:pt>
                <c:pt idx="1074">
                  <c:v>3070.675072</c:v>
                </c:pt>
                <c:pt idx="1075">
                  <c:v>3072.6038880000001</c:v>
                </c:pt>
                <c:pt idx="1076">
                  <c:v>3074.5327040000002</c:v>
                </c:pt>
                <c:pt idx="1077">
                  <c:v>3076.4615199999998</c:v>
                </c:pt>
                <c:pt idx="1078">
                  <c:v>3078.3903359999999</c:v>
                </c:pt>
                <c:pt idx="1079">
                  <c:v>3080.319152</c:v>
                </c:pt>
                <c:pt idx="1080">
                  <c:v>3082.2479680000001</c:v>
                </c:pt>
                <c:pt idx="1081">
                  <c:v>3084.1767840000002</c:v>
                </c:pt>
                <c:pt idx="1082">
                  <c:v>3086.1055999999999</c:v>
                </c:pt>
                <c:pt idx="1083">
                  <c:v>3088.034416</c:v>
                </c:pt>
                <c:pt idx="1084">
                  <c:v>3089.9632320000001</c:v>
                </c:pt>
                <c:pt idx="1085">
                  <c:v>3091.8920480000002</c:v>
                </c:pt>
                <c:pt idx="1086">
                  <c:v>3093.8208639999998</c:v>
                </c:pt>
                <c:pt idx="1087">
                  <c:v>3095.7496799999999</c:v>
                </c:pt>
                <c:pt idx="1088">
                  <c:v>3097.678496</c:v>
                </c:pt>
                <c:pt idx="1089">
                  <c:v>3099.6073120000001</c:v>
                </c:pt>
                <c:pt idx="1090">
                  <c:v>3101.5361280000002</c:v>
                </c:pt>
                <c:pt idx="1091">
                  <c:v>3103.4649439999998</c:v>
                </c:pt>
                <c:pt idx="1092">
                  <c:v>3105.3937599999999</c:v>
                </c:pt>
                <c:pt idx="1093">
                  <c:v>3107.322576</c:v>
                </c:pt>
                <c:pt idx="1094">
                  <c:v>3109.2513920000001</c:v>
                </c:pt>
                <c:pt idx="1095">
                  <c:v>3111.1802080000002</c:v>
                </c:pt>
                <c:pt idx="1096">
                  <c:v>3113.1090239999999</c:v>
                </c:pt>
                <c:pt idx="1097">
                  <c:v>3115.03784</c:v>
                </c:pt>
                <c:pt idx="1098">
                  <c:v>3116.9666560000001</c:v>
                </c:pt>
                <c:pt idx="1099">
                  <c:v>3118.8954720000002</c:v>
                </c:pt>
                <c:pt idx="1100">
                  <c:v>3120.8242879999998</c:v>
                </c:pt>
                <c:pt idx="1101">
                  <c:v>3122.7531039999999</c:v>
                </c:pt>
                <c:pt idx="1102">
                  <c:v>3124.68192</c:v>
                </c:pt>
                <c:pt idx="1103">
                  <c:v>3126.6107360000001</c:v>
                </c:pt>
                <c:pt idx="1104">
                  <c:v>3128.5395520000002</c:v>
                </c:pt>
                <c:pt idx="1105">
                  <c:v>3130.4683679999998</c:v>
                </c:pt>
                <c:pt idx="1106">
                  <c:v>3132.3971839999999</c:v>
                </c:pt>
                <c:pt idx="1107">
                  <c:v>3134.326</c:v>
                </c:pt>
                <c:pt idx="1108">
                  <c:v>3136.2548160000001</c:v>
                </c:pt>
                <c:pt idx="1109">
                  <c:v>3138.1836320000002</c:v>
                </c:pt>
                <c:pt idx="1110">
                  <c:v>3140.1124479999999</c:v>
                </c:pt>
                <c:pt idx="1111">
                  <c:v>3142.041264</c:v>
                </c:pt>
                <c:pt idx="1112">
                  <c:v>3143.9700800000001</c:v>
                </c:pt>
                <c:pt idx="1113">
                  <c:v>3145.8988960000001</c:v>
                </c:pt>
                <c:pt idx="1114">
                  <c:v>3147.8277119999998</c:v>
                </c:pt>
                <c:pt idx="1115">
                  <c:v>3149.7565279999999</c:v>
                </c:pt>
                <c:pt idx="1116">
                  <c:v>3151.685344</c:v>
                </c:pt>
                <c:pt idx="1117">
                  <c:v>3153.6141600000001</c:v>
                </c:pt>
                <c:pt idx="1118">
                  <c:v>3155.5429760000002</c:v>
                </c:pt>
                <c:pt idx="1119">
                  <c:v>3157.4717919999998</c:v>
                </c:pt>
                <c:pt idx="1120">
                  <c:v>3159.4006079999999</c:v>
                </c:pt>
                <c:pt idx="1121">
                  <c:v>3161.329424</c:v>
                </c:pt>
                <c:pt idx="1122">
                  <c:v>3163.2582400000001</c:v>
                </c:pt>
                <c:pt idx="1123">
                  <c:v>3165.1870560000002</c:v>
                </c:pt>
                <c:pt idx="1124">
                  <c:v>3167.1158719999999</c:v>
                </c:pt>
                <c:pt idx="1125">
                  <c:v>3169.044688</c:v>
                </c:pt>
                <c:pt idx="1126">
                  <c:v>3170.973504</c:v>
                </c:pt>
                <c:pt idx="1127">
                  <c:v>3172.9023200000001</c:v>
                </c:pt>
                <c:pt idx="1128">
                  <c:v>3174.8311359999998</c:v>
                </c:pt>
                <c:pt idx="1129">
                  <c:v>3176.7599519999999</c:v>
                </c:pt>
                <c:pt idx="1130">
                  <c:v>3178.688768</c:v>
                </c:pt>
                <c:pt idx="1131">
                  <c:v>3180.6175840000001</c:v>
                </c:pt>
                <c:pt idx="1132">
                  <c:v>3182.5464000000002</c:v>
                </c:pt>
                <c:pt idx="1133">
                  <c:v>3184.4752159999998</c:v>
                </c:pt>
                <c:pt idx="1134">
                  <c:v>3186.4040319999999</c:v>
                </c:pt>
                <c:pt idx="1135">
                  <c:v>3188.332848</c:v>
                </c:pt>
                <c:pt idx="1136">
                  <c:v>3190.2616640000001</c:v>
                </c:pt>
                <c:pt idx="1137">
                  <c:v>3192.1904800000002</c:v>
                </c:pt>
                <c:pt idx="1138">
                  <c:v>3194.1192959999998</c:v>
                </c:pt>
                <c:pt idx="1139">
                  <c:v>3196.0481119999999</c:v>
                </c:pt>
                <c:pt idx="1140">
                  <c:v>3197.976928</c:v>
                </c:pt>
                <c:pt idx="1141">
                  <c:v>3199.9057440000001</c:v>
                </c:pt>
                <c:pt idx="1142">
                  <c:v>3201.8345599999998</c:v>
                </c:pt>
                <c:pt idx="1143">
                  <c:v>3203.7633759999999</c:v>
                </c:pt>
                <c:pt idx="1144">
                  <c:v>3205.692192</c:v>
                </c:pt>
                <c:pt idx="1145">
                  <c:v>3207.6210080000001</c:v>
                </c:pt>
                <c:pt idx="1146">
                  <c:v>3209.5498240000002</c:v>
                </c:pt>
                <c:pt idx="1147">
                  <c:v>3211.4786399999998</c:v>
                </c:pt>
                <c:pt idx="1148">
                  <c:v>3213.4074559999999</c:v>
                </c:pt>
                <c:pt idx="1149">
                  <c:v>3215.336272</c:v>
                </c:pt>
                <c:pt idx="1150">
                  <c:v>3217.2650880000001</c:v>
                </c:pt>
                <c:pt idx="1151">
                  <c:v>3219.1939040000002</c:v>
                </c:pt>
                <c:pt idx="1152">
                  <c:v>3221.1227199999998</c:v>
                </c:pt>
                <c:pt idx="1153">
                  <c:v>3223.0515359999999</c:v>
                </c:pt>
                <c:pt idx="1154">
                  <c:v>3224.980352</c:v>
                </c:pt>
                <c:pt idx="1155">
                  <c:v>3226.9091680000001</c:v>
                </c:pt>
                <c:pt idx="1156">
                  <c:v>3228.8379839999998</c:v>
                </c:pt>
                <c:pt idx="1157">
                  <c:v>3230.7667999999999</c:v>
                </c:pt>
                <c:pt idx="1158">
                  <c:v>3232.695616</c:v>
                </c:pt>
                <c:pt idx="1159">
                  <c:v>3234.6244320000001</c:v>
                </c:pt>
                <c:pt idx="1160">
                  <c:v>3236.5532480000002</c:v>
                </c:pt>
                <c:pt idx="1161">
                  <c:v>3238.4820639999998</c:v>
                </c:pt>
                <c:pt idx="1162">
                  <c:v>3240.4108799999999</c:v>
                </c:pt>
                <c:pt idx="1163">
                  <c:v>3242.339696</c:v>
                </c:pt>
                <c:pt idx="1164">
                  <c:v>3244.2685120000001</c:v>
                </c:pt>
                <c:pt idx="1165">
                  <c:v>3246.1973280000002</c:v>
                </c:pt>
                <c:pt idx="1166">
                  <c:v>3248.1261439999998</c:v>
                </c:pt>
                <c:pt idx="1167">
                  <c:v>3250.0549599999999</c:v>
                </c:pt>
                <c:pt idx="1168">
                  <c:v>3251.983776</c:v>
                </c:pt>
                <c:pt idx="1169">
                  <c:v>3253.9125920000001</c:v>
                </c:pt>
                <c:pt idx="1170">
                  <c:v>3255.8414079999998</c:v>
                </c:pt>
                <c:pt idx="1171">
                  <c:v>3257.7702239999999</c:v>
                </c:pt>
                <c:pt idx="1172">
                  <c:v>3259.69904</c:v>
                </c:pt>
                <c:pt idx="1173">
                  <c:v>3261.6278560000001</c:v>
                </c:pt>
                <c:pt idx="1174">
                  <c:v>3263.5566720000002</c:v>
                </c:pt>
                <c:pt idx="1175">
                  <c:v>3265.4854879999998</c:v>
                </c:pt>
                <c:pt idx="1176">
                  <c:v>3267.4143039999999</c:v>
                </c:pt>
                <c:pt idx="1177">
                  <c:v>3269.34312</c:v>
                </c:pt>
                <c:pt idx="1178">
                  <c:v>3271.2719360000001</c:v>
                </c:pt>
                <c:pt idx="1179">
                  <c:v>3273.2007520000002</c:v>
                </c:pt>
                <c:pt idx="1180">
                  <c:v>3275.1295679999998</c:v>
                </c:pt>
                <c:pt idx="1181">
                  <c:v>3277.0583839999999</c:v>
                </c:pt>
                <c:pt idx="1182">
                  <c:v>3278.9872</c:v>
                </c:pt>
                <c:pt idx="1183">
                  <c:v>3280.9160160000001</c:v>
                </c:pt>
                <c:pt idx="1184">
                  <c:v>3282.8448320000002</c:v>
                </c:pt>
                <c:pt idx="1185">
                  <c:v>3284.7736479999999</c:v>
                </c:pt>
                <c:pt idx="1186">
                  <c:v>3286.702464</c:v>
                </c:pt>
                <c:pt idx="1187">
                  <c:v>3288.6312800000001</c:v>
                </c:pt>
                <c:pt idx="1188">
                  <c:v>3290.5600960000002</c:v>
                </c:pt>
                <c:pt idx="1189">
                  <c:v>3292.4889119999998</c:v>
                </c:pt>
                <c:pt idx="1190">
                  <c:v>3294.4177279999999</c:v>
                </c:pt>
                <c:pt idx="1191">
                  <c:v>3296.346544</c:v>
                </c:pt>
                <c:pt idx="1192">
                  <c:v>3298.2753600000001</c:v>
                </c:pt>
                <c:pt idx="1193">
                  <c:v>3300.2041760000002</c:v>
                </c:pt>
                <c:pt idx="1194">
                  <c:v>3302.1329919999998</c:v>
                </c:pt>
                <c:pt idx="1195">
                  <c:v>3304.0618079999999</c:v>
                </c:pt>
                <c:pt idx="1196">
                  <c:v>3305.990624</c:v>
                </c:pt>
                <c:pt idx="1197">
                  <c:v>3307.9194400000001</c:v>
                </c:pt>
                <c:pt idx="1198">
                  <c:v>3309.8482560000002</c:v>
                </c:pt>
                <c:pt idx="1199">
                  <c:v>3311.7770719999999</c:v>
                </c:pt>
                <c:pt idx="1200">
                  <c:v>3313.705888</c:v>
                </c:pt>
                <c:pt idx="1201">
                  <c:v>3315.6347040000001</c:v>
                </c:pt>
                <c:pt idx="1202">
                  <c:v>3317.5635200000002</c:v>
                </c:pt>
                <c:pt idx="1203">
                  <c:v>3319.4923359999998</c:v>
                </c:pt>
                <c:pt idx="1204">
                  <c:v>3321.4211519999999</c:v>
                </c:pt>
                <c:pt idx="1205">
                  <c:v>3323.349968</c:v>
                </c:pt>
                <c:pt idx="1206">
                  <c:v>3325.2787840000001</c:v>
                </c:pt>
                <c:pt idx="1207">
                  <c:v>3327.2076000000002</c:v>
                </c:pt>
                <c:pt idx="1208">
                  <c:v>3329.1364159999998</c:v>
                </c:pt>
                <c:pt idx="1209">
                  <c:v>3331.0652319999999</c:v>
                </c:pt>
                <c:pt idx="1210">
                  <c:v>3332.994048</c:v>
                </c:pt>
                <c:pt idx="1211">
                  <c:v>3334.9228640000001</c:v>
                </c:pt>
                <c:pt idx="1212">
                  <c:v>3336.8516800000002</c:v>
                </c:pt>
                <c:pt idx="1213">
                  <c:v>3338.7804959999999</c:v>
                </c:pt>
                <c:pt idx="1214">
                  <c:v>3340.709312</c:v>
                </c:pt>
                <c:pt idx="1215">
                  <c:v>3342.6381280000001</c:v>
                </c:pt>
                <c:pt idx="1216">
                  <c:v>3344.5669440000001</c:v>
                </c:pt>
                <c:pt idx="1217">
                  <c:v>3346.4957599999998</c:v>
                </c:pt>
                <c:pt idx="1218">
                  <c:v>3348.4245759999999</c:v>
                </c:pt>
                <c:pt idx="1219">
                  <c:v>3350.353392</c:v>
                </c:pt>
                <c:pt idx="1220">
                  <c:v>3352.2822080000001</c:v>
                </c:pt>
                <c:pt idx="1221">
                  <c:v>3354.2110240000002</c:v>
                </c:pt>
                <c:pt idx="1222">
                  <c:v>3356.1398399999998</c:v>
                </c:pt>
                <c:pt idx="1223">
                  <c:v>3358.0686559999999</c:v>
                </c:pt>
                <c:pt idx="1224">
                  <c:v>3359.997472</c:v>
                </c:pt>
                <c:pt idx="1225">
                  <c:v>3361.9262880000001</c:v>
                </c:pt>
                <c:pt idx="1226">
                  <c:v>3363.8551040000002</c:v>
                </c:pt>
                <c:pt idx="1227">
                  <c:v>3365.7839199999999</c:v>
                </c:pt>
                <c:pt idx="1228">
                  <c:v>3367.7127359999999</c:v>
                </c:pt>
                <c:pt idx="1229">
                  <c:v>3369.641552</c:v>
                </c:pt>
                <c:pt idx="1230">
                  <c:v>3371.5703680000001</c:v>
                </c:pt>
                <c:pt idx="1231">
                  <c:v>3373.4991839999998</c:v>
                </c:pt>
                <c:pt idx="1232">
                  <c:v>3375.4279999999999</c:v>
                </c:pt>
                <c:pt idx="1233">
                  <c:v>3377.356816</c:v>
                </c:pt>
                <c:pt idx="1234">
                  <c:v>3379.2856320000001</c:v>
                </c:pt>
                <c:pt idx="1235">
                  <c:v>3381.2144480000002</c:v>
                </c:pt>
                <c:pt idx="1236">
                  <c:v>3383.1432639999998</c:v>
                </c:pt>
                <c:pt idx="1237">
                  <c:v>3385.0720799999999</c:v>
                </c:pt>
                <c:pt idx="1238">
                  <c:v>3387.000896</c:v>
                </c:pt>
                <c:pt idx="1239">
                  <c:v>3388.9297120000001</c:v>
                </c:pt>
                <c:pt idx="1240">
                  <c:v>3390.8585280000002</c:v>
                </c:pt>
                <c:pt idx="1241">
                  <c:v>3392.7873439999998</c:v>
                </c:pt>
                <c:pt idx="1242">
                  <c:v>3394.7161599999999</c:v>
                </c:pt>
                <c:pt idx="1243">
                  <c:v>3396.644976</c:v>
                </c:pt>
                <c:pt idx="1244">
                  <c:v>3398.5737920000001</c:v>
                </c:pt>
                <c:pt idx="1245">
                  <c:v>3400.5026079999998</c:v>
                </c:pt>
                <c:pt idx="1246">
                  <c:v>3402.4314239999999</c:v>
                </c:pt>
                <c:pt idx="1247">
                  <c:v>3404.36024</c:v>
                </c:pt>
                <c:pt idx="1248">
                  <c:v>3406.2890560000001</c:v>
                </c:pt>
                <c:pt idx="1249">
                  <c:v>3408.2178720000002</c:v>
                </c:pt>
                <c:pt idx="1250">
                  <c:v>3410.1466879999998</c:v>
                </c:pt>
                <c:pt idx="1251">
                  <c:v>3412.0755039999999</c:v>
                </c:pt>
                <c:pt idx="1252">
                  <c:v>3414.00432</c:v>
                </c:pt>
                <c:pt idx="1253">
                  <c:v>3415.9331360000001</c:v>
                </c:pt>
                <c:pt idx="1254">
                  <c:v>3417.8619520000002</c:v>
                </c:pt>
                <c:pt idx="1255">
                  <c:v>3419.7907679999998</c:v>
                </c:pt>
                <c:pt idx="1256">
                  <c:v>3421.7195839999999</c:v>
                </c:pt>
                <c:pt idx="1257">
                  <c:v>3423.6484</c:v>
                </c:pt>
                <c:pt idx="1258">
                  <c:v>3425.5772160000001</c:v>
                </c:pt>
                <c:pt idx="1259">
                  <c:v>3427.5060319999998</c:v>
                </c:pt>
                <c:pt idx="1260">
                  <c:v>3429.4348479999999</c:v>
                </c:pt>
                <c:pt idx="1261">
                  <c:v>3431.363664</c:v>
                </c:pt>
                <c:pt idx="1262">
                  <c:v>3433.2924800000001</c:v>
                </c:pt>
                <c:pt idx="1263">
                  <c:v>3435.2212960000002</c:v>
                </c:pt>
                <c:pt idx="1264">
                  <c:v>3437.1501119999998</c:v>
                </c:pt>
                <c:pt idx="1265">
                  <c:v>3439.0789279999999</c:v>
                </c:pt>
                <c:pt idx="1266">
                  <c:v>3441.007744</c:v>
                </c:pt>
                <c:pt idx="1267">
                  <c:v>3442.9365600000001</c:v>
                </c:pt>
                <c:pt idx="1268">
                  <c:v>3444.8653760000002</c:v>
                </c:pt>
                <c:pt idx="1269">
                  <c:v>3446.7941919999998</c:v>
                </c:pt>
                <c:pt idx="1270">
                  <c:v>3448.7230079999999</c:v>
                </c:pt>
                <c:pt idx="1271">
                  <c:v>3450.651824</c:v>
                </c:pt>
                <c:pt idx="1272">
                  <c:v>3452.5806400000001</c:v>
                </c:pt>
                <c:pt idx="1273">
                  <c:v>3454.5094559999998</c:v>
                </c:pt>
                <c:pt idx="1274">
                  <c:v>3456.4382719999999</c:v>
                </c:pt>
                <c:pt idx="1275">
                  <c:v>3458.367088</c:v>
                </c:pt>
                <c:pt idx="1276">
                  <c:v>3460.2959040000001</c:v>
                </c:pt>
                <c:pt idx="1277">
                  <c:v>3462.2247200000002</c:v>
                </c:pt>
                <c:pt idx="1278">
                  <c:v>3464.1535359999998</c:v>
                </c:pt>
                <c:pt idx="1279">
                  <c:v>3466.0823519999999</c:v>
                </c:pt>
                <c:pt idx="1280">
                  <c:v>3468.011168</c:v>
                </c:pt>
                <c:pt idx="1281">
                  <c:v>3469.9399840000001</c:v>
                </c:pt>
                <c:pt idx="1282">
                  <c:v>3471.8688000000002</c:v>
                </c:pt>
                <c:pt idx="1283">
                  <c:v>3473.7976159999998</c:v>
                </c:pt>
                <c:pt idx="1284">
                  <c:v>3475.7264319999999</c:v>
                </c:pt>
                <c:pt idx="1285">
                  <c:v>3477.655248</c:v>
                </c:pt>
                <c:pt idx="1286">
                  <c:v>3479.5840640000001</c:v>
                </c:pt>
                <c:pt idx="1287">
                  <c:v>3481.5128800000002</c:v>
                </c:pt>
                <c:pt idx="1288">
                  <c:v>3483.4416959999999</c:v>
                </c:pt>
                <c:pt idx="1289">
                  <c:v>3485.370512</c:v>
                </c:pt>
                <c:pt idx="1290">
                  <c:v>3487.2993280000001</c:v>
                </c:pt>
                <c:pt idx="1291">
                  <c:v>3489.2281440000002</c:v>
                </c:pt>
                <c:pt idx="1292">
                  <c:v>3491.1569599999998</c:v>
                </c:pt>
                <c:pt idx="1293">
                  <c:v>3493.0857759999999</c:v>
                </c:pt>
                <c:pt idx="1294">
                  <c:v>3495.014592</c:v>
                </c:pt>
                <c:pt idx="1295">
                  <c:v>3496.9434080000001</c:v>
                </c:pt>
                <c:pt idx="1296">
                  <c:v>3498.8722240000002</c:v>
                </c:pt>
                <c:pt idx="1297">
                  <c:v>3500.8010399999998</c:v>
                </c:pt>
                <c:pt idx="1298">
                  <c:v>3502.7298559999999</c:v>
                </c:pt>
                <c:pt idx="1299">
                  <c:v>3504.658672</c:v>
                </c:pt>
                <c:pt idx="1300">
                  <c:v>3506.5874880000001</c:v>
                </c:pt>
                <c:pt idx="1301">
                  <c:v>3508.5163040000002</c:v>
                </c:pt>
                <c:pt idx="1302">
                  <c:v>3510.4451199999999</c:v>
                </c:pt>
                <c:pt idx="1303">
                  <c:v>3512.373936</c:v>
                </c:pt>
                <c:pt idx="1304">
                  <c:v>3514.3027520000001</c:v>
                </c:pt>
                <c:pt idx="1305">
                  <c:v>3516.2315680000002</c:v>
                </c:pt>
                <c:pt idx="1306">
                  <c:v>3518.1603839999998</c:v>
                </c:pt>
                <c:pt idx="1307">
                  <c:v>3520.0891999999999</c:v>
                </c:pt>
                <c:pt idx="1308">
                  <c:v>3522.018016</c:v>
                </c:pt>
                <c:pt idx="1309">
                  <c:v>3523.9468320000001</c:v>
                </c:pt>
                <c:pt idx="1310">
                  <c:v>3525.8756480000002</c:v>
                </c:pt>
                <c:pt idx="1311">
                  <c:v>3527.8044639999998</c:v>
                </c:pt>
                <c:pt idx="1312">
                  <c:v>3529.7332799999999</c:v>
                </c:pt>
                <c:pt idx="1313">
                  <c:v>3531.662096</c:v>
                </c:pt>
                <c:pt idx="1314">
                  <c:v>3533.5909120000001</c:v>
                </c:pt>
                <c:pt idx="1315">
                  <c:v>3535.5197280000002</c:v>
                </c:pt>
                <c:pt idx="1316">
                  <c:v>3537.4485439999999</c:v>
                </c:pt>
                <c:pt idx="1317">
                  <c:v>3539.37736</c:v>
                </c:pt>
                <c:pt idx="1318">
                  <c:v>3541.3061760000001</c:v>
                </c:pt>
                <c:pt idx="1319">
                  <c:v>3543.2349920000001</c:v>
                </c:pt>
                <c:pt idx="1320">
                  <c:v>3545.1638079999998</c:v>
                </c:pt>
                <c:pt idx="1321">
                  <c:v>3547.0926239999999</c:v>
                </c:pt>
                <c:pt idx="1322">
                  <c:v>3549.02144</c:v>
                </c:pt>
                <c:pt idx="1323">
                  <c:v>3550.9502560000001</c:v>
                </c:pt>
                <c:pt idx="1324">
                  <c:v>3552.8790720000002</c:v>
                </c:pt>
                <c:pt idx="1325">
                  <c:v>3554.8078879999998</c:v>
                </c:pt>
                <c:pt idx="1326">
                  <c:v>3556.7367039999999</c:v>
                </c:pt>
                <c:pt idx="1327">
                  <c:v>3558.66552</c:v>
                </c:pt>
                <c:pt idx="1328">
                  <c:v>3560.5943360000001</c:v>
                </c:pt>
                <c:pt idx="1329">
                  <c:v>3562.5231520000002</c:v>
                </c:pt>
                <c:pt idx="1330">
                  <c:v>3564.4519679999999</c:v>
                </c:pt>
                <c:pt idx="1331">
                  <c:v>3566.3807839999999</c:v>
                </c:pt>
                <c:pt idx="1332">
                  <c:v>3568.3096</c:v>
                </c:pt>
                <c:pt idx="1333">
                  <c:v>3570.2384160000001</c:v>
                </c:pt>
                <c:pt idx="1334">
                  <c:v>3572.1672319999998</c:v>
                </c:pt>
                <c:pt idx="1335">
                  <c:v>3574.0960479999999</c:v>
                </c:pt>
                <c:pt idx="1336">
                  <c:v>3576.024864</c:v>
                </c:pt>
                <c:pt idx="1337">
                  <c:v>3577.9536800000001</c:v>
                </c:pt>
                <c:pt idx="1338">
                  <c:v>3579.8824960000002</c:v>
                </c:pt>
                <c:pt idx="1339">
                  <c:v>3581.8113119999998</c:v>
                </c:pt>
                <c:pt idx="1340">
                  <c:v>3583.7401279999999</c:v>
                </c:pt>
                <c:pt idx="1341">
                  <c:v>3585.668944</c:v>
                </c:pt>
                <c:pt idx="1342">
                  <c:v>3587.5977600000001</c:v>
                </c:pt>
                <c:pt idx="1343">
                  <c:v>3589.5265760000002</c:v>
                </c:pt>
                <c:pt idx="1344">
                  <c:v>3591.4553919999998</c:v>
                </c:pt>
                <c:pt idx="1345">
                  <c:v>3593.3842079999999</c:v>
                </c:pt>
                <c:pt idx="1346">
                  <c:v>3595.313024</c:v>
                </c:pt>
                <c:pt idx="1347">
                  <c:v>3597.2418400000001</c:v>
                </c:pt>
                <c:pt idx="1348">
                  <c:v>3599.1706559999998</c:v>
                </c:pt>
                <c:pt idx="1349">
                  <c:v>3601.0994719999999</c:v>
                </c:pt>
                <c:pt idx="1350">
                  <c:v>3603.028288</c:v>
                </c:pt>
                <c:pt idx="1351">
                  <c:v>3604.9571040000001</c:v>
                </c:pt>
                <c:pt idx="1352">
                  <c:v>3606.8859200000002</c:v>
                </c:pt>
                <c:pt idx="1353">
                  <c:v>3608.8147359999998</c:v>
                </c:pt>
                <c:pt idx="1354">
                  <c:v>3610.7435519999999</c:v>
                </c:pt>
                <c:pt idx="1355">
                  <c:v>3612.672368</c:v>
                </c:pt>
                <c:pt idx="1356">
                  <c:v>3614.6011840000001</c:v>
                </c:pt>
                <c:pt idx="1357">
                  <c:v>3616.53</c:v>
                </c:pt>
                <c:pt idx="1358">
                  <c:v>3618.4588159999998</c:v>
                </c:pt>
                <c:pt idx="1359">
                  <c:v>3620.3876319999999</c:v>
                </c:pt>
                <c:pt idx="1360">
                  <c:v>3622.316448</c:v>
                </c:pt>
                <c:pt idx="1361">
                  <c:v>3624.2452640000001</c:v>
                </c:pt>
                <c:pt idx="1362">
                  <c:v>3626.1740799999998</c:v>
                </c:pt>
                <c:pt idx="1363">
                  <c:v>3628.1028959999999</c:v>
                </c:pt>
                <c:pt idx="1364">
                  <c:v>3630.031712</c:v>
                </c:pt>
                <c:pt idx="1365">
                  <c:v>3631.9605280000001</c:v>
                </c:pt>
                <c:pt idx="1366">
                  <c:v>3633.8893440000002</c:v>
                </c:pt>
                <c:pt idx="1367">
                  <c:v>3635.8181599999998</c:v>
                </c:pt>
                <c:pt idx="1368">
                  <c:v>3637.7469759999999</c:v>
                </c:pt>
                <c:pt idx="1369">
                  <c:v>3639.675792</c:v>
                </c:pt>
                <c:pt idx="1370">
                  <c:v>3641.6046080000001</c:v>
                </c:pt>
                <c:pt idx="1371">
                  <c:v>3643.5334240000002</c:v>
                </c:pt>
                <c:pt idx="1372">
                  <c:v>3645.4622399999998</c:v>
                </c:pt>
                <c:pt idx="1373">
                  <c:v>3647.3910559999999</c:v>
                </c:pt>
                <c:pt idx="1374">
                  <c:v>3649.319872</c:v>
                </c:pt>
                <c:pt idx="1375">
                  <c:v>3651.2486880000001</c:v>
                </c:pt>
                <c:pt idx="1376">
                  <c:v>3653.1775040000002</c:v>
                </c:pt>
                <c:pt idx="1377">
                  <c:v>3655.1063199999999</c:v>
                </c:pt>
                <c:pt idx="1378">
                  <c:v>3657.035136</c:v>
                </c:pt>
                <c:pt idx="1379">
                  <c:v>3658.9639520000001</c:v>
                </c:pt>
                <c:pt idx="1380">
                  <c:v>3660.8927680000002</c:v>
                </c:pt>
                <c:pt idx="1381">
                  <c:v>3662.8215839999998</c:v>
                </c:pt>
                <c:pt idx="1382">
                  <c:v>3664.7503999999999</c:v>
                </c:pt>
                <c:pt idx="1383">
                  <c:v>3666.679216</c:v>
                </c:pt>
                <c:pt idx="1384">
                  <c:v>3668.6080320000001</c:v>
                </c:pt>
                <c:pt idx="1385">
                  <c:v>3670.5368480000002</c:v>
                </c:pt>
                <c:pt idx="1386">
                  <c:v>3672.4656639999998</c:v>
                </c:pt>
                <c:pt idx="1387">
                  <c:v>3674.3944799999999</c:v>
                </c:pt>
                <c:pt idx="1388">
                  <c:v>3676.323296</c:v>
                </c:pt>
                <c:pt idx="1389">
                  <c:v>3678.2521120000001</c:v>
                </c:pt>
                <c:pt idx="1390">
                  <c:v>3680.1809280000002</c:v>
                </c:pt>
                <c:pt idx="1391">
                  <c:v>3682.1097439999999</c:v>
                </c:pt>
                <c:pt idx="1392">
                  <c:v>3684.03856</c:v>
                </c:pt>
                <c:pt idx="1393">
                  <c:v>3685.9673760000001</c:v>
                </c:pt>
                <c:pt idx="1394">
                  <c:v>3687.8961920000002</c:v>
                </c:pt>
                <c:pt idx="1395">
                  <c:v>3689.8250079999998</c:v>
                </c:pt>
                <c:pt idx="1396">
                  <c:v>3691.7538239999999</c:v>
                </c:pt>
                <c:pt idx="1397">
                  <c:v>3693.68264</c:v>
                </c:pt>
                <c:pt idx="1398">
                  <c:v>3695.6114560000001</c:v>
                </c:pt>
                <c:pt idx="1399">
                  <c:v>3697.5402720000002</c:v>
                </c:pt>
                <c:pt idx="1400">
                  <c:v>3699.4690879999998</c:v>
                </c:pt>
                <c:pt idx="1401">
                  <c:v>3701.3979039999999</c:v>
                </c:pt>
                <c:pt idx="1402">
                  <c:v>3703.32672</c:v>
                </c:pt>
                <c:pt idx="1403">
                  <c:v>3705.2555360000001</c:v>
                </c:pt>
                <c:pt idx="1404">
                  <c:v>3707.1843520000002</c:v>
                </c:pt>
                <c:pt idx="1405">
                  <c:v>3709.1131679999999</c:v>
                </c:pt>
                <c:pt idx="1406">
                  <c:v>3711.041984</c:v>
                </c:pt>
                <c:pt idx="1407">
                  <c:v>3712.9708000000001</c:v>
                </c:pt>
                <c:pt idx="1408">
                  <c:v>3714.8996160000002</c:v>
                </c:pt>
                <c:pt idx="1409">
                  <c:v>3716.8284319999998</c:v>
                </c:pt>
                <c:pt idx="1410">
                  <c:v>3718.7572479999999</c:v>
                </c:pt>
                <c:pt idx="1411">
                  <c:v>3720.686064</c:v>
                </c:pt>
                <c:pt idx="1412">
                  <c:v>3722.6148800000001</c:v>
                </c:pt>
                <c:pt idx="1413">
                  <c:v>3724.5436960000002</c:v>
                </c:pt>
                <c:pt idx="1414">
                  <c:v>3726.4725119999998</c:v>
                </c:pt>
                <c:pt idx="1415">
                  <c:v>3728.4013279999999</c:v>
                </c:pt>
                <c:pt idx="1416">
                  <c:v>3730.330144</c:v>
                </c:pt>
                <c:pt idx="1417">
                  <c:v>3732.2589600000001</c:v>
                </c:pt>
                <c:pt idx="1418">
                  <c:v>3734.1877760000002</c:v>
                </c:pt>
                <c:pt idx="1419">
                  <c:v>3736.1165919999999</c:v>
                </c:pt>
                <c:pt idx="1420">
                  <c:v>3738.045408</c:v>
                </c:pt>
                <c:pt idx="1421">
                  <c:v>3739.974224</c:v>
                </c:pt>
                <c:pt idx="1422">
                  <c:v>3741.9030400000001</c:v>
                </c:pt>
                <c:pt idx="1423">
                  <c:v>3743.8318559999998</c:v>
                </c:pt>
                <c:pt idx="1424">
                  <c:v>3745.7606719999999</c:v>
                </c:pt>
                <c:pt idx="1425">
                  <c:v>3747.689488</c:v>
                </c:pt>
                <c:pt idx="1426">
                  <c:v>3749.6183040000001</c:v>
                </c:pt>
                <c:pt idx="1427">
                  <c:v>3751.5471200000002</c:v>
                </c:pt>
                <c:pt idx="1428">
                  <c:v>3753.4759359999998</c:v>
                </c:pt>
                <c:pt idx="1429">
                  <c:v>3755.4047519999999</c:v>
                </c:pt>
                <c:pt idx="1430">
                  <c:v>3757.333568</c:v>
                </c:pt>
                <c:pt idx="1431">
                  <c:v>3759.2623840000001</c:v>
                </c:pt>
                <c:pt idx="1432">
                  <c:v>3761.1912000000002</c:v>
                </c:pt>
                <c:pt idx="1433">
                  <c:v>3763.1200159999999</c:v>
                </c:pt>
                <c:pt idx="1434">
                  <c:v>3765.0488319999999</c:v>
                </c:pt>
                <c:pt idx="1435">
                  <c:v>3766.977648</c:v>
                </c:pt>
                <c:pt idx="1436">
                  <c:v>3768.9064640000001</c:v>
                </c:pt>
                <c:pt idx="1437">
                  <c:v>3770.8352799999998</c:v>
                </c:pt>
                <c:pt idx="1438">
                  <c:v>3772.7640959999999</c:v>
                </c:pt>
                <c:pt idx="1439">
                  <c:v>3774.692912</c:v>
                </c:pt>
                <c:pt idx="1440">
                  <c:v>3776.6217280000001</c:v>
                </c:pt>
                <c:pt idx="1441">
                  <c:v>3778.5505440000002</c:v>
                </c:pt>
                <c:pt idx="1442">
                  <c:v>3780.4793599999998</c:v>
                </c:pt>
                <c:pt idx="1443">
                  <c:v>3782.4081759999999</c:v>
                </c:pt>
                <c:pt idx="1444">
                  <c:v>3784.336992</c:v>
                </c:pt>
                <c:pt idx="1445">
                  <c:v>3786.2658080000001</c:v>
                </c:pt>
                <c:pt idx="1446">
                  <c:v>3788.1946240000002</c:v>
                </c:pt>
                <c:pt idx="1447">
                  <c:v>3790.1234399999998</c:v>
                </c:pt>
                <c:pt idx="1448">
                  <c:v>3792.0522559999999</c:v>
                </c:pt>
                <c:pt idx="1449">
                  <c:v>3793.981072</c:v>
                </c:pt>
                <c:pt idx="1450">
                  <c:v>3795.9098880000001</c:v>
                </c:pt>
                <c:pt idx="1451">
                  <c:v>3797.8387039999998</c:v>
                </c:pt>
                <c:pt idx="1452">
                  <c:v>3799.7675199999999</c:v>
                </c:pt>
                <c:pt idx="1453">
                  <c:v>3801.696336</c:v>
                </c:pt>
                <c:pt idx="1454">
                  <c:v>3803.6251520000001</c:v>
                </c:pt>
                <c:pt idx="1455">
                  <c:v>3805.5539680000002</c:v>
                </c:pt>
                <c:pt idx="1456">
                  <c:v>3807.4827839999998</c:v>
                </c:pt>
                <c:pt idx="1457">
                  <c:v>3809.4115999999999</c:v>
                </c:pt>
                <c:pt idx="1458">
                  <c:v>3811.340416</c:v>
                </c:pt>
                <c:pt idx="1459">
                  <c:v>3813.2692320000001</c:v>
                </c:pt>
                <c:pt idx="1460">
                  <c:v>3815.1980480000002</c:v>
                </c:pt>
                <c:pt idx="1461">
                  <c:v>3817.1268639999998</c:v>
                </c:pt>
                <c:pt idx="1462">
                  <c:v>3819.0556799999999</c:v>
                </c:pt>
                <c:pt idx="1463">
                  <c:v>3820.984496</c:v>
                </c:pt>
                <c:pt idx="1464">
                  <c:v>3822.9133120000001</c:v>
                </c:pt>
                <c:pt idx="1465">
                  <c:v>3824.8421279999998</c:v>
                </c:pt>
                <c:pt idx="1466">
                  <c:v>3826.7709439999999</c:v>
                </c:pt>
                <c:pt idx="1467">
                  <c:v>3828.69976</c:v>
                </c:pt>
                <c:pt idx="1468">
                  <c:v>3830.6285760000001</c:v>
                </c:pt>
                <c:pt idx="1469">
                  <c:v>3832.5573920000002</c:v>
                </c:pt>
                <c:pt idx="1470">
                  <c:v>3834.4862079999998</c:v>
                </c:pt>
                <c:pt idx="1471">
                  <c:v>3836.4150239999999</c:v>
                </c:pt>
                <c:pt idx="1472">
                  <c:v>3838.34384</c:v>
                </c:pt>
                <c:pt idx="1473">
                  <c:v>3840.2726560000001</c:v>
                </c:pt>
                <c:pt idx="1474">
                  <c:v>3842.2014720000002</c:v>
                </c:pt>
                <c:pt idx="1475">
                  <c:v>3844.1302879999998</c:v>
                </c:pt>
                <c:pt idx="1476">
                  <c:v>3846.0591039999999</c:v>
                </c:pt>
                <c:pt idx="1477">
                  <c:v>3847.98792</c:v>
                </c:pt>
                <c:pt idx="1478">
                  <c:v>3849.9167360000001</c:v>
                </c:pt>
                <c:pt idx="1479">
                  <c:v>3851.8455520000002</c:v>
                </c:pt>
                <c:pt idx="1480">
                  <c:v>3853.7743679999999</c:v>
                </c:pt>
                <c:pt idx="1481">
                  <c:v>3855.703184</c:v>
                </c:pt>
                <c:pt idx="1482">
                  <c:v>3857.6320000000001</c:v>
                </c:pt>
                <c:pt idx="1483">
                  <c:v>3859.5608160000002</c:v>
                </c:pt>
                <c:pt idx="1484">
                  <c:v>3861.4896319999998</c:v>
                </c:pt>
                <c:pt idx="1485">
                  <c:v>3863.4184479999999</c:v>
                </c:pt>
                <c:pt idx="1486">
                  <c:v>3865.347264</c:v>
                </c:pt>
                <c:pt idx="1487">
                  <c:v>3867.2760800000001</c:v>
                </c:pt>
                <c:pt idx="1488">
                  <c:v>3869.2048960000002</c:v>
                </c:pt>
                <c:pt idx="1489">
                  <c:v>3871.1337119999998</c:v>
                </c:pt>
                <c:pt idx="1490">
                  <c:v>3873.0625279999999</c:v>
                </c:pt>
                <c:pt idx="1491">
                  <c:v>3874.991344</c:v>
                </c:pt>
                <c:pt idx="1492">
                  <c:v>3876.9201600000001</c:v>
                </c:pt>
                <c:pt idx="1493">
                  <c:v>3878.8489760000002</c:v>
                </c:pt>
                <c:pt idx="1494">
                  <c:v>3880.7777919999999</c:v>
                </c:pt>
                <c:pt idx="1495">
                  <c:v>3882.706608</c:v>
                </c:pt>
                <c:pt idx="1496">
                  <c:v>3884.6354240000001</c:v>
                </c:pt>
                <c:pt idx="1497">
                  <c:v>3886.5642400000002</c:v>
                </c:pt>
                <c:pt idx="1498">
                  <c:v>3888.4930559999998</c:v>
                </c:pt>
                <c:pt idx="1499">
                  <c:v>3890.4218719999999</c:v>
                </c:pt>
                <c:pt idx="1500">
                  <c:v>3892.350688</c:v>
                </c:pt>
                <c:pt idx="1501">
                  <c:v>3894.2795040000001</c:v>
                </c:pt>
                <c:pt idx="1502">
                  <c:v>3896.2083200000002</c:v>
                </c:pt>
                <c:pt idx="1503">
                  <c:v>3898.1371359999998</c:v>
                </c:pt>
                <c:pt idx="1504">
                  <c:v>3900.0659519999999</c:v>
                </c:pt>
                <c:pt idx="1505">
                  <c:v>3901.994768</c:v>
                </c:pt>
                <c:pt idx="1506">
                  <c:v>3903.9235840000001</c:v>
                </c:pt>
                <c:pt idx="1507">
                  <c:v>3905.8524000000002</c:v>
                </c:pt>
                <c:pt idx="1508">
                  <c:v>3907.7812159999999</c:v>
                </c:pt>
                <c:pt idx="1509">
                  <c:v>3909.710032</c:v>
                </c:pt>
                <c:pt idx="1510">
                  <c:v>3911.6388480000001</c:v>
                </c:pt>
                <c:pt idx="1511">
                  <c:v>3913.5676640000001</c:v>
                </c:pt>
                <c:pt idx="1512">
                  <c:v>3915.4964799999998</c:v>
                </c:pt>
                <c:pt idx="1513">
                  <c:v>3917.4252959999999</c:v>
                </c:pt>
                <c:pt idx="1514">
                  <c:v>3919.354112</c:v>
                </c:pt>
                <c:pt idx="1515">
                  <c:v>3921.2829280000001</c:v>
                </c:pt>
                <c:pt idx="1516">
                  <c:v>3923.2117440000002</c:v>
                </c:pt>
                <c:pt idx="1517">
                  <c:v>3925.1405599999998</c:v>
                </c:pt>
                <c:pt idx="1518">
                  <c:v>3927.0693759999999</c:v>
                </c:pt>
                <c:pt idx="1519">
                  <c:v>3928.998192</c:v>
                </c:pt>
                <c:pt idx="1520">
                  <c:v>3930.9270080000001</c:v>
                </c:pt>
                <c:pt idx="1521">
                  <c:v>3932.8558240000002</c:v>
                </c:pt>
                <c:pt idx="1522">
                  <c:v>3934.7846399999999</c:v>
                </c:pt>
                <c:pt idx="1523">
                  <c:v>3936.713456</c:v>
                </c:pt>
                <c:pt idx="1524">
                  <c:v>3938.642272</c:v>
                </c:pt>
                <c:pt idx="1525">
                  <c:v>3940.5710880000001</c:v>
                </c:pt>
                <c:pt idx="1526">
                  <c:v>3942.4999039999998</c:v>
                </c:pt>
                <c:pt idx="1527">
                  <c:v>3944.4287199999999</c:v>
                </c:pt>
                <c:pt idx="1528">
                  <c:v>3946.357536</c:v>
                </c:pt>
                <c:pt idx="1529">
                  <c:v>3948.2863520000001</c:v>
                </c:pt>
                <c:pt idx="1530">
                  <c:v>3950.2151680000002</c:v>
                </c:pt>
                <c:pt idx="1531">
                  <c:v>3952.1439839999998</c:v>
                </c:pt>
                <c:pt idx="1532">
                  <c:v>3954.0727999999999</c:v>
                </c:pt>
                <c:pt idx="1533">
                  <c:v>3956.001616</c:v>
                </c:pt>
                <c:pt idx="1534">
                  <c:v>3957.9304320000001</c:v>
                </c:pt>
                <c:pt idx="1535">
                  <c:v>3959.8592480000002</c:v>
                </c:pt>
                <c:pt idx="1536">
                  <c:v>3961.7880639999998</c:v>
                </c:pt>
                <c:pt idx="1537">
                  <c:v>3963.7168799999999</c:v>
                </c:pt>
                <c:pt idx="1538">
                  <c:v>3965.645696</c:v>
                </c:pt>
                <c:pt idx="1539">
                  <c:v>3967.5745120000001</c:v>
                </c:pt>
                <c:pt idx="1540">
                  <c:v>3969.5033279999998</c:v>
                </c:pt>
                <c:pt idx="1541">
                  <c:v>3971.4321439999999</c:v>
                </c:pt>
                <c:pt idx="1542">
                  <c:v>3973.36096</c:v>
                </c:pt>
                <c:pt idx="1543">
                  <c:v>3975.2897760000001</c:v>
                </c:pt>
                <c:pt idx="1544">
                  <c:v>3977.2185920000002</c:v>
                </c:pt>
                <c:pt idx="1545">
                  <c:v>3979.1474079999998</c:v>
                </c:pt>
                <c:pt idx="1546">
                  <c:v>3981.0762239999999</c:v>
                </c:pt>
                <c:pt idx="1547">
                  <c:v>3983.00504</c:v>
                </c:pt>
                <c:pt idx="1548">
                  <c:v>3984.9338560000001</c:v>
                </c:pt>
                <c:pt idx="1549">
                  <c:v>3986.8626720000002</c:v>
                </c:pt>
                <c:pt idx="1550">
                  <c:v>3988.7914879999998</c:v>
                </c:pt>
                <c:pt idx="1551">
                  <c:v>3990.7203039999999</c:v>
                </c:pt>
                <c:pt idx="1552">
                  <c:v>3992.64912</c:v>
                </c:pt>
                <c:pt idx="1553">
                  <c:v>3994.5779360000001</c:v>
                </c:pt>
                <c:pt idx="1554">
                  <c:v>3996.5067519999998</c:v>
                </c:pt>
                <c:pt idx="1555">
                  <c:v>3998.4355679999999</c:v>
                </c:pt>
                <c:pt idx="1556">
                  <c:v>4000.364384</c:v>
                </c:pt>
              </c:numCache>
            </c:numRef>
          </c:xVal>
          <c:yVal>
            <c:numRef>
              <c:f>'Fig 2 a'!$I$11:$I$1567</c:f>
              <c:numCache>
                <c:formatCode>General</c:formatCode>
                <c:ptCount val="1557"/>
                <c:pt idx="0">
                  <c:v>79.003333999999995</c:v>
                </c:pt>
                <c:pt idx="1">
                  <c:v>76.554935</c:v>
                </c:pt>
                <c:pt idx="2">
                  <c:v>74.187747000000002</c:v>
                </c:pt>
                <c:pt idx="3">
                  <c:v>71.849744000000001</c:v>
                </c:pt>
                <c:pt idx="4">
                  <c:v>69.5608</c:v>
                </c:pt>
                <c:pt idx="5">
                  <c:v>67.275295</c:v>
                </c:pt>
                <c:pt idx="6">
                  <c:v>65.082914000000002</c:v>
                </c:pt>
                <c:pt idx="7">
                  <c:v>62.760292</c:v>
                </c:pt>
                <c:pt idx="8">
                  <c:v>60.504111999999999</c:v>
                </c:pt>
                <c:pt idx="9">
                  <c:v>58.222456000000001</c:v>
                </c:pt>
                <c:pt idx="10">
                  <c:v>56.117234000000003</c:v>
                </c:pt>
                <c:pt idx="11">
                  <c:v>54.154775000000001</c:v>
                </c:pt>
                <c:pt idx="12">
                  <c:v>52.334466999999997</c:v>
                </c:pt>
                <c:pt idx="13">
                  <c:v>50.537998000000002</c:v>
                </c:pt>
                <c:pt idx="14">
                  <c:v>49.025449000000002</c:v>
                </c:pt>
                <c:pt idx="15">
                  <c:v>47.661712000000001</c:v>
                </c:pt>
                <c:pt idx="16">
                  <c:v>46.577626000000002</c:v>
                </c:pt>
                <c:pt idx="17">
                  <c:v>45.587420000000002</c:v>
                </c:pt>
                <c:pt idx="18">
                  <c:v>44.799823000000004</c:v>
                </c:pt>
                <c:pt idx="19">
                  <c:v>44.116478000000001</c:v>
                </c:pt>
                <c:pt idx="20">
                  <c:v>43.667704999999998</c:v>
                </c:pt>
                <c:pt idx="21">
                  <c:v>43.248305000000002</c:v>
                </c:pt>
                <c:pt idx="22">
                  <c:v>43.059826999999999</c:v>
                </c:pt>
                <c:pt idx="23">
                  <c:v>42.912913000000003</c:v>
                </c:pt>
                <c:pt idx="24">
                  <c:v>42.850503000000003</c:v>
                </c:pt>
                <c:pt idx="25">
                  <c:v>42.791362999999997</c:v>
                </c:pt>
                <c:pt idx="26">
                  <c:v>42.898395999999998</c:v>
                </c:pt>
                <c:pt idx="27">
                  <c:v>42.949195000000003</c:v>
                </c:pt>
                <c:pt idx="28">
                  <c:v>43.235650999999997</c:v>
                </c:pt>
                <c:pt idx="29">
                  <c:v>43.476681999999997</c:v>
                </c:pt>
                <c:pt idx="30">
                  <c:v>43.832864999999998</c:v>
                </c:pt>
                <c:pt idx="31">
                  <c:v>44.191870000000002</c:v>
                </c:pt>
                <c:pt idx="32">
                  <c:v>44.668002000000001</c:v>
                </c:pt>
                <c:pt idx="33">
                  <c:v>45.133761</c:v>
                </c:pt>
                <c:pt idx="34">
                  <c:v>45.681266999999998</c:v>
                </c:pt>
                <c:pt idx="35">
                  <c:v>46.219583</c:v>
                </c:pt>
                <c:pt idx="36">
                  <c:v>46.97043</c:v>
                </c:pt>
                <c:pt idx="37">
                  <c:v>47.558638999999999</c:v>
                </c:pt>
                <c:pt idx="38">
                  <c:v>48.209409999999998</c:v>
                </c:pt>
                <c:pt idx="39">
                  <c:v>48.959994999999999</c:v>
                </c:pt>
                <c:pt idx="40">
                  <c:v>49.841133999999997</c:v>
                </c:pt>
                <c:pt idx="41">
                  <c:v>50.688336</c:v>
                </c:pt>
                <c:pt idx="42">
                  <c:v>51.616014</c:v>
                </c:pt>
                <c:pt idx="43">
                  <c:v>52.526944</c:v>
                </c:pt>
                <c:pt idx="44">
                  <c:v>53.529553</c:v>
                </c:pt>
                <c:pt idx="45">
                  <c:v>54.478678000000002</c:v>
                </c:pt>
                <c:pt idx="46">
                  <c:v>55.626660999999999</c:v>
                </c:pt>
                <c:pt idx="47">
                  <c:v>56.804909000000002</c:v>
                </c:pt>
                <c:pt idx="48">
                  <c:v>58.115833000000002</c:v>
                </c:pt>
                <c:pt idx="49">
                  <c:v>59.344867000000001</c:v>
                </c:pt>
                <c:pt idx="50">
                  <c:v>60.692427000000002</c:v>
                </c:pt>
                <c:pt idx="51">
                  <c:v>62.142268000000001</c:v>
                </c:pt>
                <c:pt idx="52">
                  <c:v>63.618060999999997</c:v>
                </c:pt>
                <c:pt idx="53">
                  <c:v>64.943251000000004</c:v>
                </c:pt>
                <c:pt idx="54">
                  <c:v>66.391693000000004</c:v>
                </c:pt>
                <c:pt idx="55">
                  <c:v>67.812669</c:v>
                </c:pt>
                <c:pt idx="56">
                  <c:v>69.280266999999995</c:v>
                </c:pt>
                <c:pt idx="57">
                  <c:v>70.694047999999995</c:v>
                </c:pt>
                <c:pt idx="58">
                  <c:v>72.087376000000006</c:v>
                </c:pt>
                <c:pt idx="59">
                  <c:v>73.236294000000001</c:v>
                </c:pt>
                <c:pt idx="60">
                  <c:v>74.392773000000005</c:v>
                </c:pt>
                <c:pt idx="61">
                  <c:v>75.443910000000002</c:v>
                </c:pt>
                <c:pt idx="62">
                  <c:v>76.410905999999997</c:v>
                </c:pt>
                <c:pt idx="63">
                  <c:v>77.235121000000007</c:v>
                </c:pt>
                <c:pt idx="64">
                  <c:v>78.024015000000006</c:v>
                </c:pt>
                <c:pt idx="65">
                  <c:v>78.694447999999994</c:v>
                </c:pt>
                <c:pt idx="66">
                  <c:v>79.410476000000003</c:v>
                </c:pt>
                <c:pt idx="67">
                  <c:v>80.126546000000005</c:v>
                </c:pt>
                <c:pt idx="68">
                  <c:v>80.879527999999993</c:v>
                </c:pt>
                <c:pt idx="69">
                  <c:v>81.504255999999998</c:v>
                </c:pt>
                <c:pt idx="70">
                  <c:v>82.120718999999994</c:v>
                </c:pt>
                <c:pt idx="71">
                  <c:v>82.684252999999998</c:v>
                </c:pt>
                <c:pt idx="72">
                  <c:v>83.328270000000003</c:v>
                </c:pt>
                <c:pt idx="73">
                  <c:v>83.882718999999994</c:v>
                </c:pt>
                <c:pt idx="74">
                  <c:v>84.529940999999994</c:v>
                </c:pt>
                <c:pt idx="75">
                  <c:v>85.094190999999995</c:v>
                </c:pt>
                <c:pt idx="76">
                  <c:v>85.635767000000001</c:v>
                </c:pt>
                <c:pt idx="77">
                  <c:v>86.113101</c:v>
                </c:pt>
                <c:pt idx="78">
                  <c:v>86.742981</c:v>
                </c:pt>
                <c:pt idx="79">
                  <c:v>87.374921999999998</c:v>
                </c:pt>
                <c:pt idx="80">
                  <c:v>87.915927999999994</c:v>
                </c:pt>
                <c:pt idx="81">
                  <c:v>88.438716999999997</c:v>
                </c:pt>
                <c:pt idx="82">
                  <c:v>89.032587000000007</c:v>
                </c:pt>
                <c:pt idx="83">
                  <c:v>89.618060999999997</c:v>
                </c:pt>
                <c:pt idx="84">
                  <c:v>90.226011</c:v>
                </c:pt>
                <c:pt idx="85">
                  <c:v>90.768172000000007</c:v>
                </c:pt>
                <c:pt idx="86">
                  <c:v>91.291060999999999</c:v>
                </c:pt>
                <c:pt idx="87">
                  <c:v>91.818749999999994</c:v>
                </c:pt>
                <c:pt idx="88">
                  <c:v>92.403216</c:v>
                </c:pt>
                <c:pt idx="89">
                  <c:v>92.947248000000002</c:v>
                </c:pt>
                <c:pt idx="90">
                  <c:v>93.346278999999996</c:v>
                </c:pt>
                <c:pt idx="91">
                  <c:v>93.618615000000005</c:v>
                </c:pt>
                <c:pt idx="92">
                  <c:v>93.983203000000003</c:v>
                </c:pt>
                <c:pt idx="93">
                  <c:v>94.288045999999994</c:v>
                </c:pt>
                <c:pt idx="94">
                  <c:v>94.629277000000002</c:v>
                </c:pt>
                <c:pt idx="95">
                  <c:v>94.999454999999998</c:v>
                </c:pt>
                <c:pt idx="96">
                  <c:v>95.324507999999994</c:v>
                </c:pt>
                <c:pt idx="97">
                  <c:v>95.541310999999993</c:v>
                </c:pt>
                <c:pt idx="98">
                  <c:v>95.761702</c:v>
                </c:pt>
                <c:pt idx="99">
                  <c:v>95.992906000000005</c:v>
                </c:pt>
                <c:pt idx="100">
                  <c:v>96.273628000000002</c:v>
                </c:pt>
                <c:pt idx="101">
                  <c:v>96.569018</c:v>
                </c:pt>
                <c:pt idx="102">
                  <c:v>96.863840999999994</c:v>
                </c:pt>
                <c:pt idx="103">
                  <c:v>97.202057999999994</c:v>
                </c:pt>
                <c:pt idx="104">
                  <c:v>97.651584999999997</c:v>
                </c:pt>
                <c:pt idx="105">
                  <c:v>97.987814999999998</c:v>
                </c:pt>
                <c:pt idx="106">
                  <c:v>98.281518000000005</c:v>
                </c:pt>
                <c:pt idx="107">
                  <c:v>98.554846999999995</c:v>
                </c:pt>
                <c:pt idx="108">
                  <c:v>98.911321999999998</c:v>
                </c:pt>
                <c:pt idx="109">
                  <c:v>99.250479999999996</c:v>
                </c:pt>
                <c:pt idx="110">
                  <c:v>99.600382999999994</c:v>
                </c:pt>
                <c:pt idx="111">
                  <c:v>99.883482999999998</c:v>
                </c:pt>
                <c:pt idx="112">
                  <c:v>100.169926</c:v>
                </c:pt>
                <c:pt idx="113">
                  <c:v>100.46029900000001</c:v>
                </c:pt>
                <c:pt idx="114">
                  <c:v>100.857213</c:v>
                </c:pt>
                <c:pt idx="115">
                  <c:v>101.195198</c:v>
                </c:pt>
                <c:pt idx="116">
                  <c:v>101.58129700000001</c:v>
                </c:pt>
                <c:pt idx="117">
                  <c:v>101.99067100000001</c:v>
                </c:pt>
                <c:pt idx="118">
                  <c:v>102.367041</c:v>
                </c:pt>
                <c:pt idx="119">
                  <c:v>102.680752</c:v>
                </c:pt>
                <c:pt idx="120">
                  <c:v>103.077645</c:v>
                </c:pt>
                <c:pt idx="121">
                  <c:v>103.629977</c:v>
                </c:pt>
                <c:pt idx="122">
                  <c:v>104.30999</c:v>
                </c:pt>
                <c:pt idx="123">
                  <c:v>104.97423499999999</c:v>
                </c:pt>
                <c:pt idx="124">
                  <c:v>105.62950600000001</c:v>
                </c:pt>
                <c:pt idx="125">
                  <c:v>106.189263</c:v>
                </c:pt>
                <c:pt idx="126">
                  <c:v>106.85700799999999</c:v>
                </c:pt>
                <c:pt idx="127">
                  <c:v>107.648336</c:v>
                </c:pt>
                <c:pt idx="128">
                  <c:v>108.482275</c:v>
                </c:pt>
                <c:pt idx="129">
                  <c:v>109.374279</c:v>
                </c:pt>
                <c:pt idx="130">
                  <c:v>110.297715</c:v>
                </c:pt>
                <c:pt idx="131">
                  <c:v>111.203807</c:v>
                </c:pt>
                <c:pt idx="132">
                  <c:v>112.081569</c:v>
                </c:pt>
                <c:pt idx="133">
                  <c:v>112.932529</c:v>
                </c:pt>
                <c:pt idx="134">
                  <c:v>113.73315599999999</c:v>
                </c:pt>
                <c:pt idx="135">
                  <c:v>114.445441</c:v>
                </c:pt>
                <c:pt idx="136">
                  <c:v>115.09253200000001</c:v>
                </c:pt>
                <c:pt idx="137">
                  <c:v>115.632271</c:v>
                </c:pt>
                <c:pt idx="138">
                  <c:v>116.126036</c:v>
                </c:pt>
                <c:pt idx="139">
                  <c:v>116.582561</c:v>
                </c:pt>
                <c:pt idx="140">
                  <c:v>116.931558</c:v>
                </c:pt>
                <c:pt idx="141">
                  <c:v>117.208975</c:v>
                </c:pt>
                <c:pt idx="142">
                  <c:v>117.455427</c:v>
                </c:pt>
                <c:pt idx="143">
                  <c:v>117.684262</c:v>
                </c:pt>
                <c:pt idx="144">
                  <c:v>117.82580400000001</c:v>
                </c:pt>
                <c:pt idx="145">
                  <c:v>117.95775399999999</c:v>
                </c:pt>
                <c:pt idx="146">
                  <c:v>118.10732</c:v>
                </c:pt>
                <c:pt idx="147">
                  <c:v>118.17702</c:v>
                </c:pt>
                <c:pt idx="148">
                  <c:v>118.162232</c:v>
                </c:pt>
                <c:pt idx="149">
                  <c:v>118.13037</c:v>
                </c:pt>
                <c:pt idx="150">
                  <c:v>118.15353500000001</c:v>
                </c:pt>
                <c:pt idx="151">
                  <c:v>118.184802</c:v>
                </c:pt>
                <c:pt idx="152">
                  <c:v>118.183409</c:v>
                </c:pt>
                <c:pt idx="153">
                  <c:v>118.17068</c:v>
                </c:pt>
                <c:pt idx="154">
                  <c:v>118.09523299999999</c:v>
                </c:pt>
                <c:pt idx="155">
                  <c:v>118.023112</c:v>
                </c:pt>
                <c:pt idx="156">
                  <c:v>117.959068</c:v>
                </c:pt>
                <c:pt idx="157">
                  <c:v>117.88643500000001</c:v>
                </c:pt>
                <c:pt idx="158">
                  <c:v>117.847498</c:v>
                </c:pt>
                <c:pt idx="159">
                  <c:v>117.879637</c:v>
                </c:pt>
                <c:pt idx="160">
                  <c:v>117.948397</c:v>
                </c:pt>
                <c:pt idx="161">
                  <c:v>117.923716</c:v>
                </c:pt>
                <c:pt idx="162">
                  <c:v>117.84242</c:v>
                </c:pt>
                <c:pt idx="163">
                  <c:v>117.821048</c:v>
                </c:pt>
                <c:pt idx="164">
                  <c:v>117.859328</c:v>
                </c:pt>
                <c:pt idx="165">
                  <c:v>117.87439500000001</c:v>
                </c:pt>
                <c:pt idx="166">
                  <c:v>117.89524400000001</c:v>
                </c:pt>
                <c:pt idx="167">
                  <c:v>117.96343899999999</c:v>
                </c:pt>
                <c:pt idx="168">
                  <c:v>117.96334</c:v>
                </c:pt>
                <c:pt idx="169">
                  <c:v>117.93313999999999</c:v>
                </c:pt>
                <c:pt idx="170">
                  <c:v>117.907143</c:v>
                </c:pt>
                <c:pt idx="171">
                  <c:v>117.923035</c:v>
                </c:pt>
                <c:pt idx="172">
                  <c:v>117.930283</c:v>
                </c:pt>
                <c:pt idx="173">
                  <c:v>117.915344</c:v>
                </c:pt>
                <c:pt idx="174">
                  <c:v>117.93170600000001</c:v>
                </c:pt>
                <c:pt idx="175">
                  <c:v>117.99815</c:v>
                </c:pt>
                <c:pt idx="176">
                  <c:v>118.03883399999999</c:v>
                </c:pt>
                <c:pt idx="177">
                  <c:v>118.13793699999999</c:v>
                </c:pt>
                <c:pt idx="178">
                  <c:v>118.233114</c:v>
                </c:pt>
                <c:pt idx="179">
                  <c:v>118.338707</c:v>
                </c:pt>
                <c:pt idx="180">
                  <c:v>118.41736899999999</c:v>
                </c:pt>
                <c:pt idx="181">
                  <c:v>118.491253</c:v>
                </c:pt>
                <c:pt idx="182">
                  <c:v>118.615819</c:v>
                </c:pt>
                <c:pt idx="183">
                  <c:v>118.737073</c:v>
                </c:pt>
                <c:pt idx="184">
                  <c:v>118.90485099999999</c:v>
                </c:pt>
                <c:pt idx="185">
                  <c:v>119.13467199999999</c:v>
                </c:pt>
                <c:pt idx="186">
                  <c:v>119.27018200000001</c:v>
                </c:pt>
                <c:pt idx="187">
                  <c:v>119.343391</c:v>
                </c:pt>
                <c:pt idx="188">
                  <c:v>119.41173000000001</c:v>
                </c:pt>
                <c:pt idx="189">
                  <c:v>119.54716000000001</c:v>
                </c:pt>
                <c:pt idx="190">
                  <c:v>119.573627</c:v>
                </c:pt>
                <c:pt idx="191">
                  <c:v>119.51680899999999</c:v>
                </c:pt>
                <c:pt idx="192">
                  <c:v>119.39854200000001</c:v>
                </c:pt>
                <c:pt idx="193">
                  <c:v>119.250978</c:v>
                </c:pt>
                <c:pt idx="194">
                  <c:v>119.102937</c:v>
                </c:pt>
                <c:pt idx="195">
                  <c:v>118.98882999999999</c:v>
                </c:pt>
                <c:pt idx="196">
                  <c:v>118.835601</c:v>
                </c:pt>
                <c:pt idx="197">
                  <c:v>118.699671</c:v>
                </c:pt>
                <c:pt idx="198">
                  <c:v>118.59937499999999</c:v>
                </c:pt>
                <c:pt idx="199">
                  <c:v>118.60243</c:v>
                </c:pt>
                <c:pt idx="200">
                  <c:v>118.60681</c:v>
                </c:pt>
                <c:pt idx="201">
                  <c:v>118.563059</c:v>
                </c:pt>
                <c:pt idx="202">
                  <c:v>118.63655799999999</c:v>
                </c:pt>
                <c:pt idx="203">
                  <c:v>118.732579</c:v>
                </c:pt>
                <c:pt idx="204">
                  <c:v>118.746104</c:v>
                </c:pt>
                <c:pt idx="205">
                  <c:v>118.764009</c:v>
                </c:pt>
                <c:pt idx="206">
                  <c:v>118.912385</c:v>
                </c:pt>
                <c:pt idx="207">
                  <c:v>118.998977</c:v>
                </c:pt>
                <c:pt idx="208">
                  <c:v>119.086483</c:v>
                </c:pt>
                <c:pt idx="209">
                  <c:v>119.061106</c:v>
                </c:pt>
                <c:pt idx="210">
                  <c:v>119.036186</c:v>
                </c:pt>
                <c:pt idx="211">
                  <c:v>119.014415</c:v>
                </c:pt>
                <c:pt idx="212">
                  <c:v>118.885667</c:v>
                </c:pt>
                <c:pt idx="213">
                  <c:v>118.75679100000001</c:v>
                </c:pt>
                <c:pt idx="214">
                  <c:v>118.69437499999999</c:v>
                </c:pt>
                <c:pt idx="215">
                  <c:v>118.662699</c:v>
                </c:pt>
                <c:pt idx="216">
                  <c:v>118.676197</c:v>
                </c:pt>
                <c:pt idx="217">
                  <c:v>118.70842500000001</c:v>
                </c:pt>
                <c:pt idx="218">
                  <c:v>118.68501000000001</c:v>
                </c:pt>
                <c:pt idx="219">
                  <c:v>118.69117300000001</c:v>
                </c:pt>
                <c:pt idx="220">
                  <c:v>118.564542</c:v>
                </c:pt>
                <c:pt idx="221">
                  <c:v>118.441998</c:v>
                </c:pt>
                <c:pt idx="222">
                  <c:v>118.25393099999999</c:v>
                </c:pt>
                <c:pt idx="223">
                  <c:v>118.08269199999999</c:v>
                </c:pt>
                <c:pt idx="224">
                  <c:v>117.94959</c:v>
                </c:pt>
                <c:pt idx="225">
                  <c:v>117.863838</c:v>
                </c:pt>
                <c:pt idx="226">
                  <c:v>117.794005</c:v>
                </c:pt>
                <c:pt idx="227">
                  <c:v>117.83313099999999</c:v>
                </c:pt>
                <c:pt idx="228">
                  <c:v>117.857541</c:v>
                </c:pt>
                <c:pt idx="229">
                  <c:v>117.812439</c:v>
                </c:pt>
                <c:pt idx="230">
                  <c:v>117.750607</c:v>
                </c:pt>
                <c:pt idx="231">
                  <c:v>117.663453</c:v>
                </c:pt>
                <c:pt idx="232">
                  <c:v>117.575183</c:v>
                </c:pt>
                <c:pt idx="233">
                  <c:v>117.575292</c:v>
                </c:pt>
                <c:pt idx="234">
                  <c:v>117.623195</c:v>
                </c:pt>
                <c:pt idx="235">
                  <c:v>117.642781</c:v>
                </c:pt>
                <c:pt idx="236">
                  <c:v>117.541399</c:v>
                </c:pt>
                <c:pt idx="237">
                  <c:v>117.435597</c:v>
                </c:pt>
                <c:pt idx="238">
                  <c:v>117.495064</c:v>
                </c:pt>
                <c:pt idx="239">
                  <c:v>117.399095</c:v>
                </c:pt>
                <c:pt idx="240">
                  <c:v>117.21721700000001</c:v>
                </c:pt>
                <c:pt idx="241">
                  <c:v>117.011623</c:v>
                </c:pt>
                <c:pt idx="242">
                  <c:v>116.818018</c:v>
                </c:pt>
                <c:pt idx="243">
                  <c:v>116.63102000000001</c:v>
                </c:pt>
                <c:pt idx="244">
                  <c:v>116.448488</c:v>
                </c:pt>
                <c:pt idx="245">
                  <c:v>116.26414800000001</c:v>
                </c:pt>
                <c:pt idx="246">
                  <c:v>116.08877699999999</c:v>
                </c:pt>
                <c:pt idx="247">
                  <c:v>116.007969</c:v>
                </c:pt>
                <c:pt idx="248">
                  <c:v>116.01436</c:v>
                </c:pt>
                <c:pt idx="249">
                  <c:v>115.940928</c:v>
                </c:pt>
                <c:pt idx="250">
                  <c:v>115.82824100000001</c:v>
                </c:pt>
                <c:pt idx="251">
                  <c:v>115.753308</c:v>
                </c:pt>
                <c:pt idx="252">
                  <c:v>115.686998</c:v>
                </c:pt>
                <c:pt idx="253">
                  <c:v>115.667419</c:v>
                </c:pt>
                <c:pt idx="254">
                  <c:v>115.631962</c:v>
                </c:pt>
                <c:pt idx="255">
                  <c:v>115.765863</c:v>
                </c:pt>
                <c:pt idx="256">
                  <c:v>115.88683899999999</c:v>
                </c:pt>
                <c:pt idx="257">
                  <c:v>115.949073</c:v>
                </c:pt>
                <c:pt idx="258">
                  <c:v>116.059324</c:v>
                </c:pt>
                <c:pt idx="259">
                  <c:v>116.187229</c:v>
                </c:pt>
                <c:pt idx="260">
                  <c:v>116.317564</c:v>
                </c:pt>
                <c:pt idx="261">
                  <c:v>116.387018</c:v>
                </c:pt>
                <c:pt idx="262">
                  <c:v>116.336692</c:v>
                </c:pt>
                <c:pt idx="263">
                  <c:v>116.424791</c:v>
                </c:pt>
                <c:pt idx="264">
                  <c:v>116.858368</c:v>
                </c:pt>
                <c:pt idx="265">
                  <c:v>116.84141200000001</c:v>
                </c:pt>
                <c:pt idx="266">
                  <c:v>116.84858199999999</c:v>
                </c:pt>
                <c:pt idx="267">
                  <c:v>116.824292</c:v>
                </c:pt>
                <c:pt idx="268">
                  <c:v>116.73249800000001</c:v>
                </c:pt>
                <c:pt idx="269">
                  <c:v>116.78115</c:v>
                </c:pt>
                <c:pt idx="270">
                  <c:v>116.68592700000001</c:v>
                </c:pt>
                <c:pt idx="271">
                  <c:v>116.701072</c:v>
                </c:pt>
                <c:pt idx="272">
                  <c:v>116.77525</c:v>
                </c:pt>
                <c:pt idx="273">
                  <c:v>116.61420099999999</c:v>
                </c:pt>
                <c:pt idx="274">
                  <c:v>116.48351700000001</c:v>
                </c:pt>
                <c:pt idx="275">
                  <c:v>116.386849</c:v>
                </c:pt>
                <c:pt idx="276">
                  <c:v>116.26262</c:v>
                </c:pt>
                <c:pt idx="277">
                  <c:v>116.105912</c:v>
                </c:pt>
                <c:pt idx="278">
                  <c:v>115.935023</c:v>
                </c:pt>
                <c:pt idx="279">
                  <c:v>115.839044</c:v>
                </c:pt>
                <c:pt idx="280">
                  <c:v>115.81009299999999</c:v>
                </c:pt>
                <c:pt idx="281">
                  <c:v>115.70683099999999</c:v>
                </c:pt>
                <c:pt idx="282">
                  <c:v>115.569813</c:v>
                </c:pt>
                <c:pt idx="283">
                  <c:v>115.43066</c:v>
                </c:pt>
                <c:pt idx="284">
                  <c:v>115.248345</c:v>
                </c:pt>
                <c:pt idx="285">
                  <c:v>115.080833</c:v>
                </c:pt>
                <c:pt idx="286">
                  <c:v>114.97337400000001</c:v>
                </c:pt>
                <c:pt idx="287">
                  <c:v>114.83034600000001</c:v>
                </c:pt>
                <c:pt idx="288">
                  <c:v>114.744786</c:v>
                </c:pt>
                <c:pt idx="289">
                  <c:v>114.687653</c:v>
                </c:pt>
                <c:pt idx="290">
                  <c:v>114.579944</c:v>
                </c:pt>
                <c:pt idx="291">
                  <c:v>114.70354399999999</c:v>
                </c:pt>
                <c:pt idx="292">
                  <c:v>114.52871500000001</c:v>
                </c:pt>
                <c:pt idx="293">
                  <c:v>114.416462</c:v>
                </c:pt>
                <c:pt idx="294">
                  <c:v>114.409139</c:v>
                </c:pt>
                <c:pt idx="295">
                  <c:v>114.32294400000001</c:v>
                </c:pt>
                <c:pt idx="296">
                  <c:v>114.358621</c:v>
                </c:pt>
                <c:pt idx="297">
                  <c:v>114.47478700000001</c:v>
                </c:pt>
                <c:pt idx="298">
                  <c:v>114.485478</c:v>
                </c:pt>
                <c:pt idx="299">
                  <c:v>114.531762</c:v>
                </c:pt>
                <c:pt idx="300">
                  <c:v>114.724878</c:v>
                </c:pt>
                <c:pt idx="301">
                  <c:v>114.76678</c:v>
                </c:pt>
                <c:pt idx="302">
                  <c:v>114.857567</c:v>
                </c:pt>
                <c:pt idx="303">
                  <c:v>114.984606</c:v>
                </c:pt>
                <c:pt idx="304">
                  <c:v>115.086198</c:v>
                </c:pt>
                <c:pt idx="305">
                  <c:v>115.180587</c:v>
                </c:pt>
                <c:pt idx="306">
                  <c:v>115.287599</c:v>
                </c:pt>
                <c:pt idx="307">
                  <c:v>115.379152</c:v>
                </c:pt>
                <c:pt idx="308">
                  <c:v>115.448992</c:v>
                </c:pt>
                <c:pt idx="309">
                  <c:v>115.526274</c:v>
                </c:pt>
                <c:pt idx="310">
                  <c:v>115.647983</c:v>
                </c:pt>
                <c:pt idx="311">
                  <c:v>115.74023200000001</c:v>
                </c:pt>
                <c:pt idx="312">
                  <c:v>115.815653</c:v>
                </c:pt>
                <c:pt idx="313">
                  <c:v>115.87344400000001</c:v>
                </c:pt>
                <c:pt idx="314">
                  <c:v>115.969516</c:v>
                </c:pt>
                <c:pt idx="315">
                  <c:v>116.053493</c:v>
                </c:pt>
                <c:pt idx="316">
                  <c:v>116.154363</c:v>
                </c:pt>
                <c:pt idx="317">
                  <c:v>116.18554</c:v>
                </c:pt>
                <c:pt idx="318">
                  <c:v>116.186853</c:v>
                </c:pt>
                <c:pt idx="319">
                  <c:v>116.110257</c:v>
                </c:pt>
                <c:pt idx="320">
                  <c:v>116.024067</c:v>
                </c:pt>
                <c:pt idx="321">
                  <c:v>116.121239</c:v>
                </c:pt>
                <c:pt idx="322">
                  <c:v>116.10199799999999</c:v>
                </c:pt>
                <c:pt idx="323">
                  <c:v>116.01942099999999</c:v>
                </c:pt>
                <c:pt idx="324">
                  <c:v>116.046598</c:v>
                </c:pt>
                <c:pt idx="325">
                  <c:v>116.005286</c:v>
                </c:pt>
                <c:pt idx="326">
                  <c:v>115.90922</c:v>
                </c:pt>
                <c:pt idx="327">
                  <c:v>115.904143</c:v>
                </c:pt>
                <c:pt idx="328">
                  <c:v>115.882896</c:v>
                </c:pt>
                <c:pt idx="329">
                  <c:v>115.772199</c:v>
                </c:pt>
                <c:pt idx="330">
                  <c:v>115.811984</c:v>
                </c:pt>
                <c:pt idx="331">
                  <c:v>116.025299</c:v>
                </c:pt>
                <c:pt idx="332">
                  <c:v>115.98270100000001</c:v>
                </c:pt>
                <c:pt idx="333">
                  <c:v>115.95575599999999</c:v>
                </c:pt>
                <c:pt idx="334">
                  <c:v>115.98854900000001</c:v>
                </c:pt>
                <c:pt idx="335">
                  <c:v>115.952033</c:v>
                </c:pt>
                <c:pt idx="336">
                  <c:v>116.022998</c:v>
                </c:pt>
                <c:pt idx="337">
                  <c:v>116.178162</c:v>
                </c:pt>
                <c:pt idx="338">
                  <c:v>116.07314</c:v>
                </c:pt>
                <c:pt idx="339">
                  <c:v>115.965608</c:v>
                </c:pt>
                <c:pt idx="340">
                  <c:v>116.37342700000001</c:v>
                </c:pt>
                <c:pt idx="341">
                  <c:v>116.414621</c:v>
                </c:pt>
                <c:pt idx="342">
                  <c:v>116.40060099999999</c:v>
                </c:pt>
                <c:pt idx="343">
                  <c:v>116.401376</c:v>
                </c:pt>
                <c:pt idx="344">
                  <c:v>116.50021099999999</c:v>
                </c:pt>
                <c:pt idx="345">
                  <c:v>116.61841800000001</c:v>
                </c:pt>
                <c:pt idx="346">
                  <c:v>116.63032</c:v>
                </c:pt>
                <c:pt idx="347">
                  <c:v>116.671565</c:v>
                </c:pt>
                <c:pt idx="348">
                  <c:v>116.823001</c:v>
                </c:pt>
                <c:pt idx="349">
                  <c:v>116.88951299999999</c:v>
                </c:pt>
                <c:pt idx="350">
                  <c:v>116.881513</c:v>
                </c:pt>
                <c:pt idx="351">
                  <c:v>116.981803</c:v>
                </c:pt>
                <c:pt idx="352">
                  <c:v>116.947717</c:v>
                </c:pt>
                <c:pt idx="353">
                  <c:v>116.885946</c:v>
                </c:pt>
                <c:pt idx="354">
                  <c:v>116.89916700000001</c:v>
                </c:pt>
                <c:pt idx="355">
                  <c:v>116.938875</c:v>
                </c:pt>
                <c:pt idx="356">
                  <c:v>117.191242</c:v>
                </c:pt>
                <c:pt idx="357">
                  <c:v>117.116456</c:v>
                </c:pt>
                <c:pt idx="358">
                  <c:v>117.127889</c:v>
                </c:pt>
                <c:pt idx="359">
                  <c:v>117.06757500000001</c:v>
                </c:pt>
                <c:pt idx="360">
                  <c:v>116.93599399999999</c:v>
                </c:pt>
                <c:pt idx="361">
                  <c:v>116.95862099999999</c:v>
                </c:pt>
                <c:pt idx="362">
                  <c:v>117.248485</c:v>
                </c:pt>
                <c:pt idx="363">
                  <c:v>117.082474</c:v>
                </c:pt>
                <c:pt idx="364">
                  <c:v>117.06562700000001</c:v>
                </c:pt>
                <c:pt idx="365">
                  <c:v>117.058858</c:v>
                </c:pt>
                <c:pt idx="366">
                  <c:v>117.06414599999999</c:v>
                </c:pt>
                <c:pt idx="367">
                  <c:v>117.06128200000001</c:v>
                </c:pt>
                <c:pt idx="368">
                  <c:v>117.018564</c:v>
                </c:pt>
                <c:pt idx="369">
                  <c:v>117.03348200000001</c:v>
                </c:pt>
                <c:pt idx="370">
                  <c:v>117.03752</c:v>
                </c:pt>
                <c:pt idx="371">
                  <c:v>116.990887</c:v>
                </c:pt>
                <c:pt idx="372">
                  <c:v>117.025774</c:v>
                </c:pt>
                <c:pt idx="373">
                  <c:v>117.15961799999999</c:v>
                </c:pt>
                <c:pt idx="374">
                  <c:v>117.200327</c:v>
                </c:pt>
                <c:pt idx="375">
                  <c:v>117.108605</c:v>
                </c:pt>
                <c:pt idx="376">
                  <c:v>117.02200000000001</c:v>
                </c:pt>
                <c:pt idx="377">
                  <c:v>117.010468</c:v>
                </c:pt>
                <c:pt idx="378">
                  <c:v>116.986583</c:v>
                </c:pt>
                <c:pt idx="379">
                  <c:v>116.908658</c:v>
                </c:pt>
                <c:pt idx="380">
                  <c:v>116.834943</c:v>
                </c:pt>
                <c:pt idx="381">
                  <c:v>116.80115600000001</c:v>
                </c:pt>
                <c:pt idx="382">
                  <c:v>117.00172600000001</c:v>
                </c:pt>
                <c:pt idx="383">
                  <c:v>116.917328</c:v>
                </c:pt>
                <c:pt idx="384">
                  <c:v>116.953715</c:v>
                </c:pt>
                <c:pt idx="385">
                  <c:v>116.9349</c:v>
                </c:pt>
                <c:pt idx="386">
                  <c:v>116.93672100000001</c:v>
                </c:pt>
                <c:pt idx="387">
                  <c:v>116.918852</c:v>
                </c:pt>
                <c:pt idx="388">
                  <c:v>116.87704100000001</c:v>
                </c:pt>
                <c:pt idx="389">
                  <c:v>116.816418</c:v>
                </c:pt>
                <c:pt idx="390">
                  <c:v>116.83871499999999</c:v>
                </c:pt>
                <c:pt idx="391">
                  <c:v>116.947283</c:v>
                </c:pt>
                <c:pt idx="392">
                  <c:v>116.865236</c:v>
                </c:pt>
                <c:pt idx="393">
                  <c:v>116.795389</c:v>
                </c:pt>
                <c:pt idx="394">
                  <c:v>116.810435</c:v>
                </c:pt>
                <c:pt idx="395">
                  <c:v>116.71729000000001</c:v>
                </c:pt>
                <c:pt idx="396">
                  <c:v>116.79380399999999</c:v>
                </c:pt>
                <c:pt idx="397">
                  <c:v>116.826595</c:v>
                </c:pt>
                <c:pt idx="398">
                  <c:v>116.751519</c:v>
                </c:pt>
                <c:pt idx="399">
                  <c:v>116.791792</c:v>
                </c:pt>
                <c:pt idx="400">
                  <c:v>116.735574</c:v>
                </c:pt>
                <c:pt idx="401">
                  <c:v>116.77234</c:v>
                </c:pt>
                <c:pt idx="402">
                  <c:v>116.858133</c:v>
                </c:pt>
                <c:pt idx="403">
                  <c:v>116.750242</c:v>
                </c:pt>
                <c:pt idx="404">
                  <c:v>116.646051</c:v>
                </c:pt>
                <c:pt idx="405">
                  <c:v>116.65651099999999</c:v>
                </c:pt>
                <c:pt idx="406">
                  <c:v>116.77269</c:v>
                </c:pt>
                <c:pt idx="407">
                  <c:v>116.73542500000001</c:v>
                </c:pt>
                <c:pt idx="408">
                  <c:v>116.642079</c:v>
                </c:pt>
                <c:pt idx="409">
                  <c:v>116.631218</c:v>
                </c:pt>
                <c:pt idx="410">
                  <c:v>116.675887</c:v>
                </c:pt>
                <c:pt idx="411">
                  <c:v>116.712726</c:v>
                </c:pt>
                <c:pt idx="412">
                  <c:v>116.735105</c:v>
                </c:pt>
                <c:pt idx="413">
                  <c:v>116.613427</c:v>
                </c:pt>
                <c:pt idx="414">
                  <c:v>116.59719699999999</c:v>
                </c:pt>
                <c:pt idx="415">
                  <c:v>116.59527300000001</c:v>
                </c:pt>
                <c:pt idx="416">
                  <c:v>116.625544</c:v>
                </c:pt>
                <c:pt idx="417">
                  <c:v>116.642764</c:v>
                </c:pt>
                <c:pt idx="418">
                  <c:v>116.626739</c:v>
                </c:pt>
                <c:pt idx="419">
                  <c:v>116.53458999999999</c:v>
                </c:pt>
                <c:pt idx="420">
                  <c:v>116.404996</c:v>
                </c:pt>
                <c:pt idx="421">
                  <c:v>116.343546</c:v>
                </c:pt>
                <c:pt idx="422">
                  <c:v>116.42898700000001</c:v>
                </c:pt>
                <c:pt idx="423">
                  <c:v>116.46763900000001</c:v>
                </c:pt>
                <c:pt idx="424">
                  <c:v>116.58711599999999</c:v>
                </c:pt>
                <c:pt idx="425">
                  <c:v>116.52439</c:v>
                </c:pt>
                <c:pt idx="426">
                  <c:v>116.441458</c:v>
                </c:pt>
                <c:pt idx="427">
                  <c:v>116.373048</c:v>
                </c:pt>
                <c:pt idx="428">
                  <c:v>116.289546</c:v>
                </c:pt>
                <c:pt idx="429">
                  <c:v>116.294284</c:v>
                </c:pt>
                <c:pt idx="430">
                  <c:v>116.171781</c:v>
                </c:pt>
                <c:pt idx="431">
                  <c:v>116.229793</c:v>
                </c:pt>
                <c:pt idx="432">
                  <c:v>116.36336300000001</c:v>
                </c:pt>
                <c:pt idx="433">
                  <c:v>116.359409</c:v>
                </c:pt>
                <c:pt idx="434">
                  <c:v>116.336654</c:v>
                </c:pt>
                <c:pt idx="435">
                  <c:v>116.22651</c:v>
                </c:pt>
                <c:pt idx="436">
                  <c:v>116.30160600000001</c:v>
                </c:pt>
                <c:pt idx="437">
                  <c:v>116.33918</c:v>
                </c:pt>
                <c:pt idx="438">
                  <c:v>116.30423399999999</c:v>
                </c:pt>
                <c:pt idx="439">
                  <c:v>116.210007</c:v>
                </c:pt>
                <c:pt idx="440">
                  <c:v>116.15960800000001</c:v>
                </c:pt>
                <c:pt idx="441">
                  <c:v>116.220063</c:v>
                </c:pt>
                <c:pt idx="442">
                  <c:v>116.25445000000001</c:v>
                </c:pt>
                <c:pt idx="443">
                  <c:v>116.161342</c:v>
                </c:pt>
                <c:pt idx="444">
                  <c:v>116.16981699999999</c:v>
                </c:pt>
                <c:pt idx="445">
                  <c:v>116.239537</c:v>
                </c:pt>
                <c:pt idx="446">
                  <c:v>116.21616</c:v>
                </c:pt>
                <c:pt idx="447">
                  <c:v>116.172042</c:v>
                </c:pt>
                <c:pt idx="448">
                  <c:v>116.041591</c:v>
                </c:pt>
                <c:pt idx="449">
                  <c:v>115.894463</c:v>
                </c:pt>
                <c:pt idx="450">
                  <c:v>116.016837</c:v>
                </c:pt>
                <c:pt idx="451">
                  <c:v>116.116736</c:v>
                </c:pt>
                <c:pt idx="452">
                  <c:v>116.015517</c:v>
                </c:pt>
                <c:pt idx="453">
                  <c:v>116.02895599999999</c:v>
                </c:pt>
                <c:pt idx="454">
                  <c:v>116.036889</c:v>
                </c:pt>
                <c:pt idx="455">
                  <c:v>115.98723699999999</c:v>
                </c:pt>
                <c:pt idx="456">
                  <c:v>116.01108600000001</c:v>
                </c:pt>
                <c:pt idx="457">
                  <c:v>115.94961499999999</c:v>
                </c:pt>
                <c:pt idx="458">
                  <c:v>115.99866</c:v>
                </c:pt>
                <c:pt idx="459">
                  <c:v>116.034282</c:v>
                </c:pt>
                <c:pt idx="460">
                  <c:v>115.970868</c:v>
                </c:pt>
                <c:pt idx="461">
                  <c:v>116.02007399999999</c:v>
                </c:pt>
                <c:pt idx="462">
                  <c:v>116.07664200000001</c:v>
                </c:pt>
                <c:pt idx="463">
                  <c:v>116.086567</c:v>
                </c:pt>
                <c:pt idx="464">
                  <c:v>116.089496</c:v>
                </c:pt>
                <c:pt idx="465">
                  <c:v>116.18217300000001</c:v>
                </c:pt>
                <c:pt idx="466">
                  <c:v>116.274912</c:v>
                </c:pt>
                <c:pt idx="467">
                  <c:v>116.180781</c:v>
                </c:pt>
                <c:pt idx="468">
                  <c:v>116.13157200000001</c:v>
                </c:pt>
                <c:pt idx="469">
                  <c:v>116.085077</c:v>
                </c:pt>
                <c:pt idx="470">
                  <c:v>116.04158200000001</c:v>
                </c:pt>
                <c:pt idx="471">
                  <c:v>116.08360500000001</c:v>
                </c:pt>
                <c:pt idx="472">
                  <c:v>116.172133</c:v>
                </c:pt>
                <c:pt idx="473">
                  <c:v>116.084143</c:v>
                </c:pt>
                <c:pt idx="474">
                  <c:v>115.90716</c:v>
                </c:pt>
                <c:pt idx="475">
                  <c:v>115.94011500000001</c:v>
                </c:pt>
                <c:pt idx="476">
                  <c:v>115.966296</c:v>
                </c:pt>
                <c:pt idx="477">
                  <c:v>115.993718</c:v>
                </c:pt>
                <c:pt idx="478">
                  <c:v>116.202147</c:v>
                </c:pt>
                <c:pt idx="479">
                  <c:v>116.30538</c:v>
                </c:pt>
                <c:pt idx="480">
                  <c:v>116.103666</c:v>
                </c:pt>
                <c:pt idx="481">
                  <c:v>116.013891</c:v>
                </c:pt>
                <c:pt idx="482">
                  <c:v>116.039345</c:v>
                </c:pt>
                <c:pt idx="483">
                  <c:v>115.920815</c:v>
                </c:pt>
                <c:pt idx="484">
                  <c:v>115.86986400000001</c:v>
                </c:pt>
                <c:pt idx="485">
                  <c:v>115.953502</c:v>
                </c:pt>
                <c:pt idx="486">
                  <c:v>116.114204</c:v>
                </c:pt>
                <c:pt idx="487">
                  <c:v>116.03542299999999</c:v>
                </c:pt>
                <c:pt idx="488">
                  <c:v>115.92094</c:v>
                </c:pt>
                <c:pt idx="489">
                  <c:v>116.111846</c:v>
                </c:pt>
                <c:pt idx="490">
                  <c:v>116.38411499999999</c:v>
                </c:pt>
                <c:pt idx="491">
                  <c:v>116.48457500000001</c:v>
                </c:pt>
                <c:pt idx="492">
                  <c:v>116.466162</c:v>
                </c:pt>
                <c:pt idx="493">
                  <c:v>116.307278</c:v>
                </c:pt>
                <c:pt idx="494">
                  <c:v>116.31024499999999</c:v>
                </c:pt>
                <c:pt idx="495">
                  <c:v>116.352976</c:v>
                </c:pt>
                <c:pt idx="496">
                  <c:v>116.558142</c:v>
                </c:pt>
                <c:pt idx="497">
                  <c:v>116.526466</c:v>
                </c:pt>
                <c:pt idx="498">
                  <c:v>116.34995000000001</c:v>
                </c:pt>
                <c:pt idx="499">
                  <c:v>115.98315100000001</c:v>
                </c:pt>
                <c:pt idx="500">
                  <c:v>115.89966099999999</c:v>
                </c:pt>
                <c:pt idx="501">
                  <c:v>116.359882</c:v>
                </c:pt>
                <c:pt idx="502">
                  <c:v>116.45598099999999</c:v>
                </c:pt>
                <c:pt idx="503">
                  <c:v>116.205456</c:v>
                </c:pt>
                <c:pt idx="504">
                  <c:v>116.223555</c:v>
                </c:pt>
                <c:pt idx="505">
                  <c:v>116.297825</c:v>
                </c:pt>
                <c:pt idx="506">
                  <c:v>116.868478</c:v>
                </c:pt>
                <c:pt idx="507">
                  <c:v>117.451599</c:v>
                </c:pt>
                <c:pt idx="508">
                  <c:v>116.958905</c:v>
                </c:pt>
                <c:pt idx="509">
                  <c:v>116.247148</c:v>
                </c:pt>
                <c:pt idx="510">
                  <c:v>115.940151</c:v>
                </c:pt>
                <c:pt idx="511">
                  <c:v>115.749842</c:v>
                </c:pt>
                <c:pt idx="512">
                  <c:v>116.05472399999999</c:v>
                </c:pt>
                <c:pt idx="513">
                  <c:v>116.50617099999999</c:v>
                </c:pt>
                <c:pt idx="514">
                  <c:v>116.227475</c:v>
                </c:pt>
                <c:pt idx="515">
                  <c:v>116.15264500000001</c:v>
                </c:pt>
                <c:pt idx="516">
                  <c:v>116.450943</c:v>
                </c:pt>
                <c:pt idx="517">
                  <c:v>116.314155</c:v>
                </c:pt>
                <c:pt idx="518">
                  <c:v>116.78580100000001</c:v>
                </c:pt>
                <c:pt idx="519">
                  <c:v>117.296882</c:v>
                </c:pt>
                <c:pt idx="520">
                  <c:v>117.207735</c:v>
                </c:pt>
                <c:pt idx="521">
                  <c:v>116.83199</c:v>
                </c:pt>
                <c:pt idx="522">
                  <c:v>116.842341</c:v>
                </c:pt>
                <c:pt idx="523">
                  <c:v>117.255454</c:v>
                </c:pt>
                <c:pt idx="524">
                  <c:v>117.234298</c:v>
                </c:pt>
                <c:pt idx="525">
                  <c:v>116.97080800000001</c:v>
                </c:pt>
                <c:pt idx="526">
                  <c:v>117.23426600000001</c:v>
                </c:pt>
                <c:pt idx="527">
                  <c:v>117.332144</c:v>
                </c:pt>
                <c:pt idx="528">
                  <c:v>117.319748</c:v>
                </c:pt>
                <c:pt idx="529">
                  <c:v>117.2586</c:v>
                </c:pt>
                <c:pt idx="530">
                  <c:v>117.640201</c:v>
                </c:pt>
                <c:pt idx="531">
                  <c:v>117.450851</c:v>
                </c:pt>
                <c:pt idx="532">
                  <c:v>118.113496</c:v>
                </c:pt>
                <c:pt idx="533">
                  <c:v>118.554996</c:v>
                </c:pt>
                <c:pt idx="534">
                  <c:v>117.968153</c:v>
                </c:pt>
                <c:pt idx="535">
                  <c:v>117.45612800000001</c:v>
                </c:pt>
                <c:pt idx="536">
                  <c:v>118.259382</c:v>
                </c:pt>
                <c:pt idx="537">
                  <c:v>118.503699</c:v>
                </c:pt>
                <c:pt idx="538">
                  <c:v>117.857057</c:v>
                </c:pt>
                <c:pt idx="539">
                  <c:v>117.475047</c:v>
                </c:pt>
                <c:pt idx="540">
                  <c:v>117.945143</c:v>
                </c:pt>
                <c:pt idx="541">
                  <c:v>117.756569</c:v>
                </c:pt>
                <c:pt idx="542">
                  <c:v>117.32982</c:v>
                </c:pt>
                <c:pt idx="543">
                  <c:v>117.28523300000001</c:v>
                </c:pt>
                <c:pt idx="544">
                  <c:v>117.62572</c:v>
                </c:pt>
                <c:pt idx="545">
                  <c:v>117.100915</c:v>
                </c:pt>
                <c:pt idx="546">
                  <c:v>116.943623</c:v>
                </c:pt>
                <c:pt idx="547">
                  <c:v>116.882987</c:v>
                </c:pt>
                <c:pt idx="548">
                  <c:v>117.059015</c:v>
                </c:pt>
                <c:pt idx="549">
                  <c:v>117.055474</c:v>
                </c:pt>
                <c:pt idx="550">
                  <c:v>116.671553</c:v>
                </c:pt>
                <c:pt idx="551">
                  <c:v>116.495479</c:v>
                </c:pt>
                <c:pt idx="552">
                  <c:v>116.816503</c:v>
                </c:pt>
                <c:pt idx="553">
                  <c:v>116.78249700000001</c:v>
                </c:pt>
                <c:pt idx="554">
                  <c:v>116.401443</c:v>
                </c:pt>
                <c:pt idx="555">
                  <c:v>116.36301</c:v>
                </c:pt>
                <c:pt idx="556">
                  <c:v>116.618537</c:v>
                </c:pt>
                <c:pt idx="557">
                  <c:v>116.562612</c:v>
                </c:pt>
                <c:pt idx="558">
                  <c:v>116.396355</c:v>
                </c:pt>
                <c:pt idx="559">
                  <c:v>116.070193</c:v>
                </c:pt>
                <c:pt idx="560">
                  <c:v>116.119337</c:v>
                </c:pt>
                <c:pt idx="561">
                  <c:v>116.288465</c:v>
                </c:pt>
                <c:pt idx="562">
                  <c:v>116.32665799999999</c:v>
                </c:pt>
                <c:pt idx="563">
                  <c:v>116.128822</c:v>
                </c:pt>
                <c:pt idx="564">
                  <c:v>116.175674</c:v>
                </c:pt>
                <c:pt idx="565">
                  <c:v>116.183762</c:v>
                </c:pt>
                <c:pt idx="566">
                  <c:v>115.994044</c:v>
                </c:pt>
                <c:pt idx="567">
                  <c:v>116.164648</c:v>
                </c:pt>
                <c:pt idx="568">
                  <c:v>116.404357</c:v>
                </c:pt>
                <c:pt idx="569">
                  <c:v>116.025346</c:v>
                </c:pt>
                <c:pt idx="570">
                  <c:v>115.99618</c:v>
                </c:pt>
                <c:pt idx="571">
                  <c:v>116.19219699999999</c:v>
                </c:pt>
                <c:pt idx="572">
                  <c:v>116.224323</c:v>
                </c:pt>
                <c:pt idx="573">
                  <c:v>116.119541</c:v>
                </c:pt>
                <c:pt idx="574">
                  <c:v>115.911868</c:v>
                </c:pt>
                <c:pt idx="575">
                  <c:v>115.63474100000001</c:v>
                </c:pt>
                <c:pt idx="576">
                  <c:v>115.528491</c:v>
                </c:pt>
                <c:pt idx="577">
                  <c:v>115.555492</c:v>
                </c:pt>
                <c:pt idx="578">
                  <c:v>115.478066</c:v>
                </c:pt>
                <c:pt idx="579">
                  <c:v>115.637728</c:v>
                </c:pt>
                <c:pt idx="580">
                  <c:v>116.011742</c:v>
                </c:pt>
                <c:pt idx="581">
                  <c:v>116.088674</c:v>
                </c:pt>
                <c:pt idx="582">
                  <c:v>115.838229</c:v>
                </c:pt>
                <c:pt idx="583">
                  <c:v>115.622338</c:v>
                </c:pt>
                <c:pt idx="584">
                  <c:v>115.781766</c:v>
                </c:pt>
                <c:pt idx="585">
                  <c:v>115.794049</c:v>
                </c:pt>
                <c:pt idx="586">
                  <c:v>115.95336500000001</c:v>
                </c:pt>
                <c:pt idx="587">
                  <c:v>116.219234</c:v>
                </c:pt>
                <c:pt idx="588">
                  <c:v>116.42025700000001</c:v>
                </c:pt>
                <c:pt idx="589">
                  <c:v>116.246554</c:v>
                </c:pt>
                <c:pt idx="590">
                  <c:v>116.134874</c:v>
                </c:pt>
                <c:pt idx="591">
                  <c:v>116.561295</c:v>
                </c:pt>
                <c:pt idx="592">
                  <c:v>116.80685</c:v>
                </c:pt>
                <c:pt idx="593">
                  <c:v>116.42727499999999</c:v>
                </c:pt>
                <c:pt idx="594">
                  <c:v>116.071011</c:v>
                </c:pt>
                <c:pt idx="595">
                  <c:v>116.13887200000001</c:v>
                </c:pt>
                <c:pt idx="596">
                  <c:v>116.18283700000001</c:v>
                </c:pt>
                <c:pt idx="597">
                  <c:v>116.527923</c:v>
                </c:pt>
                <c:pt idx="598">
                  <c:v>116.940449</c:v>
                </c:pt>
                <c:pt idx="599">
                  <c:v>117.170772</c:v>
                </c:pt>
                <c:pt idx="600">
                  <c:v>117.88983899999999</c:v>
                </c:pt>
                <c:pt idx="601">
                  <c:v>118.354204</c:v>
                </c:pt>
                <c:pt idx="602">
                  <c:v>117.967457</c:v>
                </c:pt>
                <c:pt idx="603">
                  <c:v>116.68490300000001</c:v>
                </c:pt>
                <c:pt idx="604">
                  <c:v>116.03653</c:v>
                </c:pt>
                <c:pt idx="605">
                  <c:v>116.186804</c:v>
                </c:pt>
                <c:pt idx="606">
                  <c:v>116.63029400000001</c:v>
                </c:pt>
                <c:pt idx="607">
                  <c:v>116.573128</c:v>
                </c:pt>
                <c:pt idx="608">
                  <c:v>116.524944</c:v>
                </c:pt>
                <c:pt idx="609">
                  <c:v>116.482803</c:v>
                </c:pt>
                <c:pt idx="610">
                  <c:v>116.167303</c:v>
                </c:pt>
                <c:pt idx="611">
                  <c:v>116.089877</c:v>
                </c:pt>
                <c:pt idx="612">
                  <c:v>115.90018499999999</c:v>
                </c:pt>
                <c:pt idx="613">
                  <c:v>115.84367399999999</c:v>
                </c:pt>
                <c:pt idx="614">
                  <c:v>116.013487</c:v>
                </c:pt>
                <c:pt idx="615">
                  <c:v>116.168324</c:v>
                </c:pt>
                <c:pt idx="616">
                  <c:v>116.56862700000001</c:v>
                </c:pt>
                <c:pt idx="617">
                  <c:v>116.234511</c:v>
                </c:pt>
                <c:pt idx="618">
                  <c:v>115.69957700000001</c:v>
                </c:pt>
                <c:pt idx="619">
                  <c:v>115.424502</c:v>
                </c:pt>
                <c:pt idx="620">
                  <c:v>115.384153</c:v>
                </c:pt>
                <c:pt idx="621">
                  <c:v>115.36770300000001</c:v>
                </c:pt>
                <c:pt idx="622">
                  <c:v>115.205316</c:v>
                </c:pt>
                <c:pt idx="623">
                  <c:v>115.02414899999999</c:v>
                </c:pt>
                <c:pt idx="624">
                  <c:v>115.072095</c:v>
                </c:pt>
                <c:pt idx="625">
                  <c:v>114.88891700000001</c:v>
                </c:pt>
                <c:pt idx="626">
                  <c:v>114.931523</c:v>
                </c:pt>
                <c:pt idx="627">
                  <c:v>114.846019</c:v>
                </c:pt>
                <c:pt idx="628">
                  <c:v>114.723401</c:v>
                </c:pt>
                <c:pt idx="629">
                  <c:v>114.950875</c:v>
                </c:pt>
                <c:pt idx="630">
                  <c:v>114.902367</c:v>
                </c:pt>
                <c:pt idx="631">
                  <c:v>114.59353299999999</c:v>
                </c:pt>
                <c:pt idx="632">
                  <c:v>114.886098</c:v>
                </c:pt>
                <c:pt idx="633">
                  <c:v>114.497433</c:v>
                </c:pt>
                <c:pt idx="634">
                  <c:v>114.14776999999999</c:v>
                </c:pt>
                <c:pt idx="635">
                  <c:v>114.780722</c:v>
                </c:pt>
                <c:pt idx="636">
                  <c:v>114.959082</c:v>
                </c:pt>
                <c:pt idx="637">
                  <c:v>114.85850499999999</c:v>
                </c:pt>
                <c:pt idx="638">
                  <c:v>114.871028</c:v>
                </c:pt>
                <c:pt idx="639">
                  <c:v>114.828636</c:v>
                </c:pt>
                <c:pt idx="640">
                  <c:v>114.965408</c:v>
                </c:pt>
                <c:pt idx="641">
                  <c:v>115.01600999999999</c:v>
                </c:pt>
                <c:pt idx="642">
                  <c:v>114.794203</c:v>
                </c:pt>
                <c:pt idx="643">
                  <c:v>114.67712899999999</c:v>
                </c:pt>
                <c:pt idx="644">
                  <c:v>114.666769</c:v>
                </c:pt>
                <c:pt idx="645">
                  <c:v>114.513469</c:v>
                </c:pt>
                <c:pt idx="646">
                  <c:v>114.496353</c:v>
                </c:pt>
                <c:pt idx="647">
                  <c:v>114.45449600000001</c:v>
                </c:pt>
                <c:pt idx="648">
                  <c:v>114.22998699999999</c:v>
                </c:pt>
                <c:pt idx="649">
                  <c:v>114.350414</c:v>
                </c:pt>
                <c:pt idx="650">
                  <c:v>114.522293</c:v>
                </c:pt>
                <c:pt idx="651">
                  <c:v>114.490641</c:v>
                </c:pt>
                <c:pt idx="652">
                  <c:v>114.38439099999999</c:v>
                </c:pt>
                <c:pt idx="653">
                  <c:v>114.337457</c:v>
                </c:pt>
                <c:pt idx="654">
                  <c:v>114.22892899999999</c:v>
                </c:pt>
                <c:pt idx="655">
                  <c:v>113.98061800000001</c:v>
                </c:pt>
                <c:pt idx="656">
                  <c:v>113.84473199999999</c:v>
                </c:pt>
                <c:pt idx="657">
                  <c:v>114.09409599999999</c:v>
                </c:pt>
                <c:pt idx="658">
                  <c:v>114.227833</c:v>
                </c:pt>
                <c:pt idx="659">
                  <c:v>113.92806299999999</c:v>
                </c:pt>
                <c:pt idx="660">
                  <c:v>113.815686</c:v>
                </c:pt>
                <c:pt idx="661">
                  <c:v>113.77328900000001</c:v>
                </c:pt>
                <c:pt idx="662">
                  <c:v>113.737708</c:v>
                </c:pt>
                <c:pt idx="663">
                  <c:v>113.698134</c:v>
                </c:pt>
                <c:pt idx="664">
                  <c:v>113.753355</c:v>
                </c:pt>
                <c:pt idx="665">
                  <c:v>113.702313</c:v>
                </c:pt>
                <c:pt idx="666">
                  <c:v>113.809201</c:v>
                </c:pt>
                <c:pt idx="667">
                  <c:v>113.795886</c:v>
                </c:pt>
                <c:pt idx="668">
                  <c:v>113.71149699999999</c:v>
                </c:pt>
                <c:pt idx="669">
                  <c:v>113.63002899999999</c:v>
                </c:pt>
                <c:pt idx="670">
                  <c:v>113.599313</c:v>
                </c:pt>
                <c:pt idx="671">
                  <c:v>113.526561</c:v>
                </c:pt>
                <c:pt idx="672">
                  <c:v>113.459733</c:v>
                </c:pt>
                <c:pt idx="673">
                  <c:v>113.45555299999999</c:v>
                </c:pt>
                <c:pt idx="674">
                  <c:v>113.681647</c:v>
                </c:pt>
                <c:pt idx="675">
                  <c:v>113.785302</c:v>
                </c:pt>
                <c:pt idx="676">
                  <c:v>113.609779</c:v>
                </c:pt>
                <c:pt idx="677">
                  <c:v>113.45308900000001</c:v>
                </c:pt>
                <c:pt idx="678">
                  <c:v>113.49973300000001</c:v>
                </c:pt>
                <c:pt idx="679">
                  <c:v>113.464989</c:v>
                </c:pt>
                <c:pt idx="680">
                  <c:v>113.452068</c:v>
                </c:pt>
                <c:pt idx="681">
                  <c:v>113.495943</c:v>
                </c:pt>
                <c:pt idx="682">
                  <c:v>113.47804499999999</c:v>
                </c:pt>
                <c:pt idx="683">
                  <c:v>113.364369</c:v>
                </c:pt>
                <c:pt idx="684">
                  <c:v>113.167653</c:v>
                </c:pt>
                <c:pt idx="685">
                  <c:v>113.081943</c:v>
                </c:pt>
                <c:pt idx="686">
                  <c:v>113.10252800000001</c:v>
                </c:pt>
                <c:pt idx="687">
                  <c:v>113.146264</c:v>
                </c:pt>
                <c:pt idx="688">
                  <c:v>113.255728</c:v>
                </c:pt>
                <c:pt idx="689">
                  <c:v>113.275319</c:v>
                </c:pt>
                <c:pt idx="690">
                  <c:v>113.275313</c:v>
                </c:pt>
                <c:pt idx="691">
                  <c:v>113.381471</c:v>
                </c:pt>
                <c:pt idx="692">
                  <c:v>113.398416</c:v>
                </c:pt>
                <c:pt idx="693">
                  <c:v>113.38556800000001</c:v>
                </c:pt>
                <c:pt idx="694">
                  <c:v>113.426254</c:v>
                </c:pt>
                <c:pt idx="695">
                  <c:v>113.391267</c:v>
                </c:pt>
                <c:pt idx="696">
                  <c:v>113.424311</c:v>
                </c:pt>
                <c:pt idx="697">
                  <c:v>113.231979</c:v>
                </c:pt>
                <c:pt idx="698">
                  <c:v>113.12535200000001</c:v>
                </c:pt>
                <c:pt idx="699">
                  <c:v>113.17164200000001</c:v>
                </c:pt>
                <c:pt idx="700">
                  <c:v>113.20446099999999</c:v>
                </c:pt>
                <c:pt idx="701">
                  <c:v>113.080078</c:v>
                </c:pt>
                <c:pt idx="702">
                  <c:v>113.02314</c:v>
                </c:pt>
                <c:pt idx="703">
                  <c:v>113.053575</c:v>
                </c:pt>
                <c:pt idx="704">
                  <c:v>112.99568499999999</c:v>
                </c:pt>
                <c:pt idx="705">
                  <c:v>113.161618</c:v>
                </c:pt>
                <c:pt idx="706">
                  <c:v>113.459216</c:v>
                </c:pt>
                <c:pt idx="707">
                  <c:v>113.447569</c:v>
                </c:pt>
                <c:pt idx="708">
                  <c:v>113.261034</c:v>
                </c:pt>
                <c:pt idx="709">
                  <c:v>113.158385</c:v>
                </c:pt>
                <c:pt idx="710">
                  <c:v>113.01858900000001</c:v>
                </c:pt>
                <c:pt idx="711">
                  <c:v>112.97307000000001</c:v>
                </c:pt>
                <c:pt idx="712">
                  <c:v>113.150182</c:v>
                </c:pt>
                <c:pt idx="713">
                  <c:v>113.067767</c:v>
                </c:pt>
                <c:pt idx="714">
                  <c:v>112.922071</c:v>
                </c:pt>
                <c:pt idx="715">
                  <c:v>112.99823600000001</c:v>
                </c:pt>
                <c:pt idx="716">
                  <c:v>113.004414</c:v>
                </c:pt>
                <c:pt idx="717">
                  <c:v>112.898911</c:v>
                </c:pt>
                <c:pt idx="718">
                  <c:v>112.90131100000001</c:v>
                </c:pt>
                <c:pt idx="719">
                  <c:v>112.940325</c:v>
                </c:pt>
                <c:pt idx="720">
                  <c:v>112.926959</c:v>
                </c:pt>
                <c:pt idx="721">
                  <c:v>112.939911</c:v>
                </c:pt>
                <c:pt idx="722">
                  <c:v>112.93139600000001</c:v>
                </c:pt>
                <c:pt idx="723">
                  <c:v>112.86825</c:v>
                </c:pt>
                <c:pt idx="724">
                  <c:v>112.83125200000001</c:v>
                </c:pt>
                <c:pt idx="725">
                  <c:v>112.83802300000001</c:v>
                </c:pt>
                <c:pt idx="726">
                  <c:v>112.773292</c:v>
                </c:pt>
                <c:pt idx="727">
                  <c:v>112.73794700000001</c:v>
                </c:pt>
                <c:pt idx="728">
                  <c:v>112.80028900000001</c:v>
                </c:pt>
                <c:pt idx="729">
                  <c:v>112.784301</c:v>
                </c:pt>
                <c:pt idx="730">
                  <c:v>112.61896299999999</c:v>
                </c:pt>
                <c:pt idx="731">
                  <c:v>112.603272</c:v>
                </c:pt>
                <c:pt idx="732">
                  <c:v>112.783197</c:v>
                </c:pt>
                <c:pt idx="733">
                  <c:v>112.835864</c:v>
                </c:pt>
                <c:pt idx="734">
                  <c:v>112.743273</c:v>
                </c:pt>
                <c:pt idx="735">
                  <c:v>112.67300899999999</c:v>
                </c:pt>
                <c:pt idx="736">
                  <c:v>112.610107</c:v>
                </c:pt>
                <c:pt idx="737">
                  <c:v>112.47419499999999</c:v>
                </c:pt>
                <c:pt idx="738">
                  <c:v>112.519052</c:v>
                </c:pt>
                <c:pt idx="739">
                  <c:v>112.612516</c:v>
                </c:pt>
                <c:pt idx="740">
                  <c:v>112.597859</c:v>
                </c:pt>
                <c:pt idx="741">
                  <c:v>112.476843</c:v>
                </c:pt>
                <c:pt idx="742">
                  <c:v>112.47286099999999</c:v>
                </c:pt>
                <c:pt idx="743">
                  <c:v>112.512698</c:v>
                </c:pt>
                <c:pt idx="744">
                  <c:v>112.449427</c:v>
                </c:pt>
                <c:pt idx="745">
                  <c:v>112.403828</c:v>
                </c:pt>
                <c:pt idx="746">
                  <c:v>112.499692</c:v>
                </c:pt>
                <c:pt idx="747">
                  <c:v>112.600967</c:v>
                </c:pt>
                <c:pt idx="748">
                  <c:v>112.617429</c:v>
                </c:pt>
                <c:pt idx="749">
                  <c:v>112.483389</c:v>
                </c:pt>
                <c:pt idx="750">
                  <c:v>112.383613</c:v>
                </c:pt>
                <c:pt idx="751">
                  <c:v>112.401095</c:v>
                </c:pt>
                <c:pt idx="752">
                  <c:v>112.41653100000001</c:v>
                </c:pt>
                <c:pt idx="753">
                  <c:v>112.401938</c:v>
                </c:pt>
                <c:pt idx="754">
                  <c:v>112.352896</c:v>
                </c:pt>
                <c:pt idx="755">
                  <c:v>112.31097200000001</c:v>
                </c:pt>
                <c:pt idx="756">
                  <c:v>112.24222</c:v>
                </c:pt>
                <c:pt idx="757">
                  <c:v>112.31679</c:v>
                </c:pt>
                <c:pt idx="758">
                  <c:v>112.31022</c:v>
                </c:pt>
                <c:pt idx="759">
                  <c:v>112.10248900000001</c:v>
                </c:pt>
                <c:pt idx="760">
                  <c:v>112.026073</c:v>
                </c:pt>
                <c:pt idx="761">
                  <c:v>112.125533</c:v>
                </c:pt>
                <c:pt idx="762">
                  <c:v>112.110867</c:v>
                </c:pt>
                <c:pt idx="763">
                  <c:v>112.096526</c:v>
                </c:pt>
                <c:pt idx="764">
                  <c:v>112.138069</c:v>
                </c:pt>
                <c:pt idx="765">
                  <c:v>112.11710600000001</c:v>
                </c:pt>
                <c:pt idx="766">
                  <c:v>112.07714199999999</c:v>
                </c:pt>
                <c:pt idx="767">
                  <c:v>112.111362</c:v>
                </c:pt>
                <c:pt idx="768">
                  <c:v>112.197664</c:v>
                </c:pt>
                <c:pt idx="769">
                  <c:v>112.127482</c:v>
                </c:pt>
                <c:pt idx="770">
                  <c:v>112.029003</c:v>
                </c:pt>
                <c:pt idx="771">
                  <c:v>112.033503</c:v>
                </c:pt>
                <c:pt idx="772">
                  <c:v>111.987346</c:v>
                </c:pt>
                <c:pt idx="773">
                  <c:v>112.01571800000001</c:v>
                </c:pt>
                <c:pt idx="774">
                  <c:v>112.035409</c:v>
                </c:pt>
                <c:pt idx="775">
                  <c:v>111.921829</c:v>
                </c:pt>
                <c:pt idx="776">
                  <c:v>111.93262</c:v>
                </c:pt>
                <c:pt idx="777">
                  <c:v>111.923205</c:v>
                </c:pt>
                <c:pt idx="778">
                  <c:v>111.919106</c:v>
                </c:pt>
                <c:pt idx="779">
                  <c:v>111.860934</c:v>
                </c:pt>
                <c:pt idx="780">
                  <c:v>111.864283</c:v>
                </c:pt>
                <c:pt idx="781">
                  <c:v>111.86323</c:v>
                </c:pt>
                <c:pt idx="782">
                  <c:v>111.845085</c:v>
                </c:pt>
                <c:pt idx="783">
                  <c:v>111.826363</c:v>
                </c:pt>
                <c:pt idx="784">
                  <c:v>111.77895700000001</c:v>
                </c:pt>
                <c:pt idx="785">
                  <c:v>111.77972800000001</c:v>
                </c:pt>
                <c:pt idx="786">
                  <c:v>111.766706</c:v>
                </c:pt>
                <c:pt idx="787">
                  <c:v>111.77184099999999</c:v>
                </c:pt>
                <c:pt idx="788">
                  <c:v>111.809077</c:v>
                </c:pt>
                <c:pt idx="789">
                  <c:v>111.809304</c:v>
                </c:pt>
                <c:pt idx="790">
                  <c:v>111.793655</c:v>
                </c:pt>
                <c:pt idx="791">
                  <c:v>111.837264</c:v>
                </c:pt>
                <c:pt idx="792">
                  <c:v>111.858047</c:v>
                </c:pt>
                <c:pt idx="793">
                  <c:v>111.678179</c:v>
                </c:pt>
                <c:pt idx="794">
                  <c:v>111.465512</c:v>
                </c:pt>
                <c:pt idx="795">
                  <c:v>111.46828499999999</c:v>
                </c:pt>
                <c:pt idx="796">
                  <c:v>111.524612</c:v>
                </c:pt>
                <c:pt idx="797">
                  <c:v>111.48351700000001</c:v>
                </c:pt>
                <c:pt idx="798">
                  <c:v>111.5468</c:v>
                </c:pt>
                <c:pt idx="799">
                  <c:v>111.63673</c:v>
                </c:pt>
                <c:pt idx="800">
                  <c:v>111.61929000000001</c:v>
                </c:pt>
                <c:pt idx="801">
                  <c:v>111.507209</c:v>
                </c:pt>
                <c:pt idx="802">
                  <c:v>111.404293</c:v>
                </c:pt>
                <c:pt idx="803">
                  <c:v>111.395364</c:v>
                </c:pt>
                <c:pt idx="804">
                  <c:v>111.39107</c:v>
                </c:pt>
                <c:pt idx="805">
                  <c:v>111.44586700000001</c:v>
                </c:pt>
                <c:pt idx="806">
                  <c:v>111.422613</c:v>
                </c:pt>
                <c:pt idx="807">
                  <c:v>111.40406299999999</c:v>
                </c:pt>
                <c:pt idx="808">
                  <c:v>111.402961</c:v>
                </c:pt>
                <c:pt idx="809">
                  <c:v>111.27704799999999</c:v>
                </c:pt>
                <c:pt idx="810">
                  <c:v>111.17282400000001</c:v>
                </c:pt>
                <c:pt idx="811">
                  <c:v>111.112121</c:v>
                </c:pt>
                <c:pt idx="812">
                  <c:v>111.114127</c:v>
                </c:pt>
                <c:pt idx="813">
                  <c:v>111.145201</c:v>
                </c:pt>
                <c:pt idx="814">
                  <c:v>111.105755</c:v>
                </c:pt>
                <c:pt idx="815">
                  <c:v>111.146361</c:v>
                </c:pt>
                <c:pt idx="816">
                  <c:v>111.272688</c:v>
                </c:pt>
                <c:pt idx="817">
                  <c:v>111.322892</c:v>
                </c:pt>
                <c:pt idx="818">
                  <c:v>111.23216499999999</c:v>
                </c:pt>
                <c:pt idx="819">
                  <c:v>111.140621</c:v>
                </c:pt>
                <c:pt idx="820">
                  <c:v>111.124515</c:v>
                </c:pt>
                <c:pt idx="821">
                  <c:v>111.11181000000001</c:v>
                </c:pt>
                <c:pt idx="822">
                  <c:v>111.08718399999999</c:v>
                </c:pt>
                <c:pt idx="823">
                  <c:v>111.06783</c:v>
                </c:pt>
                <c:pt idx="824">
                  <c:v>111.137041</c:v>
                </c:pt>
                <c:pt idx="825">
                  <c:v>111.072282</c:v>
                </c:pt>
                <c:pt idx="826">
                  <c:v>111.050414</c:v>
                </c:pt>
                <c:pt idx="827">
                  <c:v>111.049176</c:v>
                </c:pt>
                <c:pt idx="828">
                  <c:v>110.998159</c:v>
                </c:pt>
                <c:pt idx="829">
                  <c:v>110.96503</c:v>
                </c:pt>
                <c:pt idx="830">
                  <c:v>110.96994100000001</c:v>
                </c:pt>
                <c:pt idx="831">
                  <c:v>111.02034999999999</c:v>
                </c:pt>
                <c:pt idx="832">
                  <c:v>111.019582</c:v>
                </c:pt>
                <c:pt idx="833">
                  <c:v>111.01340500000001</c:v>
                </c:pt>
                <c:pt idx="834">
                  <c:v>111.050016</c:v>
                </c:pt>
                <c:pt idx="835">
                  <c:v>111.00651000000001</c:v>
                </c:pt>
                <c:pt idx="836">
                  <c:v>111.071281</c:v>
                </c:pt>
                <c:pt idx="837">
                  <c:v>111.08031</c:v>
                </c:pt>
                <c:pt idx="838">
                  <c:v>110.99077699999999</c:v>
                </c:pt>
                <c:pt idx="839">
                  <c:v>110.954307</c:v>
                </c:pt>
                <c:pt idx="840">
                  <c:v>110.93136</c:v>
                </c:pt>
                <c:pt idx="841">
                  <c:v>110.89442</c:v>
                </c:pt>
                <c:pt idx="842">
                  <c:v>110.923439</c:v>
                </c:pt>
                <c:pt idx="843">
                  <c:v>110.871866</c:v>
                </c:pt>
                <c:pt idx="844">
                  <c:v>110.833074</c:v>
                </c:pt>
                <c:pt idx="845">
                  <c:v>110.900463</c:v>
                </c:pt>
                <c:pt idx="846">
                  <c:v>110.863595</c:v>
                </c:pt>
                <c:pt idx="847">
                  <c:v>110.796198</c:v>
                </c:pt>
                <c:pt idx="848">
                  <c:v>110.85001099999999</c:v>
                </c:pt>
                <c:pt idx="849">
                  <c:v>110.891082</c:v>
                </c:pt>
                <c:pt idx="850">
                  <c:v>110.869739</c:v>
                </c:pt>
                <c:pt idx="851">
                  <c:v>110.84407400000001</c:v>
                </c:pt>
                <c:pt idx="852">
                  <c:v>110.845146</c:v>
                </c:pt>
                <c:pt idx="853">
                  <c:v>110.800284</c:v>
                </c:pt>
                <c:pt idx="854">
                  <c:v>110.763897</c:v>
                </c:pt>
                <c:pt idx="855">
                  <c:v>110.724141</c:v>
                </c:pt>
                <c:pt idx="856">
                  <c:v>110.70283000000001</c:v>
                </c:pt>
                <c:pt idx="857">
                  <c:v>110.70923500000001</c:v>
                </c:pt>
                <c:pt idx="858">
                  <c:v>110.73692</c:v>
                </c:pt>
                <c:pt idx="859">
                  <c:v>110.776972</c:v>
                </c:pt>
                <c:pt idx="860">
                  <c:v>110.78777700000001</c:v>
                </c:pt>
                <c:pt idx="861">
                  <c:v>110.773623</c:v>
                </c:pt>
                <c:pt idx="862">
                  <c:v>110.812862</c:v>
                </c:pt>
                <c:pt idx="863">
                  <c:v>110.78684699999999</c:v>
                </c:pt>
                <c:pt idx="864">
                  <c:v>110.715553</c:v>
                </c:pt>
                <c:pt idx="865">
                  <c:v>110.723608</c:v>
                </c:pt>
                <c:pt idx="866">
                  <c:v>110.692252</c:v>
                </c:pt>
                <c:pt idx="867">
                  <c:v>110.686126</c:v>
                </c:pt>
                <c:pt idx="868">
                  <c:v>110.721401</c:v>
                </c:pt>
                <c:pt idx="869">
                  <c:v>110.67885699999999</c:v>
                </c:pt>
                <c:pt idx="870">
                  <c:v>110.673029</c:v>
                </c:pt>
                <c:pt idx="871">
                  <c:v>110.655756</c:v>
                </c:pt>
                <c:pt idx="872">
                  <c:v>110.630635</c:v>
                </c:pt>
                <c:pt idx="873">
                  <c:v>110.617243</c:v>
                </c:pt>
                <c:pt idx="874">
                  <c:v>110.62330900000001</c:v>
                </c:pt>
                <c:pt idx="875">
                  <c:v>110.576849</c:v>
                </c:pt>
                <c:pt idx="876">
                  <c:v>110.54565599999999</c:v>
                </c:pt>
                <c:pt idx="877">
                  <c:v>110.535348</c:v>
                </c:pt>
                <c:pt idx="878">
                  <c:v>110.585645</c:v>
                </c:pt>
                <c:pt idx="879">
                  <c:v>110.581191</c:v>
                </c:pt>
                <c:pt idx="880">
                  <c:v>110.51623600000001</c:v>
                </c:pt>
                <c:pt idx="881">
                  <c:v>110.54163699999999</c:v>
                </c:pt>
                <c:pt idx="882">
                  <c:v>110.564111</c:v>
                </c:pt>
                <c:pt idx="883">
                  <c:v>110.544723</c:v>
                </c:pt>
                <c:pt idx="884">
                  <c:v>110.517094</c:v>
                </c:pt>
                <c:pt idx="885">
                  <c:v>110.522623</c:v>
                </c:pt>
                <c:pt idx="886">
                  <c:v>110.498571</c:v>
                </c:pt>
                <c:pt idx="887">
                  <c:v>110.459408</c:v>
                </c:pt>
                <c:pt idx="888">
                  <c:v>110.421237</c:v>
                </c:pt>
                <c:pt idx="889">
                  <c:v>110.410915</c:v>
                </c:pt>
                <c:pt idx="890">
                  <c:v>110.426008</c:v>
                </c:pt>
                <c:pt idx="891">
                  <c:v>110.468654</c:v>
                </c:pt>
                <c:pt idx="892">
                  <c:v>110.470989</c:v>
                </c:pt>
                <c:pt idx="893">
                  <c:v>110.40315</c:v>
                </c:pt>
                <c:pt idx="894">
                  <c:v>110.380459</c:v>
                </c:pt>
                <c:pt idx="895">
                  <c:v>110.351527</c:v>
                </c:pt>
                <c:pt idx="896">
                  <c:v>110.28961099999999</c:v>
                </c:pt>
                <c:pt idx="897">
                  <c:v>110.296046</c:v>
                </c:pt>
                <c:pt idx="898">
                  <c:v>110.291377</c:v>
                </c:pt>
                <c:pt idx="899">
                  <c:v>110.277828</c:v>
                </c:pt>
                <c:pt idx="900">
                  <c:v>110.283019</c:v>
                </c:pt>
                <c:pt idx="901">
                  <c:v>110.26420400000001</c:v>
                </c:pt>
                <c:pt idx="902">
                  <c:v>110.254808</c:v>
                </c:pt>
                <c:pt idx="903">
                  <c:v>110.232799</c:v>
                </c:pt>
                <c:pt idx="904">
                  <c:v>110.265354</c:v>
                </c:pt>
                <c:pt idx="905">
                  <c:v>110.27778000000001</c:v>
                </c:pt>
                <c:pt idx="906">
                  <c:v>110.279386</c:v>
                </c:pt>
                <c:pt idx="907">
                  <c:v>110.257183</c:v>
                </c:pt>
                <c:pt idx="908">
                  <c:v>110.207534</c:v>
                </c:pt>
                <c:pt idx="909">
                  <c:v>110.16388600000001</c:v>
                </c:pt>
                <c:pt idx="910">
                  <c:v>110.169785</c:v>
                </c:pt>
                <c:pt idx="911">
                  <c:v>110.155072</c:v>
                </c:pt>
                <c:pt idx="912">
                  <c:v>110.12248200000001</c:v>
                </c:pt>
                <c:pt idx="913">
                  <c:v>110.123018</c:v>
                </c:pt>
                <c:pt idx="914">
                  <c:v>110.15781200000001</c:v>
                </c:pt>
                <c:pt idx="915">
                  <c:v>110.14059899999999</c:v>
                </c:pt>
                <c:pt idx="916">
                  <c:v>110.13533</c:v>
                </c:pt>
                <c:pt idx="917">
                  <c:v>110.100542</c:v>
                </c:pt>
                <c:pt idx="918">
                  <c:v>110.056236</c:v>
                </c:pt>
                <c:pt idx="919">
                  <c:v>110.074642</c:v>
                </c:pt>
                <c:pt idx="920">
                  <c:v>110.090253</c:v>
                </c:pt>
                <c:pt idx="921">
                  <c:v>110.038381</c:v>
                </c:pt>
                <c:pt idx="922">
                  <c:v>109.98994399999999</c:v>
                </c:pt>
                <c:pt idx="923">
                  <c:v>110.020224</c:v>
                </c:pt>
                <c:pt idx="924">
                  <c:v>110.04961299999999</c:v>
                </c:pt>
                <c:pt idx="925">
                  <c:v>109.996364</c:v>
                </c:pt>
                <c:pt idx="926">
                  <c:v>109.92488299999999</c:v>
                </c:pt>
                <c:pt idx="927">
                  <c:v>109.96234800000001</c:v>
                </c:pt>
                <c:pt idx="928">
                  <c:v>109.99005699999999</c:v>
                </c:pt>
                <c:pt idx="929">
                  <c:v>109.94089700000001</c:v>
                </c:pt>
                <c:pt idx="930">
                  <c:v>109.861845</c:v>
                </c:pt>
                <c:pt idx="931">
                  <c:v>109.82934</c:v>
                </c:pt>
                <c:pt idx="932">
                  <c:v>109.87786</c:v>
                </c:pt>
                <c:pt idx="933">
                  <c:v>109.875693</c:v>
                </c:pt>
                <c:pt idx="934">
                  <c:v>109.832646</c:v>
                </c:pt>
                <c:pt idx="935">
                  <c:v>109.81433</c:v>
                </c:pt>
                <c:pt idx="936">
                  <c:v>109.775719</c:v>
                </c:pt>
                <c:pt idx="937">
                  <c:v>109.742177</c:v>
                </c:pt>
                <c:pt idx="938">
                  <c:v>109.75192800000001</c:v>
                </c:pt>
                <c:pt idx="939">
                  <c:v>109.757003</c:v>
                </c:pt>
                <c:pt idx="940">
                  <c:v>109.740264</c:v>
                </c:pt>
                <c:pt idx="941">
                  <c:v>109.705623</c:v>
                </c:pt>
                <c:pt idx="942">
                  <c:v>109.689104</c:v>
                </c:pt>
                <c:pt idx="943">
                  <c:v>109.70158600000001</c:v>
                </c:pt>
                <c:pt idx="944">
                  <c:v>109.679973</c:v>
                </c:pt>
                <c:pt idx="945">
                  <c:v>109.673272</c:v>
                </c:pt>
                <c:pt idx="946">
                  <c:v>109.64259699999999</c:v>
                </c:pt>
                <c:pt idx="947">
                  <c:v>109.57552099999999</c:v>
                </c:pt>
                <c:pt idx="948">
                  <c:v>109.51043900000001</c:v>
                </c:pt>
                <c:pt idx="949">
                  <c:v>109.532096</c:v>
                </c:pt>
                <c:pt idx="950">
                  <c:v>109.593549</c:v>
                </c:pt>
                <c:pt idx="951">
                  <c:v>109.622424</c:v>
                </c:pt>
                <c:pt idx="952">
                  <c:v>109.555072</c:v>
                </c:pt>
                <c:pt idx="953">
                  <c:v>109.44555699999999</c:v>
                </c:pt>
                <c:pt idx="954">
                  <c:v>109.41367099999999</c:v>
                </c:pt>
                <c:pt idx="955">
                  <c:v>109.369996</c:v>
                </c:pt>
                <c:pt idx="956">
                  <c:v>109.377166</c:v>
                </c:pt>
                <c:pt idx="957">
                  <c:v>109.388051</c:v>
                </c:pt>
                <c:pt idx="958">
                  <c:v>109.36124599999999</c:v>
                </c:pt>
                <c:pt idx="959">
                  <c:v>109.28672400000001</c:v>
                </c:pt>
                <c:pt idx="960">
                  <c:v>109.21337699999999</c:v>
                </c:pt>
                <c:pt idx="961">
                  <c:v>109.133825</c:v>
                </c:pt>
                <c:pt idx="962">
                  <c:v>109.067094</c:v>
                </c:pt>
                <c:pt idx="963">
                  <c:v>109.010355</c:v>
                </c:pt>
                <c:pt idx="964">
                  <c:v>108.943994</c:v>
                </c:pt>
                <c:pt idx="965">
                  <c:v>108.874287</c:v>
                </c:pt>
                <c:pt idx="966">
                  <c:v>108.81420199999999</c:v>
                </c:pt>
                <c:pt idx="967">
                  <c:v>108.78803600000001</c:v>
                </c:pt>
                <c:pt idx="968">
                  <c:v>108.765193</c:v>
                </c:pt>
                <c:pt idx="969">
                  <c:v>108.762351</c:v>
                </c:pt>
                <c:pt idx="970">
                  <c:v>108.74112</c:v>
                </c:pt>
                <c:pt idx="971">
                  <c:v>108.72330700000001</c:v>
                </c:pt>
                <c:pt idx="972">
                  <c:v>108.69725</c:v>
                </c:pt>
                <c:pt idx="973">
                  <c:v>108.65792999999999</c:v>
                </c:pt>
                <c:pt idx="974">
                  <c:v>108.675918</c:v>
                </c:pt>
                <c:pt idx="975">
                  <c:v>108.68392799999999</c:v>
                </c:pt>
                <c:pt idx="976">
                  <c:v>108.658682</c:v>
                </c:pt>
                <c:pt idx="977">
                  <c:v>108.601868</c:v>
                </c:pt>
                <c:pt idx="978">
                  <c:v>108.60113200000001</c:v>
                </c:pt>
                <c:pt idx="979">
                  <c:v>108.61596400000001</c:v>
                </c:pt>
                <c:pt idx="980">
                  <c:v>108.615084</c:v>
                </c:pt>
                <c:pt idx="981">
                  <c:v>108.603679</c:v>
                </c:pt>
                <c:pt idx="982">
                  <c:v>108.582916</c:v>
                </c:pt>
                <c:pt idx="983">
                  <c:v>108.58108300000001</c:v>
                </c:pt>
                <c:pt idx="984">
                  <c:v>108.62205299999999</c:v>
                </c:pt>
                <c:pt idx="985">
                  <c:v>108.613488</c:v>
                </c:pt>
                <c:pt idx="986">
                  <c:v>108.59026299999999</c:v>
                </c:pt>
                <c:pt idx="987">
                  <c:v>108.55515699999999</c:v>
                </c:pt>
                <c:pt idx="988">
                  <c:v>108.512944</c:v>
                </c:pt>
                <c:pt idx="989">
                  <c:v>108.506449</c:v>
                </c:pt>
                <c:pt idx="990">
                  <c:v>108.500623</c:v>
                </c:pt>
                <c:pt idx="991">
                  <c:v>108.537386</c:v>
                </c:pt>
                <c:pt idx="992">
                  <c:v>108.55143099999999</c:v>
                </c:pt>
                <c:pt idx="993">
                  <c:v>108.45920599999999</c:v>
                </c:pt>
                <c:pt idx="994">
                  <c:v>108.374225</c:v>
                </c:pt>
                <c:pt idx="995">
                  <c:v>108.33165099999999</c:v>
                </c:pt>
                <c:pt idx="996">
                  <c:v>108.24841600000001</c:v>
                </c:pt>
                <c:pt idx="997">
                  <c:v>108.18964200000001</c:v>
                </c:pt>
                <c:pt idx="998">
                  <c:v>108.168243</c:v>
                </c:pt>
                <c:pt idx="999">
                  <c:v>108.07023599999999</c:v>
                </c:pt>
                <c:pt idx="1000">
                  <c:v>108.046814</c:v>
                </c:pt>
                <c:pt idx="1001">
                  <c:v>107.973068</c:v>
                </c:pt>
                <c:pt idx="1002">
                  <c:v>107.901926</c:v>
                </c:pt>
                <c:pt idx="1003">
                  <c:v>107.867626</c:v>
                </c:pt>
                <c:pt idx="1004">
                  <c:v>107.844675</c:v>
                </c:pt>
                <c:pt idx="1005">
                  <c:v>107.88114400000001</c:v>
                </c:pt>
                <c:pt idx="1006">
                  <c:v>107.96163199999999</c:v>
                </c:pt>
                <c:pt idx="1007">
                  <c:v>107.966325</c:v>
                </c:pt>
                <c:pt idx="1008">
                  <c:v>108.054196</c:v>
                </c:pt>
                <c:pt idx="1009">
                  <c:v>108.20566100000001</c:v>
                </c:pt>
                <c:pt idx="1010">
                  <c:v>108.257261</c:v>
                </c:pt>
                <c:pt idx="1011">
                  <c:v>108.259989</c:v>
                </c:pt>
                <c:pt idx="1012">
                  <c:v>108.26004</c:v>
                </c:pt>
                <c:pt idx="1013">
                  <c:v>108.289266</c:v>
                </c:pt>
                <c:pt idx="1014">
                  <c:v>108.32795299999999</c:v>
                </c:pt>
                <c:pt idx="1015">
                  <c:v>108.40030400000001</c:v>
                </c:pt>
                <c:pt idx="1016">
                  <c:v>108.46002</c:v>
                </c:pt>
                <c:pt idx="1017">
                  <c:v>108.43781300000001</c:v>
                </c:pt>
                <c:pt idx="1018">
                  <c:v>108.43440200000001</c:v>
                </c:pt>
                <c:pt idx="1019">
                  <c:v>108.493954</c:v>
                </c:pt>
                <c:pt idx="1020">
                  <c:v>108.553043</c:v>
                </c:pt>
                <c:pt idx="1021">
                  <c:v>108.619736</c:v>
                </c:pt>
                <c:pt idx="1022">
                  <c:v>108.667435</c:v>
                </c:pt>
                <c:pt idx="1023">
                  <c:v>108.65482900000001</c:v>
                </c:pt>
                <c:pt idx="1024">
                  <c:v>108.661644</c:v>
                </c:pt>
                <c:pt idx="1025">
                  <c:v>108.738732</c:v>
                </c:pt>
                <c:pt idx="1026">
                  <c:v>108.767844</c:v>
                </c:pt>
                <c:pt idx="1027">
                  <c:v>108.762843</c:v>
                </c:pt>
                <c:pt idx="1028">
                  <c:v>108.75532800000001</c:v>
                </c:pt>
                <c:pt idx="1029">
                  <c:v>108.786306</c:v>
                </c:pt>
                <c:pt idx="1030">
                  <c:v>108.81181599999999</c:v>
                </c:pt>
                <c:pt idx="1031">
                  <c:v>108.83144299999999</c:v>
                </c:pt>
                <c:pt idx="1032">
                  <c:v>108.867221</c:v>
                </c:pt>
                <c:pt idx="1033">
                  <c:v>108.89590099999999</c:v>
                </c:pt>
                <c:pt idx="1034">
                  <c:v>108.908298</c:v>
                </c:pt>
                <c:pt idx="1035">
                  <c:v>108.85968200000001</c:v>
                </c:pt>
                <c:pt idx="1036">
                  <c:v>108.868993</c:v>
                </c:pt>
                <c:pt idx="1037">
                  <c:v>108.851449</c:v>
                </c:pt>
                <c:pt idx="1038">
                  <c:v>108.794274</c:v>
                </c:pt>
                <c:pt idx="1039">
                  <c:v>108.817286</c:v>
                </c:pt>
                <c:pt idx="1040">
                  <c:v>108.856064</c:v>
                </c:pt>
                <c:pt idx="1041">
                  <c:v>108.80879</c:v>
                </c:pt>
                <c:pt idx="1042">
                  <c:v>108.817105</c:v>
                </c:pt>
                <c:pt idx="1043">
                  <c:v>108.81744399999999</c:v>
                </c:pt>
                <c:pt idx="1044">
                  <c:v>108.849931</c:v>
                </c:pt>
                <c:pt idx="1045">
                  <c:v>108.88628300000001</c:v>
                </c:pt>
                <c:pt idx="1046">
                  <c:v>108.86066700000001</c:v>
                </c:pt>
                <c:pt idx="1047">
                  <c:v>108.814295</c:v>
                </c:pt>
                <c:pt idx="1048">
                  <c:v>108.73358500000001</c:v>
                </c:pt>
                <c:pt idx="1049">
                  <c:v>108.686224</c:v>
                </c:pt>
                <c:pt idx="1050">
                  <c:v>108.737419</c:v>
                </c:pt>
                <c:pt idx="1051">
                  <c:v>108.75179199999999</c:v>
                </c:pt>
                <c:pt idx="1052">
                  <c:v>108.73464300000001</c:v>
                </c:pt>
                <c:pt idx="1053">
                  <c:v>108.728919</c:v>
                </c:pt>
                <c:pt idx="1054">
                  <c:v>108.775614</c:v>
                </c:pt>
                <c:pt idx="1055">
                  <c:v>108.804818</c:v>
                </c:pt>
                <c:pt idx="1056">
                  <c:v>108.803264</c:v>
                </c:pt>
                <c:pt idx="1057">
                  <c:v>108.763738</c:v>
                </c:pt>
                <c:pt idx="1058">
                  <c:v>108.76802000000001</c:v>
                </c:pt>
                <c:pt idx="1059">
                  <c:v>108.775734</c:v>
                </c:pt>
                <c:pt idx="1060">
                  <c:v>108.732843</c:v>
                </c:pt>
                <c:pt idx="1061">
                  <c:v>108.65154800000001</c:v>
                </c:pt>
                <c:pt idx="1062">
                  <c:v>108.670236</c:v>
                </c:pt>
                <c:pt idx="1063">
                  <c:v>108.786035</c:v>
                </c:pt>
                <c:pt idx="1064">
                  <c:v>108.799863</c:v>
                </c:pt>
                <c:pt idx="1065">
                  <c:v>108.73192</c:v>
                </c:pt>
                <c:pt idx="1066">
                  <c:v>108.731244</c:v>
                </c:pt>
                <c:pt idx="1067">
                  <c:v>108.72391399999999</c:v>
                </c:pt>
                <c:pt idx="1068">
                  <c:v>108.72873</c:v>
                </c:pt>
                <c:pt idx="1069">
                  <c:v>108.683972</c:v>
                </c:pt>
                <c:pt idx="1070">
                  <c:v>108.673689</c:v>
                </c:pt>
                <c:pt idx="1071">
                  <c:v>108.668926</c:v>
                </c:pt>
                <c:pt idx="1072">
                  <c:v>108.71665</c:v>
                </c:pt>
                <c:pt idx="1073">
                  <c:v>108.76172099999999</c:v>
                </c:pt>
                <c:pt idx="1074">
                  <c:v>108.712023</c:v>
                </c:pt>
                <c:pt idx="1075">
                  <c:v>108.69065000000001</c:v>
                </c:pt>
                <c:pt idx="1076">
                  <c:v>108.683137</c:v>
                </c:pt>
                <c:pt idx="1077">
                  <c:v>108.67609400000001</c:v>
                </c:pt>
                <c:pt idx="1078">
                  <c:v>108.701542</c:v>
                </c:pt>
                <c:pt idx="1079">
                  <c:v>108.702018</c:v>
                </c:pt>
                <c:pt idx="1080">
                  <c:v>108.768563</c:v>
                </c:pt>
                <c:pt idx="1081">
                  <c:v>108.73847000000001</c:v>
                </c:pt>
                <c:pt idx="1082">
                  <c:v>108.64569</c:v>
                </c:pt>
                <c:pt idx="1083">
                  <c:v>108.641063</c:v>
                </c:pt>
                <c:pt idx="1084">
                  <c:v>108.689351</c:v>
                </c:pt>
                <c:pt idx="1085">
                  <c:v>108.655355</c:v>
                </c:pt>
                <c:pt idx="1086">
                  <c:v>108.610658</c:v>
                </c:pt>
                <c:pt idx="1087">
                  <c:v>108.640451</c:v>
                </c:pt>
                <c:pt idx="1088">
                  <c:v>108.668583</c:v>
                </c:pt>
                <c:pt idx="1089">
                  <c:v>108.67175400000001</c:v>
                </c:pt>
                <c:pt idx="1090">
                  <c:v>108.689235</c:v>
                </c:pt>
                <c:pt idx="1091">
                  <c:v>108.63462800000001</c:v>
                </c:pt>
                <c:pt idx="1092">
                  <c:v>108.589108</c:v>
                </c:pt>
                <c:pt idx="1093">
                  <c:v>108.58432500000001</c:v>
                </c:pt>
                <c:pt idx="1094">
                  <c:v>108.625162</c:v>
                </c:pt>
                <c:pt idx="1095">
                  <c:v>108.69932799999999</c:v>
                </c:pt>
                <c:pt idx="1096">
                  <c:v>108.776202</c:v>
                </c:pt>
                <c:pt idx="1097">
                  <c:v>108.768094</c:v>
                </c:pt>
                <c:pt idx="1098">
                  <c:v>108.786751</c:v>
                </c:pt>
                <c:pt idx="1099">
                  <c:v>108.758394</c:v>
                </c:pt>
                <c:pt idx="1100">
                  <c:v>108.70119</c:v>
                </c:pt>
                <c:pt idx="1101">
                  <c:v>108.684226</c:v>
                </c:pt>
                <c:pt idx="1102">
                  <c:v>108.657939</c:v>
                </c:pt>
                <c:pt idx="1103">
                  <c:v>108.63749</c:v>
                </c:pt>
                <c:pt idx="1104">
                  <c:v>108.680206</c:v>
                </c:pt>
                <c:pt idx="1105">
                  <c:v>108.679525</c:v>
                </c:pt>
                <c:pt idx="1106">
                  <c:v>108.58308700000001</c:v>
                </c:pt>
                <c:pt idx="1107">
                  <c:v>108.51338</c:v>
                </c:pt>
                <c:pt idx="1108">
                  <c:v>108.51531</c:v>
                </c:pt>
                <c:pt idx="1109">
                  <c:v>108.56348199999999</c:v>
                </c:pt>
                <c:pt idx="1110">
                  <c:v>108.63663200000001</c:v>
                </c:pt>
                <c:pt idx="1111">
                  <c:v>108.63371100000001</c:v>
                </c:pt>
                <c:pt idx="1112">
                  <c:v>108.668604</c:v>
                </c:pt>
                <c:pt idx="1113">
                  <c:v>108.65415900000001</c:v>
                </c:pt>
                <c:pt idx="1114">
                  <c:v>108.657461</c:v>
                </c:pt>
                <c:pt idx="1115">
                  <c:v>108.620228</c:v>
                </c:pt>
                <c:pt idx="1116">
                  <c:v>108.59356200000001</c:v>
                </c:pt>
                <c:pt idx="1117">
                  <c:v>108.65339400000001</c:v>
                </c:pt>
                <c:pt idx="1118">
                  <c:v>108.691937</c:v>
                </c:pt>
                <c:pt idx="1119">
                  <c:v>108.663679</c:v>
                </c:pt>
                <c:pt idx="1120">
                  <c:v>108.594314</c:v>
                </c:pt>
                <c:pt idx="1121">
                  <c:v>108.559743</c:v>
                </c:pt>
                <c:pt idx="1122">
                  <c:v>108.62296600000001</c:v>
                </c:pt>
                <c:pt idx="1123">
                  <c:v>108.6208</c:v>
                </c:pt>
                <c:pt idx="1124">
                  <c:v>108.597487</c:v>
                </c:pt>
                <c:pt idx="1125">
                  <c:v>108.566067</c:v>
                </c:pt>
                <c:pt idx="1126">
                  <c:v>108.583726</c:v>
                </c:pt>
                <c:pt idx="1127">
                  <c:v>108.518688</c:v>
                </c:pt>
                <c:pt idx="1128">
                  <c:v>108.552164</c:v>
                </c:pt>
                <c:pt idx="1129">
                  <c:v>108.64649900000001</c:v>
                </c:pt>
                <c:pt idx="1130">
                  <c:v>108.604607</c:v>
                </c:pt>
                <c:pt idx="1131">
                  <c:v>108.596129</c:v>
                </c:pt>
                <c:pt idx="1132">
                  <c:v>108.56417500000001</c:v>
                </c:pt>
                <c:pt idx="1133">
                  <c:v>108.511009</c:v>
                </c:pt>
                <c:pt idx="1134">
                  <c:v>108.55789900000001</c:v>
                </c:pt>
                <c:pt idx="1135">
                  <c:v>108.568828</c:v>
                </c:pt>
                <c:pt idx="1136">
                  <c:v>108.59160799999999</c:v>
                </c:pt>
                <c:pt idx="1137">
                  <c:v>108.585661</c:v>
                </c:pt>
                <c:pt idx="1138">
                  <c:v>108.584896</c:v>
                </c:pt>
                <c:pt idx="1139">
                  <c:v>108.591264</c:v>
                </c:pt>
                <c:pt idx="1140">
                  <c:v>108.591515</c:v>
                </c:pt>
                <c:pt idx="1141">
                  <c:v>108.63595100000001</c:v>
                </c:pt>
                <c:pt idx="1142">
                  <c:v>108.69523700000001</c:v>
                </c:pt>
                <c:pt idx="1143">
                  <c:v>108.645788</c:v>
                </c:pt>
                <c:pt idx="1144">
                  <c:v>108.612841</c:v>
                </c:pt>
                <c:pt idx="1145">
                  <c:v>108.552166</c:v>
                </c:pt>
                <c:pt idx="1146">
                  <c:v>108.552031</c:v>
                </c:pt>
                <c:pt idx="1147">
                  <c:v>108.618317</c:v>
                </c:pt>
                <c:pt idx="1148">
                  <c:v>108.644994</c:v>
                </c:pt>
                <c:pt idx="1149">
                  <c:v>108.63409900000001</c:v>
                </c:pt>
                <c:pt idx="1150">
                  <c:v>108.66642400000001</c:v>
                </c:pt>
                <c:pt idx="1151">
                  <c:v>108.602895</c:v>
                </c:pt>
                <c:pt idx="1152">
                  <c:v>108.548402</c:v>
                </c:pt>
                <c:pt idx="1153">
                  <c:v>108.53447300000001</c:v>
                </c:pt>
                <c:pt idx="1154">
                  <c:v>108.57714900000001</c:v>
                </c:pt>
                <c:pt idx="1155">
                  <c:v>108.597521</c:v>
                </c:pt>
                <c:pt idx="1156">
                  <c:v>108.64763000000001</c:v>
                </c:pt>
                <c:pt idx="1157">
                  <c:v>108.608024</c:v>
                </c:pt>
                <c:pt idx="1158">
                  <c:v>108.67126399999999</c:v>
                </c:pt>
                <c:pt idx="1159">
                  <c:v>108.781661</c:v>
                </c:pt>
                <c:pt idx="1160">
                  <c:v>108.729642</c:v>
                </c:pt>
                <c:pt idx="1161">
                  <c:v>108.61118399999999</c:v>
                </c:pt>
                <c:pt idx="1162">
                  <c:v>108.651955</c:v>
                </c:pt>
                <c:pt idx="1163">
                  <c:v>108.693083</c:v>
                </c:pt>
                <c:pt idx="1164">
                  <c:v>108.652736</c:v>
                </c:pt>
                <c:pt idx="1165">
                  <c:v>108.62588599999999</c:v>
                </c:pt>
                <c:pt idx="1166">
                  <c:v>108.632204</c:v>
                </c:pt>
                <c:pt idx="1167">
                  <c:v>108.576887</c:v>
                </c:pt>
                <c:pt idx="1168">
                  <c:v>108.597234</c:v>
                </c:pt>
                <c:pt idx="1169">
                  <c:v>108.596695</c:v>
                </c:pt>
                <c:pt idx="1170">
                  <c:v>108.570606</c:v>
                </c:pt>
                <c:pt idx="1171">
                  <c:v>108.544155</c:v>
                </c:pt>
                <c:pt idx="1172">
                  <c:v>108.552044</c:v>
                </c:pt>
                <c:pt idx="1173">
                  <c:v>108.576559</c:v>
                </c:pt>
                <c:pt idx="1174">
                  <c:v>108.55955400000001</c:v>
                </c:pt>
                <c:pt idx="1175">
                  <c:v>108.53739899999999</c:v>
                </c:pt>
                <c:pt idx="1176">
                  <c:v>108.570184</c:v>
                </c:pt>
                <c:pt idx="1177">
                  <c:v>108.54462700000001</c:v>
                </c:pt>
                <c:pt idx="1178">
                  <c:v>108.48677600000001</c:v>
                </c:pt>
                <c:pt idx="1179">
                  <c:v>108.49945700000001</c:v>
                </c:pt>
                <c:pt idx="1180">
                  <c:v>108.57291499999999</c:v>
                </c:pt>
                <c:pt idx="1181">
                  <c:v>108.553785</c:v>
                </c:pt>
                <c:pt idx="1182">
                  <c:v>108.560295</c:v>
                </c:pt>
                <c:pt idx="1183">
                  <c:v>108.556888</c:v>
                </c:pt>
                <c:pt idx="1184">
                  <c:v>108.530044</c:v>
                </c:pt>
                <c:pt idx="1185">
                  <c:v>108.49837100000001</c:v>
                </c:pt>
                <c:pt idx="1186">
                  <c:v>108.491805</c:v>
                </c:pt>
                <c:pt idx="1187">
                  <c:v>108.473866</c:v>
                </c:pt>
                <c:pt idx="1188">
                  <c:v>108.558975</c:v>
                </c:pt>
                <c:pt idx="1189">
                  <c:v>108.59685899999999</c:v>
                </c:pt>
                <c:pt idx="1190">
                  <c:v>108.614525</c:v>
                </c:pt>
                <c:pt idx="1191">
                  <c:v>108.601707</c:v>
                </c:pt>
                <c:pt idx="1192">
                  <c:v>108.51903299999999</c:v>
                </c:pt>
                <c:pt idx="1193">
                  <c:v>108.49719</c:v>
                </c:pt>
                <c:pt idx="1194">
                  <c:v>108.588807</c:v>
                </c:pt>
                <c:pt idx="1195">
                  <c:v>108.63203900000001</c:v>
                </c:pt>
                <c:pt idx="1196">
                  <c:v>108.61453</c:v>
                </c:pt>
                <c:pt idx="1197">
                  <c:v>108.64251400000001</c:v>
                </c:pt>
                <c:pt idx="1198">
                  <c:v>108.675545</c:v>
                </c:pt>
                <c:pt idx="1199">
                  <c:v>108.63503300000001</c:v>
                </c:pt>
                <c:pt idx="1200">
                  <c:v>108.64073</c:v>
                </c:pt>
                <c:pt idx="1201">
                  <c:v>108.5506</c:v>
                </c:pt>
                <c:pt idx="1202">
                  <c:v>108.54057</c:v>
                </c:pt>
                <c:pt idx="1203">
                  <c:v>108.50192</c:v>
                </c:pt>
                <c:pt idx="1204">
                  <c:v>108.520303</c:v>
                </c:pt>
                <c:pt idx="1205">
                  <c:v>108.58709899999999</c:v>
                </c:pt>
                <c:pt idx="1206">
                  <c:v>108.606555</c:v>
                </c:pt>
                <c:pt idx="1207">
                  <c:v>108.639904</c:v>
                </c:pt>
                <c:pt idx="1208">
                  <c:v>108.660245</c:v>
                </c:pt>
                <c:pt idx="1209">
                  <c:v>108.609058</c:v>
                </c:pt>
                <c:pt idx="1210">
                  <c:v>108.625625</c:v>
                </c:pt>
                <c:pt idx="1211">
                  <c:v>108.63441899999999</c:v>
                </c:pt>
                <c:pt idx="1212">
                  <c:v>108.631935</c:v>
                </c:pt>
                <c:pt idx="1213">
                  <c:v>108.64702</c:v>
                </c:pt>
                <c:pt idx="1214">
                  <c:v>108.664145</c:v>
                </c:pt>
                <c:pt idx="1215">
                  <c:v>108.65733</c:v>
                </c:pt>
                <c:pt idx="1216">
                  <c:v>108.68257199999999</c:v>
                </c:pt>
                <c:pt idx="1217">
                  <c:v>108.63553400000001</c:v>
                </c:pt>
                <c:pt idx="1218">
                  <c:v>108.595215</c:v>
                </c:pt>
                <c:pt idx="1219">
                  <c:v>108.55930600000001</c:v>
                </c:pt>
                <c:pt idx="1220">
                  <c:v>108.59414099999999</c:v>
                </c:pt>
                <c:pt idx="1221">
                  <c:v>108.60386099999999</c:v>
                </c:pt>
                <c:pt idx="1222">
                  <c:v>108.577186</c:v>
                </c:pt>
                <c:pt idx="1223">
                  <c:v>108.53349</c:v>
                </c:pt>
                <c:pt idx="1224">
                  <c:v>108.562453</c:v>
                </c:pt>
                <c:pt idx="1225">
                  <c:v>108.546807</c:v>
                </c:pt>
                <c:pt idx="1226">
                  <c:v>108.554165</c:v>
                </c:pt>
                <c:pt idx="1227">
                  <c:v>108.517731</c:v>
                </c:pt>
                <c:pt idx="1228">
                  <c:v>108.506978</c:v>
                </c:pt>
                <c:pt idx="1229">
                  <c:v>108.51442400000001</c:v>
                </c:pt>
                <c:pt idx="1230">
                  <c:v>108.541342</c:v>
                </c:pt>
                <c:pt idx="1231">
                  <c:v>108.549086</c:v>
                </c:pt>
                <c:pt idx="1232">
                  <c:v>108.532877</c:v>
                </c:pt>
                <c:pt idx="1233">
                  <c:v>108.523883</c:v>
                </c:pt>
                <c:pt idx="1234">
                  <c:v>108.539067</c:v>
                </c:pt>
                <c:pt idx="1235">
                  <c:v>108.476645</c:v>
                </c:pt>
                <c:pt idx="1236">
                  <c:v>108.595185</c:v>
                </c:pt>
                <c:pt idx="1237">
                  <c:v>108.65318000000001</c:v>
                </c:pt>
                <c:pt idx="1238">
                  <c:v>108.53655500000001</c:v>
                </c:pt>
                <c:pt idx="1239">
                  <c:v>108.552561</c:v>
                </c:pt>
                <c:pt idx="1240">
                  <c:v>108.71347900000001</c:v>
                </c:pt>
                <c:pt idx="1241">
                  <c:v>108.79076999999999</c:v>
                </c:pt>
                <c:pt idx="1242">
                  <c:v>108.77230900000001</c:v>
                </c:pt>
                <c:pt idx="1243">
                  <c:v>108.67843999999999</c:v>
                </c:pt>
                <c:pt idx="1244">
                  <c:v>108.70871699999999</c:v>
                </c:pt>
                <c:pt idx="1245">
                  <c:v>108.779472</c:v>
                </c:pt>
                <c:pt idx="1246">
                  <c:v>108.758326</c:v>
                </c:pt>
                <c:pt idx="1247">
                  <c:v>108.66146999999999</c:v>
                </c:pt>
                <c:pt idx="1248">
                  <c:v>108.58636</c:v>
                </c:pt>
                <c:pt idx="1249">
                  <c:v>108.523627</c:v>
                </c:pt>
                <c:pt idx="1250">
                  <c:v>108.654355</c:v>
                </c:pt>
                <c:pt idx="1251">
                  <c:v>108.70890900000001</c:v>
                </c:pt>
                <c:pt idx="1252">
                  <c:v>108.702983</c:v>
                </c:pt>
                <c:pt idx="1253">
                  <c:v>108.659693</c:v>
                </c:pt>
                <c:pt idx="1254">
                  <c:v>108.672528</c:v>
                </c:pt>
                <c:pt idx="1255">
                  <c:v>108.684999</c:v>
                </c:pt>
                <c:pt idx="1256">
                  <c:v>108.673401</c:v>
                </c:pt>
                <c:pt idx="1257">
                  <c:v>108.597492</c:v>
                </c:pt>
                <c:pt idx="1258">
                  <c:v>108.621562</c:v>
                </c:pt>
                <c:pt idx="1259">
                  <c:v>108.667265</c:v>
                </c:pt>
                <c:pt idx="1260">
                  <c:v>108.74507699999999</c:v>
                </c:pt>
                <c:pt idx="1261">
                  <c:v>108.730154</c:v>
                </c:pt>
                <c:pt idx="1262">
                  <c:v>108.746849</c:v>
                </c:pt>
                <c:pt idx="1263">
                  <c:v>108.799211</c:v>
                </c:pt>
                <c:pt idx="1264">
                  <c:v>108.81223799999999</c:v>
                </c:pt>
                <c:pt idx="1265">
                  <c:v>108.757875</c:v>
                </c:pt>
                <c:pt idx="1266">
                  <c:v>108.674536</c:v>
                </c:pt>
                <c:pt idx="1267">
                  <c:v>108.657509</c:v>
                </c:pt>
                <c:pt idx="1268">
                  <c:v>108.757575</c:v>
                </c:pt>
                <c:pt idx="1269">
                  <c:v>108.782707</c:v>
                </c:pt>
                <c:pt idx="1270">
                  <c:v>108.796199</c:v>
                </c:pt>
                <c:pt idx="1271">
                  <c:v>108.831035</c:v>
                </c:pt>
                <c:pt idx="1272">
                  <c:v>108.824253</c:v>
                </c:pt>
                <c:pt idx="1273">
                  <c:v>108.81582299999999</c:v>
                </c:pt>
                <c:pt idx="1274">
                  <c:v>108.832228</c:v>
                </c:pt>
                <c:pt idx="1275">
                  <c:v>108.775301</c:v>
                </c:pt>
                <c:pt idx="1276">
                  <c:v>108.767555</c:v>
                </c:pt>
                <c:pt idx="1277">
                  <c:v>108.78589599999999</c:v>
                </c:pt>
                <c:pt idx="1278">
                  <c:v>108.879401</c:v>
                </c:pt>
                <c:pt idx="1279">
                  <c:v>108.878129</c:v>
                </c:pt>
                <c:pt idx="1280">
                  <c:v>108.864915</c:v>
                </c:pt>
                <c:pt idx="1281">
                  <c:v>108.806152</c:v>
                </c:pt>
                <c:pt idx="1282">
                  <c:v>108.781677</c:v>
                </c:pt>
                <c:pt idx="1283">
                  <c:v>108.780545</c:v>
                </c:pt>
                <c:pt idx="1284">
                  <c:v>108.785821</c:v>
                </c:pt>
                <c:pt idx="1285">
                  <c:v>108.79226800000001</c:v>
                </c:pt>
                <c:pt idx="1286">
                  <c:v>108.82379</c:v>
                </c:pt>
                <c:pt idx="1287">
                  <c:v>108.750925</c:v>
                </c:pt>
                <c:pt idx="1288">
                  <c:v>108.74804399999999</c:v>
                </c:pt>
                <c:pt idx="1289">
                  <c:v>108.79921899999999</c:v>
                </c:pt>
                <c:pt idx="1290">
                  <c:v>108.906941</c:v>
                </c:pt>
                <c:pt idx="1291">
                  <c:v>108.846276</c:v>
                </c:pt>
                <c:pt idx="1292">
                  <c:v>108.801193</c:v>
                </c:pt>
                <c:pt idx="1293">
                  <c:v>108.811176</c:v>
                </c:pt>
                <c:pt idx="1294">
                  <c:v>108.789849</c:v>
                </c:pt>
                <c:pt idx="1295">
                  <c:v>108.770279</c:v>
                </c:pt>
                <c:pt idx="1296">
                  <c:v>108.82290500000001</c:v>
                </c:pt>
                <c:pt idx="1297">
                  <c:v>108.92846400000001</c:v>
                </c:pt>
                <c:pt idx="1298">
                  <c:v>108.972945</c:v>
                </c:pt>
                <c:pt idx="1299">
                  <c:v>108.906159</c:v>
                </c:pt>
                <c:pt idx="1300">
                  <c:v>108.892725</c:v>
                </c:pt>
                <c:pt idx="1301">
                  <c:v>108.862206</c:v>
                </c:pt>
                <c:pt idx="1302">
                  <c:v>108.943791</c:v>
                </c:pt>
                <c:pt idx="1303">
                  <c:v>108.946575</c:v>
                </c:pt>
                <c:pt idx="1304">
                  <c:v>108.91698599999999</c:v>
                </c:pt>
                <c:pt idx="1305">
                  <c:v>108.86348700000001</c:v>
                </c:pt>
                <c:pt idx="1306">
                  <c:v>108.836392</c:v>
                </c:pt>
                <c:pt idx="1307">
                  <c:v>108.88494900000001</c:v>
                </c:pt>
                <c:pt idx="1308">
                  <c:v>108.90725500000001</c:v>
                </c:pt>
                <c:pt idx="1309">
                  <c:v>108.87152500000001</c:v>
                </c:pt>
                <c:pt idx="1310">
                  <c:v>108.826874</c:v>
                </c:pt>
                <c:pt idx="1311">
                  <c:v>108.822232</c:v>
                </c:pt>
                <c:pt idx="1312">
                  <c:v>108.881788</c:v>
                </c:pt>
                <c:pt idx="1313">
                  <c:v>108.84107299999999</c:v>
                </c:pt>
                <c:pt idx="1314">
                  <c:v>108.902131</c:v>
                </c:pt>
                <c:pt idx="1315">
                  <c:v>108.945826</c:v>
                </c:pt>
                <c:pt idx="1316">
                  <c:v>109.02702600000001</c:v>
                </c:pt>
                <c:pt idx="1317">
                  <c:v>109.063106</c:v>
                </c:pt>
                <c:pt idx="1318">
                  <c:v>109.067881</c:v>
                </c:pt>
                <c:pt idx="1319">
                  <c:v>108.969398</c:v>
                </c:pt>
                <c:pt idx="1320">
                  <c:v>108.96390700000001</c:v>
                </c:pt>
                <c:pt idx="1321">
                  <c:v>108.930071</c:v>
                </c:pt>
                <c:pt idx="1322">
                  <c:v>108.9539</c:v>
                </c:pt>
                <c:pt idx="1323">
                  <c:v>108.91377300000001</c:v>
                </c:pt>
                <c:pt idx="1324">
                  <c:v>108.985606</c:v>
                </c:pt>
                <c:pt idx="1325">
                  <c:v>108.96817900000001</c:v>
                </c:pt>
                <c:pt idx="1326">
                  <c:v>108.920333</c:v>
                </c:pt>
                <c:pt idx="1327">
                  <c:v>108.87278999999999</c:v>
                </c:pt>
                <c:pt idx="1328">
                  <c:v>108.936875</c:v>
                </c:pt>
                <c:pt idx="1329">
                  <c:v>108.93179600000001</c:v>
                </c:pt>
                <c:pt idx="1330">
                  <c:v>108.96019200000001</c:v>
                </c:pt>
                <c:pt idx="1331">
                  <c:v>108.957471</c:v>
                </c:pt>
                <c:pt idx="1332">
                  <c:v>108.94702100000001</c:v>
                </c:pt>
                <c:pt idx="1333">
                  <c:v>108.87787299999999</c:v>
                </c:pt>
                <c:pt idx="1334">
                  <c:v>108.814511</c:v>
                </c:pt>
                <c:pt idx="1335">
                  <c:v>108.820019</c:v>
                </c:pt>
                <c:pt idx="1336">
                  <c:v>108.98106199999999</c:v>
                </c:pt>
                <c:pt idx="1337">
                  <c:v>108.951385</c:v>
                </c:pt>
                <c:pt idx="1338">
                  <c:v>108.924611</c:v>
                </c:pt>
                <c:pt idx="1339">
                  <c:v>108.899845</c:v>
                </c:pt>
                <c:pt idx="1340">
                  <c:v>108.961456</c:v>
                </c:pt>
                <c:pt idx="1341">
                  <c:v>108.909296</c:v>
                </c:pt>
                <c:pt idx="1342">
                  <c:v>108.997777</c:v>
                </c:pt>
                <c:pt idx="1343">
                  <c:v>109.075656</c:v>
                </c:pt>
                <c:pt idx="1344">
                  <c:v>108.93565099999999</c:v>
                </c:pt>
                <c:pt idx="1345">
                  <c:v>108.787161</c:v>
                </c:pt>
                <c:pt idx="1346">
                  <c:v>108.81358</c:v>
                </c:pt>
                <c:pt idx="1347">
                  <c:v>108.82711999999999</c:v>
                </c:pt>
                <c:pt idx="1348">
                  <c:v>108.87133</c:v>
                </c:pt>
                <c:pt idx="1349">
                  <c:v>108.94637</c:v>
                </c:pt>
                <c:pt idx="1350">
                  <c:v>108.969431</c:v>
                </c:pt>
                <c:pt idx="1351">
                  <c:v>108.878012</c:v>
                </c:pt>
                <c:pt idx="1352">
                  <c:v>108.818789</c:v>
                </c:pt>
                <c:pt idx="1353">
                  <c:v>108.795569</c:v>
                </c:pt>
                <c:pt idx="1354">
                  <c:v>108.888547</c:v>
                </c:pt>
                <c:pt idx="1355">
                  <c:v>108.840333</c:v>
                </c:pt>
                <c:pt idx="1356">
                  <c:v>108.803037</c:v>
                </c:pt>
                <c:pt idx="1357">
                  <c:v>108.769858</c:v>
                </c:pt>
                <c:pt idx="1358">
                  <c:v>108.852108</c:v>
                </c:pt>
                <c:pt idx="1359">
                  <c:v>109.006203</c:v>
                </c:pt>
                <c:pt idx="1360">
                  <c:v>109.07749699999999</c:v>
                </c:pt>
                <c:pt idx="1361">
                  <c:v>108.905444</c:v>
                </c:pt>
                <c:pt idx="1362">
                  <c:v>108.788954</c:v>
                </c:pt>
                <c:pt idx="1363">
                  <c:v>108.779976</c:v>
                </c:pt>
                <c:pt idx="1364">
                  <c:v>109.14518200000001</c:v>
                </c:pt>
                <c:pt idx="1365">
                  <c:v>109.013597</c:v>
                </c:pt>
                <c:pt idx="1366">
                  <c:v>108.919957</c:v>
                </c:pt>
                <c:pt idx="1367">
                  <c:v>108.83123500000001</c:v>
                </c:pt>
                <c:pt idx="1368">
                  <c:v>108.759586</c:v>
                </c:pt>
                <c:pt idx="1369">
                  <c:v>108.84867199999999</c:v>
                </c:pt>
                <c:pt idx="1370">
                  <c:v>108.908011</c:v>
                </c:pt>
                <c:pt idx="1371">
                  <c:v>108.905102</c:v>
                </c:pt>
                <c:pt idx="1372">
                  <c:v>108.823438</c:v>
                </c:pt>
                <c:pt idx="1373">
                  <c:v>108.6264</c:v>
                </c:pt>
                <c:pt idx="1374">
                  <c:v>108.70832900000001</c:v>
                </c:pt>
                <c:pt idx="1375">
                  <c:v>108.96723900000001</c:v>
                </c:pt>
                <c:pt idx="1376">
                  <c:v>108.95479899999999</c:v>
                </c:pt>
                <c:pt idx="1377">
                  <c:v>108.781569</c:v>
                </c:pt>
                <c:pt idx="1378">
                  <c:v>109.01957</c:v>
                </c:pt>
                <c:pt idx="1379">
                  <c:v>109.07462200000001</c:v>
                </c:pt>
                <c:pt idx="1380">
                  <c:v>109.026757</c:v>
                </c:pt>
                <c:pt idx="1381">
                  <c:v>109.009545</c:v>
                </c:pt>
                <c:pt idx="1382">
                  <c:v>109.029844</c:v>
                </c:pt>
                <c:pt idx="1383">
                  <c:v>108.93463300000001</c:v>
                </c:pt>
                <c:pt idx="1384">
                  <c:v>108.81952699999999</c:v>
                </c:pt>
                <c:pt idx="1385">
                  <c:v>108.854153</c:v>
                </c:pt>
                <c:pt idx="1386">
                  <c:v>108.948994</c:v>
                </c:pt>
                <c:pt idx="1387">
                  <c:v>108.541713</c:v>
                </c:pt>
                <c:pt idx="1388">
                  <c:v>108.697456</c:v>
                </c:pt>
                <c:pt idx="1389">
                  <c:v>109.011763</c:v>
                </c:pt>
                <c:pt idx="1390">
                  <c:v>109.09083699999999</c:v>
                </c:pt>
                <c:pt idx="1391">
                  <c:v>109.03254699999999</c:v>
                </c:pt>
                <c:pt idx="1392">
                  <c:v>109.04838599999999</c:v>
                </c:pt>
                <c:pt idx="1393">
                  <c:v>108.91824200000001</c:v>
                </c:pt>
                <c:pt idx="1394">
                  <c:v>108.772931</c:v>
                </c:pt>
                <c:pt idx="1395">
                  <c:v>109.041845</c:v>
                </c:pt>
                <c:pt idx="1396">
                  <c:v>109.329165</c:v>
                </c:pt>
                <c:pt idx="1397">
                  <c:v>109.225002</c:v>
                </c:pt>
                <c:pt idx="1398">
                  <c:v>109.04974900000001</c:v>
                </c:pt>
                <c:pt idx="1399">
                  <c:v>108.92031799999999</c:v>
                </c:pt>
                <c:pt idx="1400">
                  <c:v>108.92278</c:v>
                </c:pt>
                <c:pt idx="1401">
                  <c:v>108.959765</c:v>
                </c:pt>
                <c:pt idx="1402">
                  <c:v>109.052823</c:v>
                </c:pt>
                <c:pt idx="1403">
                  <c:v>108.977298</c:v>
                </c:pt>
                <c:pt idx="1404">
                  <c:v>108.939161</c:v>
                </c:pt>
                <c:pt idx="1405">
                  <c:v>108.828896</c:v>
                </c:pt>
                <c:pt idx="1406">
                  <c:v>108.86301899999999</c:v>
                </c:pt>
                <c:pt idx="1407">
                  <c:v>109.082021</c:v>
                </c:pt>
                <c:pt idx="1408">
                  <c:v>109.092736</c:v>
                </c:pt>
                <c:pt idx="1409">
                  <c:v>108.942967</c:v>
                </c:pt>
                <c:pt idx="1410">
                  <c:v>108.880077</c:v>
                </c:pt>
                <c:pt idx="1411">
                  <c:v>108.784356</c:v>
                </c:pt>
                <c:pt idx="1412">
                  <c:v>108.91300200000001</c:v>
                </c:pt>
                <c:pt idx="1413">
                  <c:v>109.027551</c:v>
                </c:pt>
                <c:pt idx="1414">
                  <c:v>109.11257500000001</c:v>
                </c:pt>
                <c:pt idx="1415">
                  <c:v>109.103419</c:v>
                </c:pt>
                <c:pt idx="1416">
                  <c:v>108.89818699999999</c:v>
                </c:pt>
                <c:pt idx="1417">
                  <c:v>108.898867</c:v>
                </c:pt>
                <c:pt idx="1418">
                  <c:v>109.14491200000001</c:v>
                </c:pt>
                <c:pt idx="1419">
                  <c:v>109.16701</c:v>
                </c:pt>
                <c:pt idx="1420">
                  <c:v>109.16557400000001</c:v>
                </c:pt>
                <c:pt idx="1421">
                  <c:v>109.05906400000001</c:v>
                </c:pt>
                <c:pt idx="1422">
                  <c:v>108.93128400000001</c:v>
                </c:pt>
                <c:pt idx="1423">
                  <c:v>108.623075</c:v>
                </c:pt>
                <c:pt idx="1424">
                  <c:v>108.864709</c:v>
                </c:pt>
                <c:pt idx="1425">
                  <c:v>108.690144</c:v>
                </c:pt>
                <c:pt idx="1426">
                  <c:v>108.71433</c:v>
                </c:pt>
                <c:pt idx="1427">
                  <c:v>108.88166</c:v>
                </c:pt>
                <c:pt idx="1428">
                  <c:v>109.003022</c:v>
                </c:pt>
                <c:pt idx="1429">
                  <c:v>108.95739</c:v>
                </c:pt>
                <c:pt idx="1430">
                  <c:v>108.89795700000001</c:v>
                </c:pt>
                <c:pt idx="1431">
                  <c:v>108.83417900000001</c:v>
                </c:pt>
                <c:pt idx="1432">
                  <c:v>108.91360299999999</c:v>
                </c:pt>
                <c:pt idx="1433">
                  <c:v>108.825267</c:v>
                </c:pt>
                <c:pt idx="1434">
                  <c:v>108.899362</c:v>
                </c:pt>
                <c:pt idx="1435">
                  <c:v>109.00663299999999</c:v>
                </c:pt>
                <c:pt idx="1436">
                  <c:v>108.909628</c:v>
                </c:pt>
                <c:pt idx="1437">
                  <c:v>108.94543400000001</c:v>
                </c:pt>
                <c:pt idx="1438">
                  <c:v>108.932877</c:v>
                </c:pt>
                <c:pt idx="1439">
                  <c:v>108.904355</c:v>
                </c:pt>
                <c:pt idx="1440">
                  <c:v>108.974324</c:v>
                </c:pt>
                <c:pt idx="1441">
                  <c:v>108.852011</c:v>
                </c:pt>
                <c:pt idx="1442">
                  <c:v>108.901487</c:v>
                </c:pt>
                <c:pt idx="1443">
                  <c:v>108.97254</c:v>
                </c:pt>
                <c:pt idx="1444">
                  <c:v>108.95780999999999</c:v>
                </c:pt>
                <c:pt idx="1445">
                  <c:v>108.897918</c:v>
                </c:pt>
                <c:pt idx="1446">
                  <c:v>108.86153400000001</c:v>
                </c:pt>
                <c:pt idx="1447">
                  <c:v>108.87380899999999</c:v>
                </c:pt>
                <c:pt idx="1448">
                  <c:v>108.907977</c:v>
                </c:pt>
                <c:pt idx="1449">
                  <c:v>108.821055</c:v>
                </c:pt>
                <c:pt idx="1450">
                  <c:v>108.74426200000001</c:v>
                </c:pt>
                <c:pt idx="1451">
                  <c:v>108.796623</c:v>
                </c:pt>
                <c:pt idx="1452">
                  <c:v>108.73162499999999</c:v>
                </c:pt>
                <c:pt idx="1453">
                  <c:v>108.721754</c:v>
                </c:pt>
                <c:pt idx="1454">
                  <c:v>108.953745</c:v>
                </c:pt>
                <c:pt idx="1455">
                  <c:v>108.81600899999999</c:v>
                </c:pt>
                <c:pt idx="1456">
                  <c:v>109.009294</c:v>
                </c:pt>
                <c:pt idx="1457">
                  <c:v>108.993332</c:v>
                </c:pt>
                <c:pt idx="1458">
                  <c:v>108.885082</c:v>
                </c:pt>
                <c:pt idx="1459">
                  <c:v>108.807472</c:v>
                </c:pt>
                <c:pt idx="1460">
                  <c:v>108.685275</c:v>
                </c:pt>
                <c:pt idx="1461">
                  <c:v>108.805346</c:v>
                </c:pt>
                <c:pt idx="1462">
                  <c:v>108.77970000000001</c:v>
                </c:pt>
                <c:pt idx="1463">
                  <c:v>108.687061</c:v>
                </c:pt>
                <c:pt idx="1464">
                  <c:v>108.96627100000001</c:v>
                </c:pt>
                <c:pt idx="1465">
                  <c:v>108.86752300000001</c:v>
                </c:pt>
                <c:pt idx="1466">
                  <c:v>108.930747</c:v>
                </c:pt>
                <c:pt idx="1467">
                  <c:v>108.95377000000001</c:v>
                </c:pt>
                <c:pt idx="1468">
                  <c:v>108.848826</c:v>
                </c:pt>
                <c:pt idx="1469">
                  <c:v>108.872592</c:v>
                </c:pt>
                <c:pt idx="1470">
                  <c:v>108.920372</c:v>
                </c:pt>
                <c:pt idx="1471">
                  <c:v>108.760372</c:v>
                </c:pt>
                <c:pt idx="1472">
                  <c:v>108.652114</c:v>
                </c:pt>
                <c:pt idx="1473">
                  <c:v>108.729731</c:v>
                </c:pt>
                <c:pt idx="1474">
                  <c:v>108.84423700000001</c:v>
                </c:pt>
                <c:pt idx="1475">
                  <c:v>108.92649299999999</c:v>
                </c:pt>
                <c:pt idx="1476">
                  <c:v>108.908888</c:v>
                </c:pt>
                <c:pt idx="1477">
                  <c:v>108.741715</c:v>
                </c:pt>
                <c:pt idx="1478">
                  <c:v>108.68680500000001</c:v>
                </c:pt>
                <c:pt idx="1479">
                  <c:v>108.543063</c:v>
                </c:pt>
                <c:pt idx="1480">
                  <c:v>108.85807699999999</c:v>
                </c:pt>
                <c:pt idx="1481">
                  <c:v>109.09168699999999</c:v>
                </c:pt>
                <c:pt idx="1482">
                  <c:v>108.942435</c:v>
                </c:pt>
                <c:pt idx="1483">
                  <c:v>108.79282600000001</c:v>
                </c:pt>
                <c:pt idx="1484">
                  <c:v>108.695317</c:v>
                </c:pt>
                <c:pt idx="1485">
                  <c:v>108.633394</c:v>
                </c:pt>
                <c:pt idx="1486">
                  <c:v>108.79695100000001</c:v>
                </c:pt>
                <c:pt idx="1487">
                  <c:v>108.756524</c:v>
                </c:pt>
                <c:pt idx="1488">
                  <c:v>108.69789900000001</c:v>
                </c:pt>
                <c:pt idx="1489">
                  <c:v>109.025998</c:v>
                </c:pt>
                <c:pt idx="1490">
                  <c:v>108.86131</c:v>
                </c:pt>
                <c:pt idx="1491">
                  <c:v>108.86304</c:v>
                </c:pt>
                <c:pt idx="1492">
                  <c:v>108.794085</c:v>
                </c:pt>
                <c:pt idx="1493">
                  <c:v>108.529061</c:v>
                </c:pt>
                <c:pt idx="1494">
                  <c:v>108.616767</c:v>
                </c:pt>
                <c:pt idx="1495">
                  <c:v>108.69940699999999</c:v>
                </c:pt>
                <c:pt idx="1496">
                  <c:v>108.67968</c:v>
                </c:pt>
                <c:pt idx="1497">
                  <c:v>108.82699700000001</c:v>
                </c:pt>
                <c:pt idx="1498">
                  <c:v>108.78484</c:v>
                </c:pt>
                <c:pt idx="1499">
                  <c:v>108.645292</c:v>
                </c:pt>
                <c:pt idx="1500">
                  <c:v>108.772926</c:v>
                </c:pt>
                <c:pt idx="1501">
                  <c:v>108.805376</c:v>
                </c:pt>
                <c:pt idx="1502">
                  <c:v>108.72903700000001</c:v>
                </c:pt>
                <c:pt idx="1503">
                  <c:v>108.50094900000001</c:v>
                </c:pt>
                <c:pt idx="1504">
                  <c:v>108.48594799999999</c:v>
                </c:pt>
                <c:pt idx="1505">
                  <c:v>108.64836200000001</c:v>
                </c:pt>
                <c:pt idx="1506">
                  <c:v>108.70239100000001</c:v>
                </c:pt>
                <c:pt idx="1507">
                  <c:v>108.64886300000001</c:v>
                </c:pt>
                <c:pt idx="1508">
                  <c:v>108.719638</c:v>
                </c:pt>
                <c:pt idx="1509">
                  <c:v>108.727351</c:v>
                </c:pt>
                <c:pt idx="1510">
                  <c:v>108.674224</c:v>
                </c:pt>
                <c:pt idx="1511">
                  <c:v>108.657752</c:v>
                </c:pt>
                <c:pt idx="1512">
                  <c:v>108.67569</c:v>
                </c:pt>
                <c:pt idx="1513">
                  <c:v>108.648995</c:v>
                </c:pt>
                <c:pt idx="1514">
                  <c:v>108.665926</c:v>
                </c:pt>
                <c:pt idx="1515">
                  <c:v>108.631592</c:v>
                </c:pt>
                <c:pt idx="1516">
                  <c:v>108.584107</c:v>
                </c:pt>
                <c:pt idx="1517">
                  <c:v>108.671691</c:v>
                </c:pt>
                <c:pt idx="1518">
                  <c:v>108.693918</c:v>
                </c:pt>
                <c:pt idx="1519">
                  <c:v>108.518233</c:v>
                </c:pt>
                <c:pt idx="1520">
                  <c:v>108.444632</c:v>
                </c:pt>
                <c:pt idx="1521">
                  <c:v>108.405067</c:v>
                </c:pt>
                <c:pt idx="1522">
                  <c:v>108.551243</c:v>
                </c:pt>
                <c:pt idx="1523">
                  <c:v>108.572199</c:v>
                </c:pt>
                <c:pt idx="1524">
                  <c:v>108.623959</c:v>
                </c:pt>
                <c:pt idx="1525">
                  <c:v>108.592575</c:v>
                </c:pt>
                <c:pt idx="1526">
                  <c:v>108.610471</c:v>
                </c:pt>
                <c:pt idx="1527">
                  <c:v>108.588207</c:v>
                </c:pt>
                <c:pt idx="1528">
                  <c:v>108.504688</c:v>
                </c:pt>
                <c:pt idx="1529">
                  <c:v>108.502931</c:v>
                </c:pt>
                <c:pt idx="1530">
                  <c:v>108.618515</c:v>
                </c:pt>
                <c:pt idx="1531">
                  <c:v>108.586125</c:v>
                </c:pt>
                <c:pt idx="1532">
                  <c:v>108.53372400000001</c:v>
                </c:pt>
                <c:pt idx="1533">
                  <c:v>108.532597</c:v>
                </c:pt>
                <c:pt idx="1534">
                  <c:v>108.604742</c:v>
                </c:pt>
                <c:pt idx="1535">
                  <c:v>108.55479099999999</c:v>
                </c:pt>
                <c:pt idx="1536">
                  <c:v>108.633256</c:v>
                </c:pt>
                <c:pt idx="1537">
                  <c:v>108.660038</c:v>
                </c:pt>
                <c:pt idx="1538">
                  <c:v>108.653656</c:v>
                </c:pt>
                <c:pt idx="1539">
                  <c:v>108.594904</c:v>
                </c:pt>
                <c:pt idx="1540">
                  <c:v>108.54510399999999</c:v>
                </c:pt>
                <c:pt idx="1541">
                  <c:v>108.477496</c:v>
                </c:pt>
                <c:pt idx="1542">
                  <c:v>108.50861999999999</c:v>
                </c:pt>
                <c:pt idx="1543">
                  <c:v>108.47147099999999</c:v>
                </c:pt>
                <c:pt idx="1544">
                  <c:v>108.47553000000001</c:v>
                </c:pt>
                <c:pt idx="1545">
                  <c:v>108.4807</c:v>
                </c:pt>
                <c:pt idx="1546">
                  <c:v>108.464705</c:v>
                </c:pt>
                <c:pt idx="1547">
                  <c:v>108.377754</c:v>
                </c:pt>
                <c:pt idx="1548">
                  <c:v>108.459986</c:v>
                </c:pt>
                <c:pt idx="1549">
                  <c:v>108.503711</c:v>
                </c:pt>
                <c:pt idx="1550">
                  <c:v>108.50355500000001</c:v>
                </c:pt>
                <c:pt idx="1551">
                  <c:v>108.420874</c:v>
                </c:pt>
                <c:pt idx="1552">
                  <c:v>108.41057600000001</c:v>
                </c:pt>
                <c:pt idx="1553">
                  <c:v>108.38342</c:v>
                </c:pt>
                <c:pt idx="1554">
                  <c:v>108.480833</c:v>
                </c:pt>
                <c:pt idx="1555">
                  <c:v>108.48079799999999</c:v>
                </c:pt>
                <c:pt idx="1556">
                  <c:v>108.42836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4D1E-498B-A6C1-B654C2EDF5C7}"/>
            </c:ext>
          </c:extLst>
        </c:ser>
        <c:ser>
          <c:idx val="4"/>
          <c:order val="4"/>
          <c:tx>
            <c:strRef>
              <c:f>'Fig 2 a'!$K$10</c:f>
              <c:strCache>
                <c:ptCount val="1"/>
                <c:pt idx="0">
                  <c:v>S-D-2.8</c:v>
                </c:pt>
              </c:strCache>
            </c:strRef>
          </c:tx>
          <c:spPr>
            <a:ln w="28575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g 2 a'!$J$11:$J$1567</c:f>
              <c:numCache>
                <c:formatCode>General</c:formatCode>
                <c:ptCount val="1557"/>
                <c:pt idx="0">
                  <c:v>999.12668799999994</c:v>
                </c:pt>
                <c:pt idx="1">
                  <c:v>1001.055504</c:v>
                </c:pt>
                <c:pt idx="2">
                  <c:v>1002.98432</c:v>
                </c:pt>
                <c:pt idx="3">
                  <c:v>1004.913136</c:v>
                </c:pt>
                <c:pt idx="4">
                  <c:v>1006.841952</c:v>
                </c:pt>
                <c:pt idx="5">
                  <c:v>1008.770768</c:v>
                </c:pt>
                <c:pt idx="6">
                  <c:v>1010.699584</c:v>
                </c:pt>
                <c:pt idx="7">
                  <c:v>1012.6284000000001</c:v>
                </c:pt>
                <c:pt idx="8">
                  <c:v>1014.557216</c:v>
                </c:pt>
                <c:pt idx="9">
                  <c:v>1016.486032</c:v>
                </c:pt>
                <c:pt idx="10">
                  <c:v>1018.414848</c:v>
                </c:pt>
                <c:pt idx="11">
                  <c:v>1020.343664</c:v>
                </c:pt>
                <c:pt idx="12">
                  <c:v>1022.27248</c:v>
                </c:pt>
                <c:pt idx="13">
                  <c:v>1024.201296</c:v>
                </c:pt>
                <c:pt idx="14">
                  <c:v>1026.1301120000001</c:v>
                </c:pt>
                <c:pt idx="15">
                  <c:v>1028.0589279999999</c:v>
                </c:pt>
                <c:pt idx="16">
                  <c:v>1029.987744</c:v>
                </c:pt>
                <c:pt idx="17">
                  <c:v>1031.9165599999999</c:v>
                </c:pt>
                <c:pt idx="18">
                  <c:v>1033.845376</c:v>
                </c:pt>
                <c:pt idx="19">
                  <c:v>1035.7741920000001</c:v>
                </c:pt>
                <c:pt idx="20">
                  <c:v>1037.703008</c:v>
                </c:pt>
                <c:pt idx="21">
                  <c:v>1039.6318240000001</c:v>
                </c:pt>
                <c:pt idx="22">
                  <c:v>1041.5606399999999</c:v>
                </c:pt>
                <c:pt idx="23">
                  <c:v>1043.489456</c:v>
                </c:pt>
                <c:pt idx="24">
                  <c:v>1045.4182719999999</c:v>
                </c:pt>
                <c:pt idx="25">
                  <c:v>1047.347088</c:v>
                </c:pt>
                <c:pt idx="26">
                  <c:v>1049.2759040000001</c:v>
                </c:pt>
                <c:pt idx="27">
                  <c:v>1051.20472</c:v>
                </c:pt>
                <c:pt idx="28">
                  <c:v>1053.133536</c:v>
                </c:pt>
                <c:pt idx="29">
                  <c:v>1055.0623519999999</c:v>
                </c:pt>
                <c:pt idx="30">
                  <c:v>1056.991168</c:v>
                </c:pt>
                <c:pt idx="31">
                  <c:v>1058.9199840000001</c:v>
                </c:pt>
                <c:pt idx="32">
                  <c:v>1060.8488</c:v>
                </c:pt>
                <c:pt idx="33">
                  <c:v>1062.7776160000001</c:v>
                </c:pt>
                <c:pt idx="34">
                  <c:v>1064.7064319999999</c:v>
                </c:pt>
                <c:pt idx="35">
                  <c:v>1066.635248</c:v>
                </c:pt>
                <c:pt idx="36">
                  <c:v>1068.5640639999999</c:v>
                </c:pt>
                <c:pt idx="37">
                  <c:v>1070.49288</c:v>
                </c:pt>
                <c:pt idx="38">
                  <c:v>1072.4216960000001</c:v>
                </c:pt>
                <c:pt idx="39">
                  <c:v>1074.350512</c:v>
                </c:pt>
                <c:pt idx="40">
                  <c:v>1076.2793280000001</c:v>
                </c:pt>
                <c:pt idx="41">
                  <c:v>1078.2081439999999</c:v>
                </c:pt>
                <c:pt idx="42">
                  <c:v>1080.13696</c:v>
                </c:pt>
                <c:pt idx="43">
                  <c:v>1082.0657759999999</c:v>
                </c:pt>
                <c:pt idx="44">
                  <c:v>1083.994592</c:v>
                </c:pt>
                <c:pt idx="45">
                  <c:v>1085.9234080000001</c:v>
                </c:pt>
                <c:pt idx="46">
                  <c:v>1087.852224</c:v>
                </c:pt>
                <c:pt idx="47">
                  <c:v>1089.7810400000001</c:v>
                </c:pt>
                <c:pt idx="48">
                  <c:v>1091.7098559999999</c:v>
                </c:pt>
                <c:pt idx="49">
                  <c:v>1093.638672</c:v>
                </c:pt>
                <c:pt idx="50">
                  <c:v>1095.5674879999999</c:v>
                </c:pt>
                <c:pt idx="51">
                  <c:v>1097.496304</c:v>
                </c:pt>
                <c:pt idx="52">
                  <c:v>1099.4251200000001</c:v>
                </c:pt>
                <c:pt idx="53">
                  <c:v>1101.353936</c:v>
                </c:pt>
                <c:pt idx="54">
                  <c:v>1103.2827520000001</c:v>
                </c:pt>
                <c:pt idx="55">
                  <c:v>1105.2115679999999</c:v>
                </c:pt>
                <c:pt idx="56">
                  <c:v>1107.140384</c:v>
                </c:pt>
                <c:pt idx="57">
                  <c:v>1109.0691999999999</c:v>
                </c:pt>
                <c:pt idx="58">
                  <c:v>1110.998016</c:v>
                </c:pt>
                <c:pt idx="59">
                  <c:v>1112.9268320000001</c:v>
                </c:pt>
                <c:pt idx="60">
                  <c:v>1114.855648</c:v>
                </c:pt>
                <c:pt idx="61">
                  <c:v>1116.7844640000001</c:v>
                </c:pt>
                <c:pt idx="62">
                  <c:v>1118.7132799999999</c:v>
                </c:pt>
                <c:pt idx="63">
                  <c:v>1120.642096</c:v>
                </c:pt>
                <c:pt idx="64">
                  <c:v>1122.5709119999999</c:v>
                </c:pt>
                <c:pt idx="65">
                  <c:v>1124.499728</c:v>
                </c:pt>
                <c:pt idx="66">
                  <c:v>1126.4285440000001</c:v>
                </c:pt>
                <c:pt idx="67">
                  <c:v>1128.35736</c:v>
                </c:pt>
                <c:pt idx="68">
                  <c:v>1130.2861760000001</c:v>
                </c:pt>
                <c:pt idx="69">
                  <c:v>1132.2149919999999</c:v>
                </c:pt>
                <c:pt idx="70">
                  <c:v>1134.143808</c:v>
                </c:pt>
                <c:pt idx="71">
                  <c:v>1136.0726239999999</c:v>
                </c:pt>
                <c:pt idx="72">
                  <c:v>1138.00144</c:v>
                </c:pt>
                <c:pt idx="73">
                  <c:v>1139.9302560000001</c:v>
                </c:pt>
                <c:pt idx="74">
                  <c:v>1141.859072</c:v>
                </c:pt>
                <c:pt idx="75">
                  <c:v>1143.7878880000001</c:v>
                </c:pt>
                <c:pt idx="76">
                  <c:v>1145.7167039999999</c:v>
                </c:pt>
                <c:pt idx="77">
                  <c:v>1147.64552</c:v>
                </c:pt>
                <c:pt idx="78">
                  <c:v>1149.5743359999999</c:v>
                </c:pt>
                <c:pt idx="79">
                  <c:v>1151.503152</c:v>
                </c:pt>
                <c:pt idx="80">
                  <c:v>1153.4319680000001</c:v>
                </c:pt>
                <c:pt idx="81">
                  <c:v>1155.360784</c:v>
                </c:pt>
                <c:pt idx="82">
                  <c:v>1157.2896000000001</c:v>
                </c:pt>
                <c:pt idx="83">
                  <c:v>1159.2184159999999</c:v>
                </c:pt>
                <c:pt idx="84">
                  <c:v>1161.147232</c:v>
                </c:pt>
                <c:pt idx="85">
                  <c:v>1163.0760479999999</c:v>
                </c:pt>
                <c:pt idx="86">
                  <c:v>1165.004864</c:v>
                </c:pt>
                <c:pt idx="87">
                  <c:v>1166.9336800000001</c:v>
                </c:pt>
                <c:pt idx="88">
                  <c:v>1168.862496</c:v>
                </c:pt>
                <c:pt idx="89">
                  <c:v>1170.7913120000001</c:v>
                </c:pt>
                <c:pt idx="90">
                  <c:v>1172.7201279999999</c:v>
                </c:pt>
                <c:pt idx="91">
                  <c:v>1174.648944</c:v>
                </c:pt>
                <c:pt idx="92">
                  <c:v>1176.5777599999999</c:v>
                </c:pt>
                <c:pt idx="93">
                  <c:v>1178.506576</c:v>
                </c:pt>
                <c:pt idx="94">
                  <c:v>1180.4353920000001</c:v>
                </c:pt>
                <c:pt idx="95">
                  <c:v>1182.364208</c:v>
                </c:pt>
                <c:pt idx="96">
                  <c:v>1184.2930240000001</c:v>
                </c:pt>
                <c:pt idx="97">
                  <c:v>1186.2218399999999</c:v>
                </c:pt>
                <c:pt idx="98">
                  <c:v>1188.150656</c:v>
                </c:pt>
                <c:pt idx="99">
                  <c:v>1190.0794719999999</c:v>
                </c:pt>
                <c:pt idx="100">
                  <c:v>1192.008288</c:v>
                </c:pt>
                <c:pt idx="101">
                  <c:v>1193.9371040000001</c:v>
                </c:pt>
                <c:pt idx="102">
                  <c:v>1195.86592</c:v>
                </c:pt>
                <c:pt idx="103">
                  <c:v>1197.7947360000001</c:v>
                </c:pt>
                <c:pt idx="104">
                  <c:v>1199.7235519999999</c:v>
                </c:pt>
                <c:pt idx="105">
                  <c:v>1201.652368</c:v>
                </c:pt>
                <c:pt idx="106">
                  <c:v>1203.5811839999999</c:v>
                </c:pt>
                <c:pt idx="107">
                  <c:v>1205.51</c:v>
                </c:pt>
                <c:pt idx="108">
                  <c:v>1207.4388160000001</c:v>
                </c:pt>
                <c:pt idx="109">
                  <c:v>1209.367632</c:v>
                </c:pt>
                <c:pt idx="110">
                  <c:v>1211.2964480000001</c:v>
                </c:pt>
                <c:pt idx="111">
                  <c:v>1213.2252639999999</c:v>
                </c:pt>
                <c:pt idx="112">
                  <c:v>1215.15408</c:v>
                </c:pt>
                <c:pt idx="113">
                  <c:v>1217.0828959999999</c:v>
                </c:pt>
                <c:pt idx="114">
                  <c:v>1219.011712</c:v>
                </c:pt>
                <c:pt idx="115">
                  <c:v>1220.9405280000001</c:v>
                </c:pt>
                <c:pt idx="116">
                  <c:v>1222.869344</c:v>
                </c:pt>
                <c:pt idx="117">
                  <c:v>1224.7981600000001</c:v>
                </c:pt>
                <c:pt idx="118">
                  <c:v>1226.7269759999999</c:v>
                </c:pt>
                <c:pt idx="119">
                  <c:v>1228.655792</c:v>
                </c:pt>
                <c:pt idx="120">
                  <c:v>1230.5846079999999</c:v>
                </c:pt>
                <c:pt idx="121">
                  <c:v>1232.513424</c:v>
                </c:pt>
                <c:pt idx="122">
                  <c:v>1234.4422400000001</c:v>
                </c:pt>
                <c:pt idx="123">
                  <c:v>1236.371056</c:v>
                </c:pt>
                <c:pt idx="124">
                  <c:v>1238.2998720000001</c:v>
                </c:pt>
                <c:pt idx="125">
                  <c:v>1240.2286879999999</c:v>
                </c:pt>
                <c:pt idx="126">
                  <c:v>1242.157504</c:v>
                </c:pt>
                <c:pt idx="127">
                  <c:v>1244.0863199999999</c:v>
                </c:pt>
                <c:pt idx="128">
                  <c:v>1246.015136</c:v>
                </c:pt>
                <c:pt idx="129">
                  <c:v>1247.9439520000001</c:v>
                </c:pt>
                <c:pt idx="130">
                  <c:v>1249.872768</c:v>
                </c:pt>
                <c:pt idx="131">
                  <c:v>1251.801584</c:v>
                </c:pt>
                <c:pt idx="132">
                  <c:v>1253.7303999999999</c:v>
                </c:pt>
                <c:pt idx="133">
                  <c:v>1255.659216</c:v>
                </c:pt>
                <c:pt idx="134">
                  <c:v>1257.5880320000001</c:v>
                </c:pt>
                <c:pt idx="135">
                  <c:v>1259.516848</c:v>
                </c:pt>
                <c:pt idx="136">
                  <c:v>1261.4456640000001</c:v>
                </c:pt>
                <c:pt idx="137">
                  <c:v>1263.3744799999999</c:v>
                </c:pt>
                <c:pt idx="138">
                  <c:v>1265.303296</c:v>
                </c:pt>
                <c:pt idx="139">
                  <c:v>1267.2321119999999</c:v>
                </c:pt>
                <c:pt idx="140">
                  <c:v>1269.160928</c:v>
                </c:pt>
                <c:pt idx="141">
                  <c:v>1271.0897440000001</c:v>
                </c:pt>
                <c:pt idx="142">
                  <c:v>1273.01856</c:v>
                </c:pt>
                <c:pt idx="143">
                  <c:v>1274.9473760000001</c:v>
                </c:pt>
                <c:pt idx="144">
                  <c:v>1276.8761919999999</c:v>
                </c:pt>
                <c:pt idx="145">
                  <c:v>1278.805008</c:v>
                </c:pt>
                <c:pt idx="146">
                  <c:v>1280.7338239999999</c:v>
                </c:pt>
                <c:pt idx="147">
                  <c:v>1282.66264</c:v>
                </c:pt>
                <c:pt idx="148">
                  <c:v>1284.5914560000001</c:v>
                </c:pt>
                <c:pt idx="149">
                  <c:v>1286.520272</c:v>
                </c:pt>
                <c:pt idx="150">
                  <c:v>1288.4490880000001</c:v>
                </c:pt>
                <c:pt idx="151">
                  <c:v>1290.3779039999999</c:v>
                </c:pt>
                <c:pt idx="152">
                  <c:v>1292.30672</c:v>
                </c:pt>
                <c:pt idx="153">
                  <c:v>1294.2355359999999</c:v>
                </c:pt>
                <c:pt idx="154">
                  <c:v>1296.164352</c:v>
                </c:pt>
                <c:pt idx="155">
                  <c:v>1298.0931680000001</c:v>
                </c:pt>
                <c:pt idx="156">
                  <c:v>1300.021984</c:v>
                </c:pt>
                <c:pt idx="157">
                  <c:v>1301.9508000000001</c:v>
                </c:pt>
                <c:pt idx="158">
                  <c:v>1303.8796159999999</c:v>
                </c:pt>
                <c:pt idx="159">
                  <c:v>1305.808432</c:v>
                </c:pt>
                <c:pt idx="160">
                  <c:v>1307.7372479999999</c:v>
                </c:pt>
                <c:pt idx="161">
                  <c:v>1309.666064</c:v>
                </c:pt>
                <c:pt idx="162">
                  <c:v>1311.5948800000001</c:v>
                </c:pt>
                <c:pt idx="163">
                  <c:v>1313.523696</c:v>
                </c:pt>
                <c:pt idx="164">
                  <c:v>1315.4525120000001</c:v>
                </c:pt>
                <c:pt idx="165">
                  <c:v>1317.3813279999999</c:v>
                </c:pt>
                <c:pt idx="166">
                  <c:v>1319.310144</c:v>
                </c:pt>
                <c:pt idx="167">
                  <c:v>1321.2389599999999</c:v>
                </c:pt>
                <c:pt idx="168">
                  <c:v>1323.167776</c:v>
                </c:pt>
                <c:pt idx="169">
                  <c:v>1325.0965920000001</c:v>
                </c:pt>
                <c:pt idx="170">
                  <c:v>1327.025408</c:v>
                </c:pt>
                <c:pt idx="171">
                  <c:v>1328.9542240000001</c:v>
                </c:pt>
                <c:pt idx="172">
                  <c:v>1330.8830399999999</c:v>
                </c:pt>
                <c:pt idx="173">
                  <c:v>1332.811856</c:v>
                </c:pt>
                <c:pt idx="174">
                  <c:v>1334.7406719999999</c:v>
                </c:pt>
                <c:pt idx="175">
                  <c:v>1336.669488</c:v>
                </c:pt>
                <c:pt idx="176">
                  <c:v>1338.5983040000001</c:v>
                </c:pt>
                <c:pt idx="177">
                  <c:v>1340.52712</c:v>
                </c:pt>
                <c:pt idx="178">
                  <c:v>1342.4559360000001</c:v>
                </c:pt>
                <c:pt idx="179">
                  <c:v>1344.3847519999999</c:v>
                </c:pt>
                <c:pt idx="180">
                  <c:v>1346.313568</c:v>
                </c:pt>
                <c:pt idx="181">
                  <c:v>1348.2423839999999</c:v>
                </c:pt>
                <c:pt idx="182">
                  <c:v>1350.1712</c:v>
                </c:pt>
                <c:pt idx="183">
                  <c:v>1352.1000160000001</c:v>
                </c:pt>
                <c:pt idx="184">
                  <c:v>1354.028832</c:v>
                </c:pt>
                <c:pt idx="185">
                  <c:v>1355.9576480000001</c:v>
                </c:pt>
                <c:pt idx="186">
                  <c:v>1357.8864639999999</c:v>
                </c:pt>
                <c:pt idx="187">
                  <c:v>1359.81528</c:v>
                </c:pt>
                <c:pt idx="188">
                  <c:v>1361.7440959999999</c:v>
                </c:pt>
                <c:pt idx="189">
                  <c:v>1363.672912</c:v>
                </c:pt>
                <c:pt idx="190">
                  <c:v>1365.6017280000001</c:v>
                </c:pt>
                <c:pt idx="191">
                  <c:v>1367.530544</c:v>
                </c:pt>
                <c:pt idx="192">
                  <c:v>1369.4593600000001</c:v>
                </c:pt>
                <c:pt idx="193">
                  <c:v>1371.3881759999999</c:v>
                </c:pt>
                <c:pt idx="194">
                  <c:v>1373.316992</c:v>
                </c:pt>
                <c:pt idx="195">
                  <c:v>1375.2458079999999</c:v>
                </c:pt>
                <c:pt idx="196">
                  <c:v>1377.174624</c:v>
                </c:pt>
                <c:pt idx="197">
                  <c:v>1379.1034400000001</c:v>
                </c:pt>
                <c:pt idx="198">
                  <c:v>1381.032256</c:v>
                </c:pt>
                <c:pt idx="199">
                  <c:v>1382.9610720000001</c:v>
                </c:pt>
                <c:pt idx="200">
                  <c:v>1384.8898879999999</c:v>
                </c:pt>
                <c:pt idx="201">
                  <c:v>1386.818704</c:v>
                </c:pt>
                <c:pt idx="202">
                  <c:v>1388.7475199999999</c:v>
                </c:pt>
                <c:pt idx="203">
                  <c:v>1390.676336</c:v>
                </c:pt>
                <c:pt idx="204">
                  <c:v>1392.6051520000001</c:v>
                </c:pt>
                <c:pt idx="205">
                  <c:v>1394.533968</c:v>
                </c:pt>
                <c:pt idx="206">
                  <c:v>1396.4627840000001</c:v>
                </c:pt>
                <c:pt idx="207">
                  <c:v>1398.3915999999999</c:v>
                </c:pt>
                <c:pt idx="208">
                  <c:v>1400.320416</c:v>
                </c:pt>
                <c:pt idx="209">
                  <c:v>1402.2492319999999</c:v>
                </c:pt>
                <c:pt idx="210">
                  <c:v>1404.178048</c:v>
                </c:pt>
                <c:pt idx="211">
                  <c:v>1406.1068640000001</c:v>
                </c:pt>
                <c:pt idx="212">
                  <c:v>1408.03568</c:v>
                </c:pt>
                <c:pt idx="213">
                  <c:v>1409.9644960000001</c:v>
                </c:pt>
                <c:pt idx="214">
                  <c:v>1411.8933119999999</c:v>
                </c:pt>
                <c:pt idx="215">
                  <c:v>1413.822128</c:v>
                </c:pt>
                <c:pt idx="216">
                  <c:v>1415.7509439999999</c:v>
                </c:pt>
                <c:pt idx="217">
                  <c:v>1417.67976</c:v>
                </c:pt>
                <c:pt idx="218">
                  <c:v>1419.6085760000001</c:v>
                </c:pt>
                <c:pt idx="219">
                  <c:v>1421.537392</c:v>
                </c:pt>
                <c:pt idx="220">
                  <c:v>1423.4662080000001</c:v>
                </c:pt>
                <c:pt idx="221">
                  <c:v>1425.3950239999999</c:v>
                </c:pt>
                <c:pt idx="222">
                  <c:v>1427.32384</c:v>
                </c:pt>
                <c:pt idx="223">
                  <c:v>1429.2526559999999</c:v>
                </c:pt>
                <c:pt idx="224">
                  <c:v>1431.181472</c:v>
                </c:pt>
                <c:pt idx="225">
                  <c:v>1433.1102880000001</c:v>
                </c:pt>
                <c:pt idx="226">
                  <c:v>1435.039104</c:v>
                </c:pt>
                <c:pt idx="227">
                  <c:v>1436.96792</c:v>
                </c:pt>
                <c:pt idx="228">
                  <c:v>1438.8967359999999</c:v>
                </c:pt>
                <c:pt idx="229">
                  <c:v>1440.825552</c:v>
                </c:pt>
                <c:pt idx="230">
                  <c:v>1442.7543680000001</c:v>
                </c:pt>
                <c:pt idx="231">
                  <c:v>1444.683184</c:v>
                </c:pt>
                <c:pt idx="232">
                  <c:v>1446.6120000000001</c:v>
                </c:pt>
                <c:pt idx="233">
                  <c:v>1448.5408159999999</c:v>
                </c:pt>
                <c:pt idx="234">
                  <c:v>1450.469632</c:v>
                </c:pt>
                <c:pt idx="235">
                  <c:v>1452.3984479999999</c:v>
                </c:pt>
                <c:pt idx="236">
                  <c:v>1454.327264</c:v>
                </c:pt>
                <c:pt idx="237">
                  <c:v>1456.2560800000001</c:v>
                </c:pt>
                <c:pt idx="238">
                  <c:v>1458.184896</c:v>
                </c:pt>
                <c:pt idx="239">
                  <c:v>1460.1137120000001</c:v>
                </c:pt>
                <c:pt idx="240">
                  <c:v>1462.0425279999999</c:v>
                </c:pt>
                <c:pt idx="241">
                  <c:v>1463.971344</c:v>
                </c:pt>
                <c:pt idx="242">
                  <c:v>1465.9001599999999</c:v>
                </c:pt>
                <c:pt idx="243">
                  <c:v>1467.828976</c:v>
                </c:pt>
                <c:pt idx="244">
                  <c:v>1469.7577920000001</c:v>
                </c:pt>
                <c:pt idx="245">
                  <c:v>1471.686608</c:v>
                </c:pt>
                <c:pt idx="246">
                  <c:v>1473.6154240000001</c:v>
                </c:pt>
                <c:pt idx="247">
                  <c:v>1475.5442399999999</c:v>
                </c:pt>
                <c:pt idx="248">
                  <c:v>1477.473056</c:v>
                </c:pt>
                <c:pt idx="249">
                  <c:v>1479.4018719999999</c:v>
                </c:pt>
                <c:pt idx="250">
                  <c:v>1481.330688</c:v>
                </c:pt>
                <c:pt idx="251">
                  <c:v>1483.2595040000001</c:v>
                </c:pt>
                <c:pt idx="252">
                  <c:v>1485.18832</c:v>
                </c:pt>
                <c:pt idx="253">
                  <c:v>1487.1171360000001</c:v>
                </c:pt>
                <c:pt idx="254">
                  <c:v>1489.0459519999999</c:v>
                </c:pt>
                <c:pt idx="255">
                  <c:v>1490.974768</c:v>
                </c:pt>
                <c:pt idx="256">
                  <c:v>1492.9035839999999</c:v>
                </c:pt>
                <c:pt idx="257">
                  <c:v>1494.8324</c:v>
                </c:pt>
                <c:pt idx="258">
                  <c:v>1496.7612160000001</c:v>
                </c:pt>
                <c:pt idx="259">
                  <c:v>1498.690032</c:v>
                </c:pt>
                <c:pt idx="260">
                  <c:v>1500.6188480000001</c:v>
                </c:pt>
                <c:pt idx="261">
                  <c:v>1502.5476639999999</c:v>
                </c:pt>
                <c:pt idx="262">
                  <c:v>1504.47648</c:v>
                </c:pt>
                <c:pt idx="263">
                  <c:v>1506.4052959999999</c:v>
                </c:pt>
                <c:pt idx="264">
                  <c:v>1508.334112</c:v>
                </c:pt>
                <c:pt idx="265">
                  <c:v>1510.2629280000001</c:v>
                </c:pt>
                <c:pt idx="266">
                  <c:v>1512.191744</c:v>
                </c:pt>
                <c:pt idx="267">
                  <c:v>1514.1205600000001</c:v>
                </c:pt>
                <c:pt idx="268">
                  <c:v>1516.0493759999999</c:v>
                </c:pt>
                <c:pt idx="269">
                  <c:v>1517.978192</c:v>
                </c:pt>
                <c:pt idx="270">
                  <c:v>1519.9070079999999</c:v>
                </c:pt>
                <c:pt idx="271">
                  <c:v>1521.835824</c:v>
                </c:pt>
                <c:pt idx="272">
                  <c:v>1523.7646400000001</c:v>
                </c:pt>
                <c:pt idx="273">
                  <c:v>1525.693456</c:v>
                </c:pt>
                <c:pt idx="274">
                  <c:v>1527.6222720000001</c:v>
                </c:pt>
                <c:pt idx="275">
                  <c:v>1529.5510879999999</c:v>
                </c:pt>
                <c:pt idx="276">
                  <c:v>1531.479904</c:v>
                </c:pt>
                <c:pt idx="277">
                  <c:v>1533.4087199999999</c:v>
                </c:pt>
                <c:pt idx="278">
                  <c:v>1535.337536</c:v>
                </c:pt>
                <c:pt idx="279">
                  <c:v>1537.2663520000001</c:v>
                </c:pt>
                <c:pt idx="280">
                  <c:v>1539.195168</c:v>
                </c:pt>
                <c:pt idx="281">
                  <c:v>1541.1239840000001</c:v>
                </c:pt>
                <c:pt idx="282">
                  <c:v>1543.0527999999999</c:v>
                </c:pt>
                <c:pt idx="283">
                  <c:v>1544.981616</c:v>
                </c:pt>
                <c:pt idx="284">
                  <c:v>1546.9104319999999</c:v>
                </c:pt>
                <c:pt idx="285">
                  <c:v>1548.839248</c:v>
                </c:pt>
                <c:pt idx="286">
                  <c:v>1550.7680640000001</c:v>
                </c:pt>
                <c:pt idx="287">
                  <c:v>1552.69688</c:v>
                </c:pt>
                <c:pt idx="288">
                  <c:v>1554.6256960000001</c:v>
                </c:pt>
                <c:pt idx="289">
                  <c:v>1556.5545119999999</c:v>
                </c:pt>
                <c:pt idx="290">
                  <c:v>1558.483328</c:v>
                </c:pt>
                <c:pt idx="291">
                  <c:v>1560.4121439999999</c:v>
                </c:pt>
                <c:pt idx="292">
                  <c:v>1562.34096</c:v>
                </c:pt>
                <c:pt idx="293">
                  <c:v>1564.2697760000001</c:v>
                </c:pt>
                <c:pt idx="294">
                  <c:v>1566.198592</c:v>
                </c:pt>
                <c:pt idx="295">
                  <c:v>1568.1274080000001</c:v>
                </c:pt>
                <c:pt idx="296">
                  <c:v>1570.0562239999999</c:v>
                </c:pt>
                <c:pt idx="297">
                  <c:v>1571.98504</c:v>
                </c:pt>
                <c:pt idx="298">
                  <c:v>1573.9138559999999</c:v>
                </c:pt>
                <c:pt idx="299">
                  <c:v>1575.842672</c:v>
                </c:pt>
                <c:pt idx="300">
                  <c:v>1577.7714880000001</c:v>
                </c:pt>
                <c:pt idx="301">
                  <c:v>1579.700304</c:v>
                </c:pt>
                <c:pt idx="302">
                  <c:v>1581.6291200000001</c:v>
                </c:pt>
                <c:pt idx="303">
                  <c:v>1583.5579359999999</c:v>
                </c:pt>
                <c:pt idx="304">
                  <c:v>1585.486752</c:v>
                </c:pt>
                <c:pt idx="305">
                  <c:v>1587.4155679999999</c:v>
                </c:pt>
                <c:pt idx="306">
                  <c:v>1589.344384</c:v>
                </c:pt>
                <c:pt idx="307">
                  <c:v>1591.2732000000001</c:v>
                </c:pt>
                <c:pt idx="308">
                  <c:v>1593.202016</c:v>
                </c:pt>
                <c:pt idx="309">
                  <c:v>1595.1308320000001</c:v>
                </c:pt>
                <c:pt idx="310">
                  <c:v>1597.0596479999999</c:v>
                </c:pt>
                <c:pt idx="311">
                  <c:v>1598.988464</c:v>
                </c:pt>
                <c:pt idx="312">
                  <c:v>1600.9172799999999</c:v>
                </c:pt>
                <c:pt idx="313">
                  <c:v>1602.846096</c:v>
                </c:pt>
                <c:pt idx="314">
                  <c:v>1604.7749120000001</c:v>
                </c:pt>
                <c:pt idx="315">
                  <c:v>1606.703728</c:v>
                </c:pt>
                <c:pt idx="316">
                  <c:v>1608.6325440000001</c:v>
                </c:pt>
                <c:pt idx="317">
                  <c:v>1610.5613599999999</c:v>
                </c:pt>
                <c:pt idx="318">
                  <c:v>1612.490176</c:v>
                </c:pt>
                <c:pt idx="319">
                  <c:v>1614.4189919999999</c:v>
                </c:pt>
                <c:pt idx="320">
                  <c:v>1616.347808</c:v>
                </c:pt>
                <c:pt idx="321">
                  <c:v>1618.2766240000001</c:v>
                </c:pt>
                <c:pt idx="322">
                  <c:v>1620.20544</c:v>
                </c:pt>
                <c:pt idx="323">
                  <c:v>1622.1342560000001</c:v>
                </c:pt>
                <c:pt idx="324">
                  <c:v>1624.0630719999999</c:v>
                </c:pt>
                <c:pt idx="325">
                  <c:v>1625.991888</c:v>
                </c:pt>
                <c:pt idx="326">
                  <c:v>1627.9207039999999</c:v>
                </c:pt>
                <c:pt idx="327">
                  <c:v>1629.84952</c:v>
                </c:pt>
                <c:pt idx="328">
                  <c:v>1631.7783360000001</c:v>
                </c:pt>
                <c:pt idx="329">
                  <c:v>1633.707152</c:v>
                </c:pt>
                <c:pt idx="330">
                  <c:v>1635.635968</c:v>
                </c:pt>
                <c:pt idx="331">
                  <c:v>1637.5647839999999</c:v>
                </c:pt>
                <c:pt idx="332">
                  <c:v>1639.4936</c:v>
                </c:pt>
                <c:pt idx="333">
                  <c:v>1641.4224160000001</c:v>
                </c:pt>
                <c:pt idx="334">
                  <c:v>1643.351232</c:v>
                </c:pt>
                <c:pt idx="335">
                  <c:v>1645.2800480000001</c:v>
                </c:pt>
                <c:pt idx="336">
                  <c:v>1647.2088639999999</c:v>
                </c:pt>
                <c:pt idx="337">
                  <c:v>1649.13768</c:v>
                </c:pt>
                <c:pt idx="338">
                  <c:v>1651.0664959999999</c:v>
                </c:pt>
                <c:pt idx="339">
                  <c:v>1652.995312</c:v>
                </c:pt>
                <c:pt idx="340">
                  <c:v>1654.9241280000001</c:v>
                </c:pt>
                <c:pt idx="341">
                  <c:v>1656.852944</c:v>
                </c:pt>
                <c:pt idx="342">
                  <c:v>1658.7817600000001</c:v>
                </c:pt>
                <c:pt idx="343">
                  <c:v>1660.7105759999999</c:v>
                </c:pt>
                <c:pt idx="344">
                  <c:v>1662.639392</c:v>
                </c:pt>
                <c:pt idx="345">
                  <c:v>1664.5682079999999</c:v>
                </c:pt>
                <c:pt idx="346">
                  <c:v>1666.497024</c:v>
                </c:pt>
                <c:pt idx="347">
                  <c:v>1668.4258400000001</c:v>
                </c:pt>
                <c:pt idx="348">
                  <c:v>1670.354656</c:v>
                </c:pt>
                <c:pt idx="349">
                  <c:v>1672.2834720000001</c:v>
                </c:pt>
                <c:pt idx="350">
                  <c:v>1674.2122879999999</c:v>
                </c:pt>
                <c:pt idx="351">
                  <c:v>1676.141104</c:v>
                </c:pt>
                <c:pt idx="352">
                  <c:v>1678.0699199999999</c:v>
                </c:pt>
                <c:pt idx="353">
                  <c:v>1679.998736</c:v>
                </c:pt>
                <c:pt idx="354">
                  <c:v>1681.9275520000001</c:v>
                </c:pt>
                <c:pt idx="355">
                  <c:v>1683.856368</c:v>
                </c:pt>
                <c:pt idx="356">
                  <c:v>1685.7851840000001</c:v>
                </c:pt>
                <c:pt idx="357">
                  <c:v>1687.7139999999999</c:v>
                </c:pt>
                <c:pt idx="358">
                  <c:v>1689.642816</c:v>
                </c:pt>
                <c:pt idx="359">
                  <c:v>1691.5716319999999</c:v>
                </c:pt>
                <c:pt idx="360">
                  <c:v>1693.500448</c:v>
                </c:pt>
                <c:pt idx="361">
                  <c:v>1695.4292640000001</c:v>
                </c:pt>
                <c:pt idx="362">
                  <c:v>1697.35808</c:v>
                </c:pt>
                <c:pt idx="363">
                  <c:v>1699.2868960000001</c:v>
                </c:pt>
                <c:pt idx="364">
                  <c:v>1701.2157119999999</c:v>
                </c:pt>
                <c:pt idx="365">
                  <c:v>1703.144528</c:v>
                </c:pt>
                <c:pt idx="366">
                  <c:v>1705.0733439999999</c:v>
                </c:pt>
                <c:pt idx="367">
                  <c:v>1707.00216</c:v>
                </c:pt>
                <c:pt idx="368">
                  <c:v>1708.9309760000001</c:v>
                </c:pt>
                <c:pt idx="369">
                  <c:v>1710.859792</c:v>
                </c:pt>
                <c:pt idx="370">
                  <c:v>1712.7886080000001</c:v>
                </c:pt>
                <c:pt idx="371">
                  <c:v>1714.7174239999999</c:v>
                </c:pt>
                <c:pt idx="372">
                  <c:v>1716.64624</c:v>
                </c:pt>
                <c:pt idx="373">
                  <c:v>1718.5750559999999</c:v>
                </c:pt>
                <c:pt idx="374">
                  <c:v>1720.503872</c:v>
                </c:pt>
                <c:pt idx="375">
                  <c:v>1722.4326880000001</c:v>
                </c:pt>
                <c:pt idx="376">
                  <c:v>1724.361504</c:v>
                </c:pt>
                <c:pt idx="377">
                  <c:v>1726.2903200000001</c:v>
                </c:pt>
                <c:pt idx="378">
                  <c:v>1728.2191359999999</c:v>
                </c:pt>
                <c:pt idx="379">
                  <c:v>1730.147952</c:v>
                </c:pt>
                <c:pt idx="380">
                  <c:v>1732.0767679999999</c:v>
                </c:pt>
                <c:pt idx="381">
                  <c:v>1734.005584</c:v>
                </c:pt>
                <c:pt idx="382">
                  <c:v>1735.9344000000001</c:v>
                </c:pt>
                <c:pt idx="383">
                  <c:v>1737.863216</c:v>
                </c:pt>
                <c:pt idx="384">
                  <c:v>1739.7920320000001</c:v>
                </c:pt>
                <c:pt idx="385">
                  <c:v>1741.7208479999999</c:v>
                </c:pt>
                <c:pt idx="386">
                  <c:v>1743.649664</c:v>
                </c:pt>
                <c:pt idx="387">
                  <c:v>1745.5784799999999</c:v>
                </c:pt>
                <c:pt idx="388">
                  <c:v>1747.507296</c:v>
                </c:pt>
                <c:pt idx="389">
                  <c:v>1749.4361120000001</c:v>
                </c:pt>
                <c:pt idx="390">
                  <c:v>1751.364928</c:v>
                </c:pt>
                <c:pt idx="391">
                  <c:v>1753.2937440000001</c:v>
                </c:pt>
                <c:pt idx="392">
                  <c:v>1755.2225599999999</c:v>
                </c:pt>
                <c:pt idx="393">
                  <c:v>1757.151376</c:v>
                </c:pt>
                <c:pt idx="394">
                  <c:v>1759.0801919999999</c:v>
                </c:pt>
                <c:pt idx="395">
                  <c:v>1761.009008</c:v>
                </c:pt>
                <c:pt idx="396">
                  <c:v>1762.9378240000001</c:v>
                </c:pt>
                <c:pt idx="397">
                  <c:v>1764.86664</c:v>
                </c:pt>
                <c:pt idx="398">
                  <c:v>1766.7954560000001</c:v>
                </c:pt>
                <c:pt idx="399">
                  <c:v>1768.7242719999999</c:v>
                </c:pt>
                <c:pt idx="400">
                  <c:v>1770.653088</c:v>
                </c:pt>
                <c:pt idx="401">
                  <c:v>1772.5819039999999</c:v>
                </c:pt>
                <c:pt idx="402">
                  <c:v>1774.51072</c:v>
                </c:pt>
                <c:pt idx="403">
                  <c:v>1776.4395360000001</c:v>
                </c:pt>
                <c:pt idx="404">
                  <c:v>1778.368352</c:v>
                </c:pt>
                <c:pt idx="405">
                  <c:v>1780.2971680000001</c:v>
                </c:pt>
                <c:pt idx="406">
                  <c:v>1782.2259839999999</c:v>
                </c:pt>
                <c:pt idx="407">
                  <c:v>1784.1548</c:v>
                </c:pt>
                <c:pt idx="408">
                  <c:v>1786.0836159999999</c:v>
                </c:pt>
                <c:pt idx="409">
                  <c:v>1788.012432</c:v>
                </c:pt>
                <c:pt idx="410">
                  <c:v>1789.9412480000001</c:v>
                </c:pt>
                <c:pt idx="411">
                  <c:v>1791.870064</c:v>
                </c:pt>
                <c:pt idx="412">
                  <c:v>1793.7988800000001</c:v>
                </c:pt>
                <c:pt idx="413">
                  <c:v>1795.7276959999999</c:v>
                </c:pt>
                <c:pt idx="414">
                  <c:v>1797.656512</c:v>
                </c:pt>
                <c:pt idx="415">
                  <c:v>1799.5853279999999</c:v>
                </c:pt>
                <c:pt idx="416">
                  <c:v>1801.514144</c:v>
                </c:pt>
                <c:pt idx="417">
                  <c:v>1803.4429600000001</c:v>
                </c:pt>
                <c:pt idx="418">
                  <c:v>1805.371776</c:v>
                </c:pt>
                <c:pt idx="419">
                  <c:v>1807.3005920000001</c:v>
                </c:pt>
                <c:pt idx="420">
                  <c:v>1809.2294079999999</c:v>
                </c:pt>
                <c:pt idx="421">
                  <c:v>1811.158224</c:v>
                </c:pt>
                <c:pt idx="422">
                  <c:v>1813.0870399999999</c:v>
                </c:pt>
                <c:pt idx="423">
                  <c:v>1815.015856</c:v>
                </c:pt>
                <c:pt idx="424">
                  <c:v>1816.9446720000001</c:v>
                </c:pt>
                <c:pt idx="425">
                  <c:v>1818.873488</c:v>
                </c:pt>
                <c:pt idx="426">
                  <c:v>1820.802304</c:v>
                </c:pt>
                <c:pt idx="427">
                  <c:v>1822.7311199999999</c:v>
                </c:pt>
                <c:pt idx="428">
                  <c:v>1824.659936</c:v>
                </c:pt>
                <c:pt idx="429">
                  <c:v>1826.5887520000001</c:v>
                </c:pt>
                <c:pt idx="430">
                  <c:v>1828.517568</c:v>
                </c:pt>
                <c:pt idx="431">
                  <c:v>1830.4463840000001</c:v>
                </c:pt>
                <c:pt idx="432">
                  <c:v>1832.3751999999999</c:v>
                </c:pt>
                <c:pt idx="433">
                  <c:v>1834.304016</c:v>
                </c:pt>
                <c:pt idx="434">
                  <c:v>1836.2328319999999</c:v>
                </c:pt>
                <c:pt idx="435">
                  <c:v>1838.161648</c:v>
                </c:pt>
                <c:pt idx="436">
                  <c:v>1840.0904640000001</c:v>
                </c:pt>
                <c:pt idx="437">
                  <c:v>1842.01928</c:v>
                </c:pt>
                <c:pt idx="438">
                  <c:v>1843.9480960000001</c:v>
                </c:pt>
                <c:pt idx="439">
                  <c:v>1845.8769119999999</c:v>
                </c:pt>
                <c:pt idx="440">
                  <c:v>1847.805728</c:v>
                </c:pt>
                <c:pt idx="441">
                  <c:v>1849.7345439999999</c:v>
                </c:pt>
                <c:pt idx="442">
                  <c:v>1851.66336</c:v>
                </c:pt>
                <c:pt idx="443">
                  <c:v>1853.5921760000001</c:v>
                </c:pt>
                <c:pt idx="444">
                  <c:v>1855.520992</c:v>
                </c:pt>
                <c:pt idx="445">
                  <c:v>1857.4498080000001</c:v>
                </c:pt>
                <c:pt idx="446">
                  <c:v>1859.3786239999999</c:v>
                </c:pt>
                <c:pt idx="447">
                  <c:v>1861.30744</c:v>
                </c:pt>
                <c:pt idx="448">
                  <c:v>1863.2362559999999</c:v>
                </c:pt>
                <c:pt idx="449">
                  <c:v>1865.165072</c:v>
                </c:pt>
                <c:pt idx="450">
                  <c:v>1867.0938880000001</c:v>
                </c:pt>
                <c:pt idx="451">
                  <c:v>1869.022704</c:v>
                </c:pt>
                <c:pt idx="452">
                  <c:v>1870.9515200000001</c:v>
                </c:pt>
                <c:pt idx="453">
                  <c:v>1872.8803359999999</c:v>
                </c:pt>
                <c:pt idx="454">
                  <c:v>1874.809152</c:v>
                </c:pt>
                <c:pt idx="455">
                  <c:v>1876.7379679999999</c:v>
                </c:pt>
                <c:pt idx="456">
                  <c:v>1878.666784</c:v>
                </c:pt>
                <c:pt idx="457">
                  <c:v>1880.5956000000001</c:v>
                </c:pt>
                <c:pt idx="458">
                  <c:v>1882.524416</c:v>
                </c:pt>
                <c:pt idx="459">
                  <c:v>1884.4532320000001</c:v>
                </c:pt>
                <c:pt idx="460">
                  <c:v>1886.3820479999999</c:v>
                </c:pt>
                <c:pt idx="461">
                  <c:v>1888.310864</c:v>
                </c:pt>
                <c:pt idx="462">
                  <c:v>1890.2396799999999</c:v>
                </c:pt>
                <c:pt idx="463">
                  <c:v>1892.168496</c:v>
                </c:pt>
                <c:pt idx="464">
                  <c:v>1894.0973120000001</c:v>
                </c:pt>
                <c:pt idx="465">
                  <c:v>1896.026128</c:v>
                </c:pt>
                <c:pt idx="466">
                  <c:v>1897.9549440000001</c:v>
                </c:pt>
                <c:pt idx="467">
                  <c:v>1899.8837599999999</c:v>
                </c:pt>
                <c:pt idx="468">
                  <c:v>1901.812576</c:v>
                </c:pt>
                <c:pt idx="469">
                  <c:v>1903.7413919999999</c:v>
                </c:pt>
                <c:pt idx="470">
                  <c:v>1905.670208</c:v>
                </c:pt>
                <c:pt idx="471">
                  <c:v>1907.5990240000001</c:v>
                </c:pt>
                <c:pt idx="472">
                  <c:v>1909.52784</c:v>
                </c:pt>
                <c:pt idx="473">
                  <c:v>1911.4566560000001</c:v>
                </c:pt>
                <c:pt idx="474">
                  <c:v>1913.3854719999999</c:v>
                </c:pt>
                <c:pt idx="475">
                  <c:v>1915.314288</c:v>
                </c:pt>
                <c:pt idx="476">
                  <c:v>1917.2431039999999</c:v>
                </c:pt>
                <c:pt idx="477">
                  <c:v>1919.17192</c:v>
                </c:pt>
                <c:pt idx="478">
                  <c:v>1921.1007360000001</c:v>
                </c:pt>
                <c:pt idx="479">
                  <c:v>1923.029552</c:v>
                </c:pt>
                <c:pt idx="480">
                  <c:v>1924.9583680000001</c:v>
                </c:pt>
                <c:pt idx="481">
                  <c:v>1926.8871839999999</c:v>
                </c:pt>
                <c:pt idx="482">
                  <c:v>1928.816</c:v>
                </c:pt>
                <c:pt idx="483">
                  <c:v>1930.7448159999999</c:v>
                </c:pt>
                <c:pt idx="484">
                  <c:v>1932.673632</c:v>
                </c:pt>
                <c:pt idx="485">
                  <c:v>1934.6024480000001</c:v>
                </c:pt>
                <c:pt idx="486">
                  <c:v>1936.531264</c:v>
                </c:pt>
                <c:pt idx="487">
                  <c:v>1938.4600800000001</c:v>
                </c:pt>
                <c:pt idx="488">
                  <c:v>1940.3888959999999</c:v>
                </c:pt>
                <c:pt idx="489">
                  <c:v>1942.317712</c:v>
                </c:pt>
                <c:pt idx="490">
                  <c:v>1944.2465279999999</c:v>
                </c:pt>
                <c:pt idx="491">
                  <c:v>1946.175344</c:v>
                </c:pt>
                <c:pt idx="492">
                  <c:v>1948.1041600000001</c:v>
                </c:pt>
                <c:pt idx="493">
                  <c:v>1950.032976</c:v>
                </c:pt>
                <c:pt idx="494">
                  <c:v>1951.9617920000001</c:v>
                </c:pt>
                <c:pt idx="495">
                  <c:v>1953.8906079999999</c:v>
                </c:pt>
                <c:pt idx="496">
                  <c:v>1955.819424</c:v>
                </c:pt>
                <c:pt idx="497">
                  <c:v>1957.7482399999999</c:v>
                </c:pt>
                <c:pt idx="498">
                  <c:v>1959.677056</c:v>
                </c:pt>
                <c:pt idx="499">
                  <c:v>1961.6058720000001</c:v>
                </c:pt>
                <c:pt idx="500">
                  <c:v>1963.534688</c:v>
                </c:pt>
                <c:pt idx="501">
                  <c:v>1965.4635040000001</c:v>
                </c:pt>
                <c:pt idx="502">
                  <c:v>1967.3923199999999</c:v>
                </c:pt>
                <c:pt idx="503">
                  <c:v>1969.321136</c:v>
                </c:pt>
                <c:pt idx="504">
                  <c:v>1971.2499519999999</c:v>
                </c:pt>
                <c:pt idx="505">
                  <c:v>1973.178768</c:v>
                </c:pt>
                <c:pt idx="506">
                  <c:v>1975.1075840000001</c:v>
                </c:pt>
                <c:pt idx="507">
                  <c:v>1977.0364</c:v>
                </c:pt>
                <c:pt idx="508">
                  <c:v>1978.9652160000001</c:v>
                </c:pt>
                <c:pt idx="509">
                  <c:v>1980.8940319999999</c:v>
                </c:pt>
                <c:pt idx="510">
                  <c:v>1982.822848</c:v>
                </c:pt>
                <c:pt idx="511">
                  <c:v>1984.7516639999999</c:v>
                </c:pt>
                <c:pt idx="512">
                  <c:v>1986.68048</c:v>
                </c:pt>
                <c:pt idx="513">
                  <c:v>1988.6092960000001</c:v>
                </c:pt>
                <c:pt idx="514">
                  <c:v>1990.538112</c:v>
                </c:pt>
                <c:pt idx="515">
                  <c:v>1992.4669280000001</c:v>
                </c:pt>
                <c:pt idx="516">
                  <c:v>1994.3957439999999</c:v>
                </c:pt>
                <c:pt idx="517">
                  <c:v>1996.32456</c:v>
                </c:pt>
                <c:pt idx="518">
                  <c:v>1998.2533759999999</c:v>
                </c:pt>
                <c:pt idx="519">
                  <c:v>2000.182192</c:v>
                </c:pt>
                <c:pt idx="520">
                  <c:v>2002.1110080000001</c:v>
                </c:pt>
                <c:pt idx="521">
                  <c:v>2004.039824</c:v>
                </c:pt>
                <c:pt idx="522">
                  <c:v>2005.9686400000001</c:v>
                </c:pt>
                <c:pt idx="523">
                  <c:v>2007.8974559999999</c:v>
                </c:pt>
                <c:pt idx="524">
                  <c:v>2009.826272</c:v>
                </c:pt>
                <c:pt idx="525">
                  <c:v>2011.7550879999999</c:v>
                </c:pt>
                <c:pt idx="526">
                  <c:v>2013.683904</c:v>
                </c:pt>
                <c:pt idx="527">
                  <c:v>2015.6127200000001</c:v>
                </c:pt>
                <c:pt idx="528">
                  <c:v>2017.541536</c:v>
                </c:pt>
                <c:pt idx="529">
                  <c:v>2019.470352</c:v>
                </c:pt>
                <c:pt idx="530">
                  <c:v>2021.3991679999999</c:v>
                </c:pt>
                <c:pt idx="531">
                  <c:v>2023.327984</c:v>
                </c:pt>
                <c:pt idx="532">
                  <c:v>2025.2568000000001</c:v>
                </c:pt>
                <c:pt idx="533">
                  <c:v>2027.185616</c:v>
                </c:pt>
                <c:pt idx="534">
                  <c:v>2029.1144320000001</c:v>
                </c:pt>
                <c:pt idx="535">
                  <c:v>2031.0432479999999</c:v>
                </c:pt>
                <c:pt idx="536">
                  <c:v>2032.972064</c:v>
                </c:pt>
                <c:pt idx="537">
                  <c:v>2034.9008799999999</c:v>
                </c:pt>
                <c:pt idx="538">
                  <c:v>2036.829696</c:v>
                </c:pt>
                <c:pt idx="539">
                  <c:v>2038.7585120000001</c:v>
                </c:pt>
                <c:pt idx="540">
                  <c:v>2040.687328</c:v>
                </c:pt>
                <c:pt idx="541">
                  <c:v>2042.6161440000001</c:v>
                </c:pt>
                <c:pt idx="542">
                  <c:v>2044.5449599999999</c:v>
                </c:pt>
                <c:pt idx="543">
                  <c:v>2046.473776</c:v>
                </c:pt>
                <c:pt idx="544">
                  <c:v>2048.4025919999999</c:v>
                </c:pt>
                <c:pt idx="545">
                  <c:v>2050.331408</c:v>
                </c:pt>
                <c:pt idx="546">
                  <c:v>2052.2602240000001</c:v>
                </c:pt>
                <c:pt idx="547">
                  <c:v>2054.1890400000002</c:v>
                </c:pt>
                <c:pt idx="548">
                  <c:v>2056.1178559999998</c:v>
                </c:pt>
                <c:pt idx="549">
                  <c:v>2058.0466719999999</c:v>
                </c:pt>
                <c:pt idx="550">
                  <c:v>2059.975488</c:v>
                </c:pt>
                <c:pt idx="551">
                  <c:v>2061.9043040000001</c:v>
                </c:pt>
                <c:pt idx="552">
                  <c:v>2063.8331199999998</c:v>
                </c:pt>
                <c:pt idx="553">
                  <c:v>2065.7619359999999</c:v>
                </c:pt>
                <c:pt idx="554">
                  <c:v>2067.690752</c:v>
                </c:pt>
                <c:pt idx="555">
                  <c:v>2069.6195680000001</c:v>
                </c:pt>
                <c:pt idx="556">
                  <c:v>2071.5483840000002</c:v>
                </c:pt>
                <c:pt idx="557">
                  <c:v>2073.4771999999998</c:v>
                </c:pt>
                <c:pt idx="558">
                  <c:v>2075.4060159999999</c:v>
                </c:pt>
                <c:pt idx="559">
                  <c:v>2077.334832</c:v>
                </c:pt>
                <c:pt idx="560">
                  <c:v>2079.2636480000001</c:v>
                </c:pt>
                <c:pt idx="561">
                  <c:v>2081.1924640000002</c:v>
                </c:pt>
                <c:pt idx="562">
                  <c:v>2083.1212799999998</c:v>
                </c:pt>
                <c:pt idx="563">
                  <c:v>2085.0500959999999</c:v>
                </c:pt>
                <c:pt idx="564">
                  <c:v>2086.978912</c:v>
                </c:pt>
                <c:pt idx="565">
                  <c:v>2088.9077280000001</c:v>
                </c:pt>
                <c:pt idx="566">
                  <c:v>2090.8365439999998</c:v>
                </c:pt>
                <c:pt idx="567">
                  <c:v>2092.7653599999999</c:v>
                </c:pt>
                <c:pt idx="568">
                  <c:v>2094.694176</c:v>
                </c:pt>
                <c:pt idx="569">
                  <c:v>2096.6229920000001</c:v>
                </c:pt>
                <c:pt idx="570">
                  <c:v>2098.5518080000002</c:v>
                </c:pt>
                <c:pt idx="571">
                  <c:v>2100.4806239999998</c:v>
                </c:pt>
                <c:pt idx="572">
                  <c:v>2102.4094399999999</c:v>
                </c:pt>
                <c:pt idx="573">
                  <c:v>2104.338256</c:v>
                </c:pt>
                <c:pt idx="574">
                  <c:v>2106.2670720000001</c:v>
                </c:pt>
                <c:pt idx="575">
                  <c:v>2108.1958880000002</c:v>
                </c:pt>
                <c:pt idx="576">
                  <c:v>2110.1247039999998</c:v>
                </c:pt>
                <c:pt idx="577">
                  <c:v>2112.0535199999999</c:v>
                </c:pt>
                <c:pt idx="578">
                  <c:v>2113.982336</c:v>
                </c:pt>
                <c:pt idx="579">
                  <c:v>2115.9111520000001</c:v>
                </c:pt>
                <c:pt idx="580">
                  <c:v>2117.8399680000002</c:v>
                </c:pt>
                <c:pt idx="581">
                  <c:v>2119.7687839999999</c:v>
                </c:pt>
                <c:pt idx="582">
                  <c:v>2121.6976</c:v>
                </c:pt>
                <c:pt idx="583">
                  <c:v>2123.6264160000001</c:v>
                </c:pt>
                <c:pt idx="584">
                  <c:v>2125.5552320000002</c:v>
                </c:pt>
                <c:pt idx="585">
                  <c:v>2127.4840479999998</c:v>
                </c:pt>
                <c:pt idx="586">
                  <c:v>2129.4128639999999</c:v>
                </c:pt>
                <c:pt idx="587">
                  <c:v>2131.34168</c:v>
                </c:pt>
                <c:pt idx="588">
                  <c:v>2133.2704960000001</c:v>
                </c:pt>
                <c:pt idx="589">
                  <c:v>2135.1993120000002</c:v>
                </c:pt>
                <c:pt idx="590">
                  <c:v>2137.1281279999998</c:v>
                </c:pt>
                <c:pt idx="591">
                  <c:v>2139.0569439999999</c:v>
                </c:pt>
                <c:pt idx="592">
                  <c:v>2140.98576</c:v>
                </c:pt>
                <c:pt idx="593">
                  <c:v>2142.9145760000001</c:v>
                </c:pt>
                <c:pt idx="594">
                  <c:v>2144.8433920000002</c:v>
                </c:pt>
                <c:pt idx="595">
                  <c:v>2146.7722079999999</c:v>
                </c:pt>
                <c:pt idx="596">
                  <c:v>2148.701024</c:v>
                </c:pt>
                <c:pt idx="597">
                  <c:v>2150.6298400000001</c:v>
                </c:pt>
                <c:pt idx="598">
                  <c:v>2152.5586560000002</c:v>
                </c:pt>
                <c:pt idx="599">
                  <c:v>2154.4874719999998</c:v>
                </c:pt>
                <c:pt idx="600">
                  <c:v>2156.4162879999999</c:v>
                </c:pt>
                <c:pt idx="601">
                  <c:v>2158.345104</c:v>
                </c:pt>
                <c:pt idx="602">
                  <c:v>2160.2739200000001</c:v>
                </c:pt>
                <c:pt idx="603">
                  <c:v>2162.2027360000002</c:v>
                </c:pt>
                <c:pt idx="604">
                  <c:v>2164.1315519999998</c:v>
                </c:pt>
                <c:pt idx="605">
                  <c:v>2166.0603679999999</c:v>
                </c:pt>
                <c:pt idx="606">
                  <c:v>2167.989184</c:v>
                </c:pt>
                <c:pt idx="607">
                  <c:v>2169.9180000000001</c:v>
                </c:pt>
                <c:pt idx="608">
                  <c:v>2171.8468160000002</c:v>
                </c:pt>
                <c:pt idx="609">
                  <c:v>2173.7756319999999</c:v>
                </c:pt>
                <c:pt idx="610">
                  <c:v>2175.704448</c:v>
                </c:pt>
                <c:pt idx="611">
                  <c:v>2177.6332640000001</c:v>
                </c:pt>
                <c:pt idx="612">
                  <c:v>2179.5620800000002</c:v>
                </c:pt>
                <c:pt idx="613">
                  <c:v>2181.4908959999998</c:v>
                </c:pt>
                <c:pt idx="614">
                  <c:v>2183.4197119999999</c:v>
                </c:pt>
                <c:pt idx="615">
                  <c:v>2185.348528</c:v>
                </c:pt>
                <c:pt idx="616">
                  <c:v>2187.2773440000001</c:v>
                </c:pt>
                <c:pt idx="617">
                  <c:v>2189.2061600000002</c:v>
                </c:pt>
                <c:pt idx="618">
                  <c:v>2191.1349759999998</c:v>
                </c:pt>
                <c:pt idx="619">
                  <c:v>2193.0637919999999</c:v>
                </c:pt>
                <c:pt idx="620">
                  <c:v>2194.992608</c:v>
                </c:pt>
                <c:pt idx="621">
                  <c:v>2196.9214240000001</c:v>
                </c:pt>
                <c:pt idx="622">
                  <c:v>2198.8502400000002</c:v>
                </c:pt>
                <c:pt idx="623">
                  <c:v>2200.7790559999999</c:v>
                </c:pt>
                <c:pt idx="624">
                  <c:v>2202.707872</c:v>
                </c:pt>
                <c:pt idx="625">
                  <c:v>2204.636688</c:v>
                </c:pt>
                <c:pt idx="626">
                  <c:v>2206.5655040000001</c:v>
                </c:pt>
                <c:pt idx="627">
                  <c:v>2208.4943199999998</c:v>
                </c:pt>
                <c:pt idx="628">
                  <c:v>2210.4231359999999</c:v>
                </c:pt>
                <c:pt idx="629">
                  <c:v>2212.351952</c:v>
                </c:pt>
                <c:pt idx="630">
                  <c:v>2214.2807680000001</c:v>
                </c:pt>
                <c:pt idx="631">
                  <c:v>2216.2095840000002</c:v>
                </c:pt>
                <c:pt idx="632">
                  <c:v>2218.1383999999998</c:v>
                </c:pt>
                <c:pt idx="633">
                  <c:v>2220.0672159999999</c:v>
                </c:pt>
                <c:pt idx="634">
                  <c:v>2221.996032</c:v>
                </c:pt>
                <c:pt idx="635">
                  <c:v>2223.9248480000001</c:v>
                </c:pt>
                <c:pt idx="636">
                  <c:v>2225.8536640000002</c:v>
                </c:pt>
                <c:pt idx="637">
                  <c:v>2227.7824799999999</c:v>
                </c:pt>
                <c:pt idx="638">
                  <c:v>2229.7112959999999</c:v>
                </c:pt>
                <c:pt idx="639">
                  <c:v>2231.640112</c:v>
                </c:pt>
                <c:pt idx="640">
                  <c:v>2233.5689280000001</c:v>
                </c:pt>
                <c:pt idx="641">
                  <c:v>2235.4977439999998</c:v>
                </c:pt>
                <c:pt idx="642">
                  <c:v>2237.4265599999999</c:v>
                </c:pt>
                <c:pt idx="643">
                  <c:v>2239.355376</c:v>
                </c:pt>
                <c:pt idx="644">
                  <c:v>2241.2841920000001</c:v>
                </c:pt>
                <c:pt idx="645">
                  <c:v>2243.2130080000002</c:v>
                </c:pt>
                <c:pt idx="646">
                  <c:v>2245.1418239999998</c:v>
                </c:pt>
                <c:pt idx="647">
                  <c:v>2247.0706399999999</c:v>
                </c:pt>
                <c:pt idx="648">
                  <c:v>2248.999456</c:v>
                </c:pt>
                <c:pt idx="649">
                  <c:v>2250.9282720000001</c:v>
                </c:pt>
                <c:pt idx="650">
                  <c:v>2252.8570880000002</c:v>
                </c:pt>
                <c:pt idx="651">
                  <c:v>2254.7859039999998</c:v>
                </c:pt>
                <c:pt idx="652">
                  <c:v>2256.7147199999999</c:v>
                </c:pt>
                <c:pt idx="653">
                  <c:v>2258.643536</c:v>
                </c:pt>
                <c:pt idx="654">
                  <c:v>2260.5723520000001</c:v>
                </c:pt>
                <c:pt idx="655">
                  <c:v>2262.5011679999998</c:v>
                </c:pt>
                <c:pt idx="656">
                  <c:v>2264.4299839999999</c:v>
                </c:pt>
                <c:pt idx="657">
                  <c:v>2266.3588</c:v>
                </c:pt>
                <c:pt idx="658">
                  <c:v>2268.2876160000001</c:v>
                </c:pt>
                <c:pt idx="659">
                  <c:v>2270.2164320000002</c:v>
                </c:pt>
                <c:pt idx="660">
                  <c:v>2272.1452479999998</c:v>
                </c:pt>
                <c:pt idx="661">
                  <c:v>2274.0740639999999</c:v>
                </c:pt>
                <c:pt idx="662">
                  <c:v>2276.00288</c:v>
                </c:pt>
                <c:pt idx="663">
                  <c:v>2277.9316960000001</c:v>
                </c:pt>
                <c:pt idx="664">
                  <c:v>2279.8605120000002</c:v>
                </c:pt>
                <c:pt idx="665">
                  <c:v>2281.7893279999998</c:v>
                </c:pt>
                <c:pt idx="666">
                  <c:v>2283.7181439999999</c:v>
                </c:pt>
                <c:pt idx="667">
                  <c:v>2285.64696</c:v>
                </c:pt>
                <c:pt idx="668">
                  <c:v>2287.5757760000001</c:v>
                </c:pt>
                <c:pt idx="669">
                  <c:v>2289.5045919999998</c:v>
                </c:pt>
                <c:pt idx="670">
                  <c:v>2291.4334079999999</c:v>
                </c:pt>
                <c:pt idx="671">
                  <c:v>2293.362224</c:v>
                </c:pt>
                <c:pt idx="672">
                  <c:v>2295.2910400000001</c:v>
                </c:pt>
                <c:pt idx="673">
                  <c:v>2297.2198560000002</c:v>
                </c:pt>
                <c:pt idx="674">
                  <c:v>2299.1486719999998</c:v>
                </c:pt>
                <c:pt idx="675">
                  <c:v>2301.0774879999999</c:v>
                </c:pt>
                <c:pt idx="676">
                  <c:v>2303.006304</c:v>
                </c:pt>
                <c:pt idx="677">
                  <c:v>2304.9351200000001</c:v>
                </c:pt>
                <c:pt idx="678">
                  <c:v>2306.8639360000002</c:v>
                </c:pt>
                <c:pt idx="679">
                  <c:v>2308.7927519999998</c:v>
                </c:pt>
                <c:pt idx="680">
                  <c:v>2310.7215679999999</c:v>
                </c:pt>
                <c:pt idx="681">
                  <c:v>2312.650384</c:v>
                </c:pt>
                <c:pt idx="682">
                  <c:v>2314.5792000000001</c:v>
                </c:pt>
                <c:pt idx="683">
                  <c:v>2316.5080160000002</c:v>
                </c:pt>
                <c:pt idx="684">
                  <c:v>2318.4368319999999</c:v>
                </c:pt>
                <c:pt idx="685">
                  <c:v>2320.365648</c:v>
                </c:pt>
                <c:pt idx="686">
                  <c:v>2322.2944640000001</c:v>
                </c:pt>
                <c:pt idx="687">
                  <c:v>2324.2232800000002</c:v>
                </c:pt>
                <c:pt idx="688">
                  <c:v>2326.1520959999998</c:v>
                </c:pt>
                <c:pt idx="689">
                  <c:v>2328.0809119999999</c:v>
                </c:pt>
                <c:pt idx="690">
                  <c:v>2330.009728</c:v>
                </c:pt>
                <c:pt idx="691">
                  <c:v>2331.9385440000001</c:v>
                </c:pt>
                <c:pt idx="692">
                  <c:v>2333.8673600000002</c:v>
                </c:pt>
                <c:pt idx="693">
                  <c:v>2335.7961759999998</c:v>
                </c:pt>
                <c:pt idx="694">
                  <c:v>2337.7249919999999</c:v>
                </c:pt>
                <c:pt idx="695">
                  <c:v>2339.653808</c:v>
                </c:pt>
                <c:pt idx="696">
                  <c:v>2341.5826240000001</c:v>
                </c:pt>
                <c:pt idx="697">
                  <c:v>2343.5114400000002</c:v>
                </c:pt>
                <c:pt idx="698">
                  <c:v>2345.4402559999999</c:v>
                </c:pt>
                <c:pt idx="699">
                  <c:v>2347.369072</c:v>
                </c:pt>
                <c:pt idx="700">
                  <c:v>2349.2978880000001</c:v>
                </c:pt>
                <c:pt idx="701">
                  <c:v>2351.2267040000002</c:v>
                </c:pt>
                <c:pt idx="702">
                  <c:v>2353.1555199999998</c:v>
                </c:pt>
                <c:pt idx="703">
                  <c:v>2355.0843359999999</c:v>
                </c:pt>
                <c:pt idx="704">
                  <c:v>2357.013152</c:v>
                </c:pt>
                <c:pt idx="705">
                  <c:v>2358.9419680000001</c:v>
                </c:pt>
                <c:pt idx="706">
                  <c:v>2360.8707840000002</c:v>
                </c:pt>
                <c:pt idx="707">
                  <c:v>2362.7995999999998</c:v>
                </c:pt>
                <c:pt idx="708">
                  <c:v>2364.7284159999999</c:v>
                </c:pt>
                <c:pt idx="709">
                  <c:v>2366.657232</c:v>
                </c:pt>
                <c:pt idx="710">
                  <c:v>2368.5860480000001</c:v>
                </c:pt>
                <c:pt idx="711">
                  <c:v>2370.5148640000002</c:v>
                </c:pt>
                <c:pt idx="712">
                  <c:v>2372.4436799999999</c:v>
                </c:pt>
                <c:pt idx="713">
                  <c:v>2374.372496</c:v>
                </c:pt>
                <c:pt idx="714">
                  <c:v>2376.3013120000001</c:v>
                </c:pt>
                <c:pt idx="715">
                  <c:v>2378.2301280000001</c:v>
                </c:pt>
                <c:pt idx="716">
                  <c:v>2380.1589439999998</c:v>
                </c:pt>
                <c:pt idx="717">
                  <c:v>2382.0877599999999</c:v>
                </c:pt>
                <c:pt idx="718">
                  <c:v>2384.016576</c:v>
                </c:pt>
                <c:pt idx="719">
                  <c:v>2385.9453920000001</c:v>
                </c:pt>
                <c:pt idx="720">
                  <c:v>2387.8742080000002</c:v>
                </c:pt>
                <c:pt idx="721">
                  <c:v>2389.8030239999998</c:v>
                </c:pt>
                <c:pt idx="722">
                  <c:v>2391.7318399999999</c:v>
                </c:pt>
                <c:pt idx="723">
                  <c:v>2393.660656</c:v>
                </c:pt>
                <c:pt idx="724">
                  <c:v>2395.5894720000001</c:v>
                </c:pt>
                <c:pt idx="725">
                  <c:v>2397.5182880000002</c:v>
                </c:pt>
                <c:pt idx="726">
                  <c:v>2399.4471039999999</c:v>
                </c:pt>
                <c:pt idx="727">
                  <c:v>2401.37592</c:v>
                </c:pt>
                <c:pt idx="728">
                  <c:v>2403.304736</c:v>
                </c:pt>
                <c:pt idx="729">
                  <c:v>2405.2335520000001</c:v>
                </c:pt>
                <c:pt idx="730">
                  <c:v>2407.1623679999998</c:v>
                </c:pt>
                <c:pt idx="731">
                  <c:v>2409.0911839999999</c:v>
                </c:pt>
                <c:pt idx="732">
                  <c:v>2411.02</c:v>
                </c:pt>
                <c:pt idx="733">
                  <c:v>2412.9488160000001</c:v>
                </c:pt>
                <c:pt idx="734">
                  <c:v>2414.8776320000002</c:v>
                </c:pt>
                <c:pt idx="735">
                  <c:v>2416.8064479999998</c:v>
                </c:pt>
                <c:pt idx="736">
                  <c:v>2418.7352639999999</c:v>
                </c:pt>
                <c:pt idx="737">
                  <c:v>2420.66408</c:v>
                </c:pt>
                <c:pt idx="738">
                  <c:v>2422.5928960000001</c:v>
                </c:pt>
                <c:pt idx="739">
                  <c:v>2424.5217120000002</c:v>
                </c:pt>
                <c:pt idx="740">
                  <c:v>2426.4505279999998</c:v>
                </c:pt>
                <c:pt idx="741">
                  <c:v>2428.3793439999999</c:v>
                </c:pt>
                <c:pt idx="742">
                  <c:v>2430.30816</c:v>
                </c:pt>
                <c:pt idx="743">
                  <c:v>2432.2369760000001</c:v>
                </c:pt>
                <c:pt idx="744">
                  <c:v>2434.1657919999998</c:v>
                </c:pt>
                <c:pt idx="745">
                  <c:v>2436.0946079999999</c:v>
                </c:pt>
                <c:pt idx="746">
                  <c:v>2438.023424</c:v>
                </c:pt>
                <c:pt idx="747">
                  <c:v>2439.9522400000001</c:v>
                </c:pt>
                <c:pt idx="748">
                  <c:v>2441.8810560000002</c:v>
                </c:pt>
                <c:pt idx="749">
                  <c:v>2443.8098719999998</c:v>
                </c:pt>
                <c:pt idx="750">
                  <c:v>2445.7386879999999</c:v>
                </c:pt>
                <c:pt idx="751">
                  <c:v>2447.667504</c:v>
                </c:pt>
                <c:pt idx="752">
                  <c:v>2449.5963200000001</c:v>
                </c:pt>
                <c:pt idx="753">
                  <c:v>2451.5251360000002</c:v>
                </c:pt>
                <c:pt idx="754">
                  <c:v>2453.4539519999998</c:v>
                </c:pt>
                <c:pt idx="755">
                  <c:v>2455.3827679999999</c:v>
                </c:pt>
                <c:pt idx="756">
                  <c:v>2457.311584</c:v>
                </c:pt>
                <c:pt idx="757">
                  <c:v>2459.2404000000001</c:v>
                </c:pt>
                <c:pt idx="758">
                  <c:v>2461.1692159999998</c:v>
                </c:pt>
                <c:pt idx="759">
                  <c:v>2463.0980319999999</c:v>
                </c:pt>
                <c:pt idx="760">
                  <c:v>2465.026848</c:v>
                </c:pt>
                <c:pt idx="761">
                  <c:v>2466.9556640000001</c:v>
                </c:pt>
                <c:pt idx="762">
                  <c:v>2468.8844800000002</c:v>
                </c:pt>
                <c:pt idx="763">
                  <c:v>2470.8132959999998</c:v>
                </c:pt>
                <c:pt idx="764">
                  <c:v>2472.7421119999999</c:v>
                </c:pt>
                <c:pt idx="765">
                  <c:v>2474.670928</c:v>
                </c:pt>
                <c:pt idx="766">
                  <c:v>2476.5997440000001</c:v>
                </c:pt>
                <c:pt idx="767">
                  <c:v>2478.5285600000002</c:v>
                </c:pt>
                <c:pt idx="768">
                  <c:v>2480.4573759999998</c:v>
                </c:pt>
                <c:pt idx="769">
                  <c:v>2482.3861919999999</c:v>
                </c:pt>
                <c:pt idx="770">
                  <c:v>2484.315008</c:v>
                </c:pt>
                <c:pt idx="771">
                  <c:v>2486.2438240000001</c:v>
                </c:pt>
                <c:pt idx="772">
                  <c:v>2488.1726399999998</c:v>
                </c:pt>
                <c:pt idx="773">
                  <c:v>2490.1014559999999</c:v>
                </c:pt>
                <c:pt idx="774">
                  <c:v>2492.030272</c:v>
                </c:pt>
                <c:pt idx="775">
                  <c:v>2493.9590880000001</c:v>
                </c:pt>
                <c:pt idx="776">
                  <c:v>2495.8879040000002</c:v>
                </c:pt>
                <c:pt idx="777">
                  <c:v>2497.8167199999998</c:v>
                </c:pt>
                <c:pt idx="778">
                  <c:v>2499.7455359999999</c:v>
                </c:pt>
                <c:pt idx="779">
                  <c:v>2501.674352</c:v>
                </c:pt>
                <c:pt idx="780">
                  <c:v>2503.6031680000001</c:v>
                </c:pt>
                <c:pt idx="781">
                  <c:v>2505.5319840000002</c:v>
                </c:pt>
                <c:pt idx="782">
                  <c:v>2507.4607999999998</c:v>
                </c:pt>
                <c:pt idx="783">
                  <c:v>2509.3896159999999</c:v>
                </c:pt>
                <c:pt idx="784">
                  <c:v>2511.318432</c:v>
                </c:pt>
                <c:pt idx="785">
                  <c:v>2513.2472480000001</c:v>
                </c:pt>
                <c:pt idx="786">
                  <c:v>2515.1760640000002</c:v>
                </c:pt>
                <c:pt idx="787">
                  <c:v>2517.1048799999999</c:v>
                </c:pt>
                <c:pt idx="788">
                  <c:v>2519.033696</c:v>
                </c:pt>
                <c:pt idx="789">
                  <c:v>2520.9625120000001</c:v>
                </c:pt>
                <c:pt idx="790">
                  <c:v>2522.8913280000002</c:v>
                </c:pt>
                <c:pt idx="791">
                  <c:v>2524.8201439999998</c:v>
                </c:pt>
                <c:pt idx="792">
                  <c:v>2526.7489599999999</c:v>
                </c:pt>
                <c:pt idx="793">
                  <c:v>2528.677776</c:v>
                </c:pt>
                <c:pt idx="794">
                  <c:v>2530.6065920000001</c:v>
                </c:pt>
                <c:pt idx="795">
                  <c:v>2532.5354080000002</c:v>
                </c:pt>
                <c:pt idx="796">
                  <c:v>2534.4642239999998</c:v>
                </c:pt>
                <c:pt idx="797">
                  <c:v>2536.3930399999999</c:v>
                </c:pt>
                <c:pt idx="798">
                  <c:v>2538.321856</c:v>
                </c:pt>
                <c:pt idx="799">
                  <c:v>2540.2506720000001</c:v>
                </c:pt>
                <c:pt idx="800">
                  <c:v>2542.1794880000002</c:v>
                </c:pt>
                <c:pt idx="801">
                  <c:v>2544.1083039999999</c:v>
                </c:pt>
                <c:pt idx="802">
                  <c:v>2546.03712</c:v>
                </c:pt>
                <c:pt idx="803">
                  <c:v>2547.9659360000001</c:v>
                </c:pt>
                <c:pt idx="804">
                  <c:v>2549.8947520000002</c:v>
                </c:pt>
                <c:pt idx="805">
                  <c:v>2551.8235679999998</c:v>
                </c:pt>
                <c:pt idx="806">
                  <c:v>2553.7523839999999</c:v>
                </c:pt>
                <c:pt idx="807">
                  <c:v>2555.6812</c:v>
                </c:pt>
                <c:pt idx="808">
                  <c:v>2557.6100160000001</c:v>
                </c:pt>
                <c:pt idx="809">
                  <c:v>2559.5388320000002</c:v>
                </c:pt>
                <c:pt idx="810">
                  <c:v>2561.4676479999998</c:v>
                </c:pt>
                <c:pt idx="811">
                  <c:v>2563.3964639999999</c:v>
                </c:pt>
                <c:pt idx="812">
                  <c:v>2565.32528</c:v>
                </c:pt>
                <c:pt idx="813">
                  <c:v>2567.2540960000001</c:v>
                </c:pt>
                <c:pt idx="814">
                  <c:v>2569.1829120000002</c:v>
                </c:pt>
                <c:pt idx="815">
                  <c:v>2571.1117279999999</c:v>
                </c:pt>
                <c:pt idx="816">
                  <c:v>2573.040544</c:v>
                </c:pt>
                <c:pt idx="817">
                  <c:v>2574.9693600000001</c:v>
                </c:pt>
                <c:pt idx="818">
                  <c:v>2576.8981760000001</c:v>
                </c:pt>
                <c:pt idx="819">
                  <c:v>2578.8269919999998</c:v>
                </c:pt>
                <c:pt idx="820">
                  <c:v>2580.7558079999999</c:v>
                </c:pt>
                <c:pt idx="821">
                  <c:v>2582.684624</c:v>
                </c:pt>
                <c:pt idx="822">
                  <c:v>2584.6134400000001</c:v>
                </c:pt>
                <c:pt idx="823">
                  <c:v>2586.5422560000002</c:v>
                </c:pt>
                <c:pt idx="824">
                  <c:v>2588.4710719999998</c:v>
                </c:pt>
                <c:pt idx="825">
                  <c:v>2590.3998879999999</c:v>
                </c:pt>
                <c:pt idx="826">
                  <c:v>2592.328704</c:v>
                </c:pt>
                <c:pt idx="827">
                  <c:v>2594.2575200000001</c:v>
                </c:pt>
                <c:pt idx="828">
                  <c:v>2596.1863360000002</c:v>
                </c:pt>
                <c:pt idx="829">
                  <c:v>2598.1151519999999</c:v>
                </c:pt>
                <c:pt idx="830">
                  <c:v>2600.0439679999999</c:v>
                </c:pt>
                <c:pt idx="831">
                  <c:v>2601.972784</c:v>
                </c:pt>
                <c:pt idx="832">
                  <c:v>2603.9016000000001</c:v>
                </c:pt>
                <c:pt idx="833">
                  <c:v>2605.8304159999998</c:v>
                </c:pt>
                <c:pt idx="834">
                  <c:v>2607.7592319999999</c:v>
                </c:pt>
                <c:pt idx="835">
                  <c:v>2609.688048</c:v>
                </c:pt>
                <c:pt idx="836">
                  <c:v>2611.6168640000001</c:v>
                </c:pt>
                <c:pt idx="837">
                  <c:v>2613.5456800000002</c:v>
                </c:pt>
                <c:pt idx="838">
                  <c:v>2615.4744959999998</c:v>
                </c:pt>
                <c:pt idx="839">
                  <c:v>2617.4033119999999</c:v>
                </c:pt>
                <c:pt idx="840">
                  <c:v>2619.332128</c:v>
                </c:pt>
                <c:pt idx="841">
                  <c:v>2621.2609440000001</c:v>
                </c:pt>
                <c:pt idx="842">
                  <c:v>2623.1897600000002</c:v>
                </c:pt>
                <c:pt idx="843">
                  <c:v>2625.1185759999998</c:v>
                </c:pt>
                <c:pt idx="844">
                  <c:v>2627.0473919999999</c:v>
                </c:pt>
                <c:pt idx="845">
                  <c:v>2628.976208</c:v>
                </c:pt>
                <c:pt idx="846">
                  <c:v>2630.9050240000001</c:v>
                </c:pt>
                <c:pt idx="847">
                  <c:v>2632.8338399999998</c:v>
                </c:pt>
                <c:pt idx="848">
                  <c:v>2634.7626559999999</c:v>
                </c:pt>
                <c:pt idx="849">
                  <c:v>2636.691472</c:v>
                </c:pt>
                <c:pt idx="850">
                  <c:v>2638.6202880000001</c:v>
                </c:pt>
                <c:pt idx="851">
                  <c:v>2640.5491040000002</c:v>
                </c:pt>
                <c:pt idx="852">
                  <c:v>2642.4779199999998</c:v>
                </c:pt>
                <c:pt idx="853">
                  <c:v>2644.4067359999999</c:v>
                </c:pt>
                <c:pt idx="854">
                  <c:v>2646.335552</c:v>
                </c:pt>
                <c:pt idx="855">
                  <c:v>2648.2643680000001</c:v>
                </c:pt>
                <c:pt idx="856">
                  <c:v>2650.1931840000002</c:v>
                </c:pt>
                <c:pt idx="857">
                  <c:v>2652.1219999999998</c:v>
                </c:pt>
                <c:pt idx="858">
                  <c:v>2654.0508159999999</c:v>
                </c:pt>
                <c:pt idx="859">
                  <c:v>2655.979632</c:v>
                </c:pt>
                <c:pt idx="860">
                  <c:v>2657.9084480000001</c:v>
                </c:pt>
                <c:pt idx="861">
                  <c:v>2659.8372639999998</c:v>
                </c:pt>
                <c:pt idx="862">
                  <c:v>2661.7660799999999</c:v>
                </c:pt>
                <c:pt idx="863">
                  <c:v>2663.694896</c:v>
                </c:pt>
                <c:pt idx="864">
                  <c:v>2665.6237120000001</c:v>
                </c:pt>
                <c:pt idx="865">
                  <c:v>2667.5525280000002</c:v>
                </c:pt>
                <c:pt idx="866">
                  <c:v>2669.4813439999998</c:v>
                </c:pt>
                <c:pt idx="867">
                  <c:v>2671.4101599999999</c:v>
                </c:pt>
                <c:pt idx="868">
                  <c:v>2673.338976</c:v>
                </c:pt>
                <c:pt idx="869">
                  <c:v>2675.2677920000001</c:v>
                </c:pt>
                <c:pt idx="870">
                  <c:v>2677.1966080000002</c:v>
                </c:pt>
                <c:pt idx="871">
                  <c:v>2679.1254239999998</c:v>
                </c:pt>
                <c:pt idx="872">
                  <c:v>2681.0542399999999</c:v>
                </c:pt>
                <c:pt idx="873">
                  <c:v>2682.983056</c:v>
                </c:pt>
                <c:pt idx="874">
                  <c:v>2684.9118720000001</c:v>
                </c:pt>
                <c:pt idx="875">
                  <c:v>2686.8406880000002</c:v>
                </c:pt>
                <c:pt idx="876">
                  <c:v>2688.7695039999999</c:v>
                </c:pt>
                <c:pt idx="877">
                  <c:v>2690.69832</c:v>
                </c:pt>
                <c:pt idx="878">
                  <c:v>2692.6271360000001</c:v>
                </c:pt>
                <c:pt idx="879">
                  <c:v>2694.5559520000002</c:v>
                </c:pt>
                <c:pt idx="880">
                  <c:v>2696.4847679999998</c:v>
                </c:pt>
                <c:pt idx="881">
                  <c:v>2698.4135839999999</c:v>
                </c:pt>
                <c:pt idx="882">
                  <c:v>2700.3424</c:v>
                </c:pt>
                <c:pt idx="883">
                  <c:v>2702.2712160000001</c:v>
                </c:pt>
                <c:pt idx="884">
                  <c:v>2704.2000320000002</c:v>
                </c:pt>
                <c:pt idx="885">
                  <c:v>2706.1288479999998</c:v>
                </c:pt>
                <c:pt idx="886">
                  <c:v>2708.0576639999999</c:v>
                </c:pt>
                <c:pt idx="887">
                  <c:v>2709.98648</c:v>
                </c:pt>
                <c:pt idx="888">
                  <c:v>2711.9152960000001</c:v>
                </c:pt>
                <c:pt idx="889">
                  <c:v>2713.8441120000002</c:v>
                </c:pt>
                <c:pt idx="890">
                  <c:v>2715.7729279999999</c:v>
                </c:pt>
                <c:pt idx="891">
                  <c:v>2717.701744</c:v>
                </c:pt>
                <c:pt idx="892">
                  <c:v>2719.6305600000001</c:v>
                </c:pt>
                <c:pt idx="893">
                  <c:v>2721.5593760000002</c:v>
                </c:pt>
                <c:pt idx="894">
                  <c:v>2723.4881919999998</c:v>
                </c:pt>
                <c:pt idx="895">
                  <c:v>2725.4170079999999</c:v>
                </c:pt>
                <c:pt idx="896">
                  <c:v>2727.345824</c:v>
                </c:pt>
                <c:pt idx="897">
                  <c:v>2729.2746400000001</c:v>
                </c:pt>
                <c:pt idx="898">
                  <c:v>2731.2034560000002</c:v>
                </c:pt>
                <c:pt idx="899">
                  <c:v>2733.1322719999998</c:v>
                </c:pt>
                <c:pt idx="900">
                  <c:v>2735.0610879999999</c:v>
                </c:pt>
                <c:pt idx="901">
                  <c:v>2736.989904</c:v>
                </c:pt>
                <c:pt idx="902">
                  <c:v>2738.9187200000001</c:v>
                </c:pt>
                <c:pt idx="903">
                  <c:v>2740.8475360000002</c:v>
                </c:pt>
                <c:pt idx="904">
                  <c:v>2742.7763519999999</c:v>
                </c:pt>
                <c:pt idx="905">
                  <c:v>2744.705168</c:v>
                </c:pt>
                <c:pt idx="906">
                  <c:v>2746.6339840000001</c:v>
                </c:pt>
                <c:pt idx="907">
                  <c:v>2748.5628000000002</c:v>
                </c:pt>
                <c:pt idx="908">
                  <c:v>2750.4916159999998</c:v>
                </c:pt>
                <c:pt idx="909">
                  <c:v>2752.4204319999999</c:v>
                </c:pt>
                <c:pt idx="910">
                  <c:v>2754.349248</c:v>
                </c:pt>
                <c:pt idx="911">
                  <c:v>2756.2780640000001</c:v>
                </c:pt>
                <c:pt idx="912">
                  <c:v>2758.2068800000002</c:v>
                </c:pt>
                <c:pt idx="913">
                  <c:v>2760.1356959999998</c:v>
                </c:pt>
                <c:pt idx="914">
                  <c:v>2762.0645119999999</c:v>
                </c:pt>
                <c:pt idx="915">
                  <c:v>2763.993328</c:v>
                </c:pt>
                <c:pt idx="916">
                  <c:v>2765.9221440000001</c:v>
                </c:pt>
                <c:pt idx="917">
                  <c:v>2767.8509600000002</c:v>
                </c:pt>
                <c:pt idx="918">
                  <c:v>2769.7797759999999</c:v>
                </c:pt>
                <c:pt idx="919">
                  <c:v>2771.708592</c:v>
                </c:pt>
                <c:pt idx="920">
                  <c:v>2773.6374080000001</c:v>
                </c:pt>
                <c:pt idx="921">
                  <c:v>2775.5662240000001</c:v>
                </c:pt>
                <c:pt idx="922">
                  <c:v>2777.4950399999998</c:v>
                </c:pt>
                <c:pt idx="923">
                  <c:v>2779.4238559999999</c:v>
                </c:pt>
                <c:pt idx="924">
                  <c:v>2781.352672</c:v>
                </c:pt>
                <c:pt idx="925">
                  <c:v>2783.2814880000001</c:v>
                </c:pt>
                <c:pt idx="926">
                  <c:v>2785.2103040000002</c:v>
                </c:pt>
                <c:pt idx="927">
                  <c:v>2787.1391199999998</c:v>
                </c:pt>
                <c:pt idx="928">
                  <c:v>2789.0679359999999</c:v>
                </c:pt>
                <c:pt idx="929">
                  <c:v>2790.996752</c:v>
                </c:pt>
                <c:pt idx="930">
                  <c:v>2792.9255680000001</c:v>
                </c:pt>
                <c:pt idx="931">
                  <c:v>2794.8543840000002</c:v>
                </c:pt>
                <c:pt idx="932">
                  <c:v>2796.7831999999999</c:v>
                </c:pt>
                <c:pt idx="933">
                  <c:v>2798.7120159999999</c:v>
                </c:pt>
                <c:pt idx="934">
                  <c:v>2800.640832</c:v>
                </c:pt>
                <c:pt idx="935">
                  <c:v>2802.5696480000001</c:v>
                </c:pt>
                <c:pt idx="936">
                  <c:v>2804.4984639999998</c:v>
                </c:pt>
                <c:pt idx="937">
                  <c:v>2806.4272799999999</c:v>
                </c:pt>
                <c:pt idx="938">
                  <c:v>2808.356096</c:v>
                </c:pt>
                <c:pt idx="939">
                  <c:v>2810.2849120000001</c:v>
                </c:pt>
                <c:pt idx="940">
                  <c:v>2812.2137280000002</c:v>
                </c:pt>
                <c:pt idx="941">
                  <c:v>2814.1425439999998</c:v>
                </c:pt>
                <c:pt idx="942">
                  <c:v>2816.0713599999999</c:v>
                </c:pt>
                <c:pt idx="943">
                  <c:v>2818.000176</c:v>
                </c:pt>
                <c:pt idx="944">
                  <c:v>2819.9289920000001</c:v>
                </c:pt>
                <c:pt idx="945">
                  <c:v>2821.8578080000002</c:v>
                </c:pt>
                <c:pt idx="946">
                  <c:v>2823.7866239999998</c:v>
                </c:pt>
                <c:pt idx="947">
                  <c:v>2825.7154399999999</c:v>
                </c:pt>
                <c:pt idx="948">
                  <c:v>2827.644256</c:v>
                </c:pt>
                <c:pt idx="949">
                  <c:v>2829.5730720000001</c:v>
                </c:pt>
                <c:pt idx="950">
                  <c:v>2831.5018879999998</c:v>
                </c:pt>
                <c:pt idx="951">
                  <c:v>2833.4307039999999</c:v>
                </c:pt>
                <c:pt idx="952">
                  <c:v>2835.35952</c:v>
                </c:pt>
                <c:pt idx="953">
                  <c:v>2837.2883360000001</c:v>
                </c:pt>
                <c:pt idx="954">
                  <c:v>2839.2171520000002</c:v>
                </c:pt>
                <c:pt idx="955">
                  <c:v>2841.1459679999998</c:v>
                </c:pt>
                <c:pt idx="956">
                  <c:v>2843.0747839999999</c:v>
                </c:pt>
                <c:pt idx="957">
                  <c:v>2845.0036</c:v>
                </c:pt>
                <c:pt idx="958">
                  <c:v>2846.9324160000001</c:v>
                </c:pt>
                <c:pt idx="959">
                  <c:v>2848.8612320000002</c:v>
                </c:pt>
                <c:pt idx="960">
                  <c:v>2850.7900479999998</c:v>
                </c:pt>
                <c:pt idx="961">
                  <c:v>2852.7188639999999</c:v>
                </c:pt>
                <c:pt idx="962">
                  <c:v>2854.64768</c:v>
                </c:pt>
                <c:pt idx="963">
                  <c:v>2856.5764960000001</c:v>
                </c:pt>
                <c:pt idx="964">
                  <c:v>2858.5053119999998</c:v>
                </c:pt>
                <c:pt idx="965">
                  <c:v>2860.4341279999999</c:v>
                </c:pt>
                <c:pt idx="966">
                  <c:v>2862.362944</c:v>
                </c:pt>
                <c:pt idx="967">
                  <c:v>2864.2917600000001</c:v>
                </c:pt>
                <c:pt idx="968">
                  <c:v>2866.2205760000002</c:v>
                </c:pt>
                <c:pt idx="969">
                  <c:v>2868.1493919999998</c:v>
                </c:pt>
                <c:pt idx="970">
                  <c:v>2870.0782079999999</c:v>
                </c:pt>
                <c:pt idx="971">
                  <c:v>2872.007024</c:v>
                </c:pt>
                <c:pt idx="972">
                  <c:v>2873.9358400000001</c:v>
                </c:pt>
                <c:pt idx="973">
                  <c:v>2875.8646560000002</c:v>
                </c:pt>
                <c:pt idx="974">
                  <c:v>2877.7934719999998</c:v>
                </c:pt>
                <c:pt idx="975">
                  <c:v>2879.7222879999999</c:v>
                </c:pt>
                <c:pt idx="976">
                  <c:v>2881.651104</c:v>
                </c:pt>
                <c:pt idx="977">
                  <c:v>2883.5799200000001</c:v>
                </c:pt>
                <c:pt idx="978">
                  <c:v>2885.5087360000002</c:v>
                </c:pt>
                <c:pt idx="979">
                  <c:v>2887.4375519999999</c:v>
                </c:pt>
                <c:pt idx="980">
                  <c:v>2889.366368</c:v>
                </c:pt>
                <c:pt idx="981">
                  <c:v>2891.2951840000001</c:v>
                </c:pt>
                <c:pt idx="982">
                  <c:v>2893.2240000000002</c:v>
                </c:pt>
                <c:pt idx="983">
                  <c:v>2895.1528159999998</c:v>
                </c:pt>
                <c:pt idx="984">
                  <c:v>2897.0816319999999</c:v>
                </c:pt>
                <c:pt idx="985">
                  <c:v>2899.010448</c:v>
                </c:pt>
                <c:pt idx="986">
                  <c:v>2900.9392640000001</c:v>
                </c:pt>
                <c:pt idx="987">
                  <c:v>2902.8680800000002</c:v>
                </c:pt>
                <c:pt idx="988">
                  <c:v>2904.7968959999998</c:v>
                </c:pt>
                <c:pt idx="989">
                  <c:v>2906.7257119999999</c:v>
                </c:pt>
                <c:pt idx="990">
                  <c:v>2908.654528</c:v>
                </c:pt>
                <c:pt idx="991">
                  <c:v>2910.5833440000001</c:v>
                </c:pt>
                <c:pt idx="992">
                  <c:v>2912.5121600000002</c:v>
                </c:pt>
                <c:pt idx="993">
                  <c:v>2914.4409759999999</c:v>
                </c:pt>
                <c:pt idx="994">
                  <c:v>2916.369792</c:v>
                </c:pt>
                <c:pt idx="995">
                  <c:v>2918.2986080000001</c:v>
                </c:pt>
                <c:pt idx="996">
                  <c:v>2920.2274240000002</c:v>
                </c:pt>
                <c:pt idx="997">
                  <c:v>2922.1562399999998</c:v>
                </c:pt>
                <c:pt idx="998">
                  <c:v>2924.0850559999999</c:v>
                </c:pt>
                <c:pt idx="999">
                  <c:v>2926.013872</c:v>
                </c:pt>
                <c:pt idx="1000">
                  <c:v>2927.9426880000001</c:v>
                </c:pt>
                <c:pt idx="1001">
                  <c:v>2929.8715040000002</c:v>
                </c:pt>
                <c:pt idx="1002">
                  <c:v>2931.8003199999998</c:v>
                </c:pt>
                <c:pt idx="1003">
                  <c:v>2933.7291359999999</c:v>
                </c:pt>
                <c:pt idx="1004">
                  <c:v>2935.657952</c:v>
                </c:pt>
                <c:pt idx="1005">
                  <c:v>2937.5867680000001</c:v>
                </c:pt>
                <c:pt idx="1006">
                  <c:v>2939.5155840000002</c:v>
                </c:pt>
                <c:pt idx="1007">
                  <c:v>2941.4443999999999</c:v>
                </c:pt>
                <c:pt idx="1008">
                  <c:v>2943.373216</c:v>
                </c:pt>
                <c:pt idx="1009">
                  <c:v>2945.3020320000001</c:v>
                </c:pt>
                <c:pt idx="1010">
                  <c:v>2947.2308480000002</c:v>
                </c:pt>
                <c:pt idx="1011">
                  <c:v>2949.1596639999998</c:v>
                </c:pt>
                <c:pt idx="1012">
                  <c:v>2951.0884799999999</c:v>
                </c:pt>
                <c:pt idx="1013">
                  <c:v>2953.017296</c:v>
                </c:pt>
                <c:pt idx="1014">
                  <c:v>2954.9461120000001</c:v>
                </c:pt>
                <c:pt idx="1015">
                  <c:v>2956.8749280000002</c:v>
                </c:pt>
                <c:pt idx="1016">
                  <c:v>2958.8037439999998</c:v>
                </c:pt>
                <c:pt idx="1017">
                  <c:v>2960.7325599999999</c:v>
                </c:pt>
                <c:pt idx="1018">
                  <c:v>2962.661376</c:v>
                </c:pt>
                <c:pt idx="1019">
                  <c:v>2964.5901920000001</c:v>
                </c:pt>
                <c:pt idx="1020">
                  <c:v>2966.5190080000002</c:v>
                </c:pt>
                <c:pt idx="1021">
                  <c:v>2968.4478239999999</c:v>
                </c:pt>
                <c:pt idx="1022">
                  <c:v>2970.37664</c:v>
                </c:pt>
                <c:pt idx="1023">
                  <c:v>2972.305456</c:v>
                </c:pt>
                <c:pt idx="1024">
                  <c:v>2974.2342720000001</c:v>
                </c:pt>
                <c:pt idx="1025">
                  <c:v>2976.1630879999998</c:v>
                </c:pt>
                <c:pt idx="1026">
                  <c:v>2978.0919039999999</c:v>
                </c:pt>
                <c:pt idx="1027">
                  <c:v>2980.02072</c:v>
                </c:pt>
                <c:pt idx="1028">
                  <c:v>2981.9495360000001</c:v>
                </c:pt>
                <c:pt idx="1029">
                  <c:v>2983.8783520000002</c:v>
                </c:pt>
                <c:pt idx="1030">
                  <c:v>2985.8071679999998</c:v>
                </c:pt>
                <c:pt idx="1031">
                  <c:v>2987.7359839999999</c:v>
                </c:pt>
                <c:pt idx="1032">
                  <c:v>2989.6648</c:v>
                </c:pt>
                <c:pt idx="1033">
                  <c:v>2991.5936160000001</c:v>
                </c:pt>
                <c:pt idx="1034">
                  <c:v>2993.5224320000002</c:v>
                </c:pt>
                <c:pt idx="1035">
                  <c:v>2995.4512479999999</c:v>
                </c:pt>
                <c:pt idx="1036">
                  <c:v>2997.3800639999999</c:v>
                </c:pt>
                <c:pt idx="1037">
                  <c:v>2999.30888</c:v>
                </c:pt>
                <c:pt idx="1038">
                  <c:v>3001.2376960000001</c:v>
                </c:pt>
                <c:pt idx="1039">
                  <c:v>3003.1665119999998</c:v>
                </c:pt>
                <c:pt idx="1040">
                  <c:v>3005.0953279999999</c:v>
                </c:pt>
                <c:pt idx="1041">
                  <c:v>3007.024144</c:v>
                </c:pt>
                <c:pt idx="1042">
                  <c:v>3008.9529600000001</c:v>
                </c:pt>
                <c:pt idx="1043">
                  <c:v>3010.8817760000002</c:v>
                </c:pt>
                <c:pt idx="1044">
                  <c:v>3012.8105919999998</c:v>
                </c:pt>
                <c:pt idx="1045">
                  <c:v>3014.7394079999999</c:v>
                </c:pt>
                <c:pt idx="1046">
                  <c:v>3016.668224</c:v>
                </c:pt>
                <c:pt idx="1047">
                  <c:v>3018.5970400000001</c:v>
                </c:pt>
                <c:pt idx="1048">
                  <c:v>3020.5258560000002</c:v>
                </c:pt>
                <c:pt idx="1049">
                  <c:v>3022.4546719999998</c:v>
                </c:pt>
                <c:pt idx="1050">
                  <c:v>3024.3834879999999</c:v>
                </c:pt>
                <c:pt idx="1051">
                  <c:v>3026.312304</c:v>
                </c:pt>
                <c:pt idx="1052">
                  <c:v>3028.2411200000001</c:v>
                </c:pt>
                <c:pt idx="1053">
                  <c:v>3030.1699359999998</c:v>
                </c:pt>
                <c:pt idx="1054">
                  <c:v>3032.0987519999999</c:v>
                </c:pt>
                <c:pt idx="1055">
                  <c:v>3034.027568</c:v>
                </c:pt>
                <c:pt idx="1056">
                  <c:v>3035.9563840000001</c:v>
                </c:pt>
                <c:pt idx="1057">
                  <c:v>3037.8852000000002</c:v>
                </c:pt>
                <c:pt idx="1058">
                  <c:v>3039.8140159999998</c:v>
                </c:pt>
                <c:pt idx="1059">
                  <c:v>3041.7428319999999</c:v>
                </c:pt>
                <c:pt idx="1060">
                  <c:v>3043.671648</c:v>
                </c:pt>
                <c:pt idx="1061">
                  <c:v>3045.6004640000001</c:v>
                </c:pt>
                <c:pt idx="1062">
                  <c:v>3047.5292800000002</c:v>
                </c:pt>
                <c:pt idx="1063">
                  <c:v>3049.4580959999998</c:v>
                </c:pt>
                <c:pt idx="1064">
                  <c:v>3051.3869119999999</c:v>
                </c:pt>
                <c:pt idx="1065">
                  <c:v>3053.315728</c:v>
                </c:pt>
                <c:pt idx="1066">
                  <c:v>3055.2445440000001</c:v>
                </c:pt>
                <c:pt idx="1067">
                  <c:v>3057.1733599999998</c:v>
                </c:pt>
                <c:pt idx="1068">
                  <c:v>3059.1021759999999</c:v>
                </c:pt>
                <c:pt idx="1069">
                  <c:v>3061.030992</c:v>
                </c:pt>
                <c:pt idx="1070">
                  <c:v>3062.9598080000001</c:v>
                </c:pt>
                <c:pt idx="1071">
                  <c:v>3064.8886240000002</c:v>
                </c:pt>
                <c:pt idx="1072">
                  <c:v>3066.8174399999998</c:v>
                </c:pt>
                <c:pt idx="1073">
                  <c:v>3068.7462559999999</c:v>
                </c:pt>
                <c:pt idx="1074">
                  <c:v>3070.675072</c:v>
                </c:pt>
                <c:pt idx="1075">
                  <c:v>3072.6038880000001</c:v>
                </c:pt>
                <c:pt idx="1076">
                  <c:v>3074.5327040000002</c:v>
                </c:pt>
                <c:pt idx="1077">
                  <c:v>3076.4615199999998</c:v>
                </c:pt>
                <c:pt idx="1078">
                  <c:v>3078.3903359999999</c:v>
                </c:pt>
                <c:pt idx="1079">
                  <c:v>3080.319152</c:v>
                </c:pt>
                <c:pt idx="1080">
                  <c:v>3082.2479680000001</c:v>
                </c:pt>
                <c:pt idx="1081">
                  <c:v>3084.1767840000002</c:v>
                </c:pt>
                <c:pt idx="1082">
                  <c:v>3086.1055999999999</c:v>
                </c:pt>
                <c:pt idx="1083">
                  <c:v>3088.034416</c:v>
                </c:pt>
                <c:pt idx="1084">
                  <c:v>3089.9632320000001</c:v>
                </c:pt>
                <c:pt idx="1085">
                  <c:v>3091.8920480000002</c:v>
                </c:pt>
                <c:pt idx="1086">
                  <c:v>3093.8208639999998</c:v>
                </c:pt>
                <c:pt idx="1087">
                  <c:v>3095.7496799999999</c:v>
                </c:pt>
                <c:pt idx="1088">
                  <c:v>3097.678496</c:v>
                </c:pt>
                <c:pt idx="1089">
                  <c:v>3099.6073120000001</c:v>
                </c:pt>
                <c:pt idx="1090">
                  <c:v>3101.5361280000002</c:v>
                </c:pt>
                <c:pt idx="1091">
                  <c:v>3103.4649439999998</c:v>
                </c:pt>
                <c:pt idx="1092">
                  <c:v>3105.3937599999999</c:v>
                </c:pt>
                <c:pt idx="1093">
                  <c:v>3107.322576</c:v>
                </c:pt>
                <c:pt idx="1094">
                  <c:v>3109.2513920000001</c:v>
                </c:pt>
                <c:pt idx="1095">
                  <c:v>3111.1802080000002</c:v>
                </c:pt>
                <c:pt idx="1096">
                  <c:v>3113.1090239999999</c:v>
                </c:pt>
                <c:pt idx="1097">
                  <c:v>3115.03784</c:v>
                </c:pt>
                <c:pt idx="1098">
                  <c:v>3116.9666560000001</c:v>
                </c:pt>
                <c:pt idx="1099">
                  <c:v>3118.8954720000002</c:v>
                </c:pt>
                <c:pt idx="1100">
                  <c:v>3120.8242879999998</c:v>
                </c:pt>
                <c:pt idx="1101">
                  <c:v>3122.7531039999999</c:v>
                </c:pt>
                <c:pt idx="1102">
                  <c:v>3124.68192</c:v>
                </c:pt>
                <c:pt idx="1103">
                  <c:v>3126.6107360000001</c:v>
                </c:pt>
                <c:pt idx="1104">
                  <c:v>3128.5395520000002</c:v>
                </c:pt>
                <c:pt idx="1105">
                  <c:v>3130.4683679999998</c:v>
                </c:pt>
                <c:pt idx="1106">
                  <c:v>3132.3971839999999</c:v>
                </c:pt>
                <c:pt idx="1107">
                  <c:v>3134.326</c:v>
                </c:pt>
                <c:pt idx="1108">
                  <c:v>3136.2548160000001</c:v>
                </c:pt>
                <c:pt idx="1109">
                  <c:v>3138.1836320000002</c:v>
                </c:pt>
                <c:pt idx="1110">
                  <c:v>3140.1124479999999</c:v>
                </c:pt>
                <c:pt idx="1111">
                  <c:v>3142.041264</c:v>
                </c:pt>
                <c:pt idx="1112">
                  <c:v>3143.9700800000001</c:v>
                </c:pt>
                <c:pt idx="1113">
                  <c:v>3145.8988960000001</c:v>
                </c:pt>
                <c:pt idx="1114">
                  <c:v>3147.8277119999998</c:v>
                </c:pt>
                <c:pt idx="1115">
                  <c:v>3149.7565279999999</c:v>
                </c:pt>
                <c:pt idx="1116">
                  <c:v>3151.685344</c:v>
                </c:pt>
                <c:pt idx="1117">
                  <c:v>3153.6141600000001</c:v>
                </c:pt>
                <c:pt idx="1118">
                  <c:v>3155.5429760000002</c:v>
                </c:pt>
                <c:pt idx="1119">
                  <c:v>3157.4717919999998</c:v>
                </c:pt>
                <c:pt idx="1120">
                  <c:v>3159.4006079999999</c:v>
                </c:pt>
                <c:pt idx="1121">
                  <c:v>3161.329424</c:v>
                </c:pt>
                <c:pt idx="1122">
                  <c:v>3163.2582400000001</c:v>
                </c:pt>
                <c:pt idx="1123">
                  <c:v>3165.1870560000002</c:v>
                </c:pt>
                <c:pt idx="1124">
                  <c:v>3167.1158719999999</c:v>
                </c:pt>
                <c:pt idx="1125">
                  <c:v>3169.044688</c:v>
                </c:pt>
                <c:pt idx="1126">
                  <c:v>3170.973504</c:v>
                </c:pt>
                <c:pt idx="1127">
                  <c:v>3172.9023200000001</c:v>
                </c:pt>
                <c:pt idx="1128">
                  <c:v>3174.8311359999998</c:v>
                </c:pt>
                <c:pt idx="1129">
                  <c:v>3176.7599519999999</c:v>
                </c:pt>
                <c:pt idx="1130">
                  <c:v>3178.688768</c:v>
                </c:pt>
                <c:pt idx="1131">
                  <c:v>3180.6175840000001</c:v>
                </c:pt>
                <c:pt idx="1132">
                  <c:v>3182.5464000000002</c:v>
                </c:pt>
                <c:pt idx="1133">
                  <c:v>3184.4752159999998</c:v>
                </c:pt>
                <c:pt idx="1134">
                  <c:v>3186.4040319999999</c:v>
                </c:pt>
                <c:pt idx="1135">
                  <c:v>3188.332848</c:v>
                </c:pt>
                <c:pt idx="1136">
                  <c:v>3190.2616640000001</c:v>
                </c:pt>
                <c:pt idx="1137">
                  <c:v>3192.1904800000002</c:v>
                </c:pt>
                <c:pt idx="1138">
                  <c:v>3194.1192959999998</c:v>
                </c:pt>
                <c:pt idx="1139">
                  <c:v>3196.0481119999999</c:v>
                </c:pt>
                <c:pt idx="1140">
                  <c:v>3197.976928</c:v>
                </c:pt>
                <c:pt idx="1141">
                  <c:v>3199.9057440000001</c:v>
                </c:pt>
                <c:pt idx="1142">
                  <c:v>3201.8345599999998</c:v>
                </c:pt>
                <c:pt idx="1143">
                  <c:v>3203.7633759999999</c:v>
                </c:pt>
                <c:pt idx="1144">
                  <c:v>3205.692192</c:v>
                </c:pt>
                <c:pt idx="1145">
                  <c:v>3207.6210080000001</c:v>
                </c:pt>
                <c:pt idx="1146">
                  <c:v>3209.5498240000002</c:v>
                </c:pt>
                <c:pt idx="1147">
                  <c:v>3211.4786399999998</c:v>
                </c:pt>
                <c:pt idx="1148">
                  <c:v>3213.4074559999999</c:v>
                </c:pt>
                <c:pt idx="1149">
                  <c:v>3215.336272</c:v>
                </c:pt>
                <c:pt idx="1150">
                  <c:v>3217.2650880000001</c:v>
                </c:pt>
                <c:pt idx="1151">
                  <c:v>3219.1939040000002</c:v>
                </c:pt>
                <c:pt idx="1152">
                  <c:v>3221.1227199999998</c:v>
                </c:pt>
                <c:pt idx="1153">
                  <c:v>3223.0515359999999</c:v>
                </c:pt>
                <c:pt idx="1154">
                  <c:v>3224.980352</c:v>
                </c:pt>
                <c:pt idx="1155">
                  <c:v>3226.9091680000001</c:v>
                </c:pt>
                <c:pt idx="1156">
                  <c:v>3228.8379839999998</c:v>
                </c:pt>
                <c:pt idx="1157">
                  <c:v>3230.7667999999999</c:v>
                </c:pt>
                <c:pt idx="1158">
                  <c:v>3232.695616</c:v>
                </c:pt>
                <c:pt idx="1159">
                  <c:v>3234.6244320000001</c:v>
                </c:pt>
                <c:pt idx="1160">
                  <c:v>3236.5532480000002</c:v>
                </c:pt>
                <c:pt idx="1161">
                  <c:v>3238.4820639999998</c:v>
                </c:pt>
                <c:pt idx="1162">
                  <c:v>3240.4108799999999</c:v>
                </c:pt>
                <c:pt idx="1163">
                  <c:v>3242.339696</c:v>
                </c:pt>
                <c:pt idx="1164">
                  <c:v>3244.2685120000001</c:v>
                </c:pt>
                <c:pt idx="1165">
                  <c:v>3246.1973280000002</c:v>
                </c:pt>
                <c:pt idx="1166">
                  <c:v>3248.1261439999998</c:v>
                </c:pt>
                <c:pt idx="1167">
                  <c:v>3250.0549599999999</c:v>
                </c:pt>
                <c:pt idx="1168">
                  <c:v>3251.983776</c:v>
                </c:pt>
                <c:pt idx="1169">
                  <c:v>3253.9125920000001</c:v>
                </c:pt>
                <c:pt idx="1170">
                  <c:v>3255.8414079999998</c:v>
                </c:pt>
                <c:pt idx="1171">
                  <c:v>3257.7702239999999</c:v>
                </c:pt>
                <c:pt idx="1172">
                  <c:v>3259.69904</c:v>
                </c:pt>
                <c:pt idx="1173">
                  <c:v>3261.6278560000001</c:v>
                </c:pt>
                <c:pt idx="1174">
                  <c:v>3263.5566720000002</c:v>
                </c:pt>
                <c:pt idx="1175">
                  <c:v>3265.4854879999998</c:v>
                </c:pt>
                <c:pt idx="1176">
                  <c:v>3267.4143039999999</c:v>
                </c:pt>
                <c:pt idx="1177">
                  <c:v>3269.34312</c:v>
                </c:pt>
                <c:pt idx="1178">
                  <c:v>3271.2719360000001</c:v>
                </c:pt>
                <c:pt idx="1179">
                  <c:v>3273.2007520000002</c:v>
                </c:pt>
                <c:pt idx="1180">
                  <c:v>3275.1295679999998</c:v>
                </c:pt>
                <c:pt idx="1181">
                  <c:v>3277.0583839999999</c:v>
                </c:pt>
                <c:pt idx="1182">
                  <c:v>3278.9872</c:v>
                </c:pt>
                <c:pt idx="1183">
                  <c:v>3280.9160160000001</c:v>
                </c:pt>
                <c:pt idx="1184">
                  <c:v>3282.8448320000002</c:v>
                </c:pt>
                <c:pt idx="1185">
                  <c:v>3284.7736479999999</c:v>
                </c:pt>
                <c:pt idx="1186">
                  <c:v>3286.702464</c:v>
                </c:pt>
                <c:pt idx="1187">
                  <c:v>3288.6312800000001</c:v>
                </c:pt>
                <c:pt idx="1188">
                  <c:v>3290.5600960000002</c:v>
                </c:pt>
                <c:pt idx="1189">
                  <c:v>3292.4889119999998</c:v>
                </c:pt>
                <c:pt idx="1190">
                  <c:v>3294.4177279999999</c:v>
                </c:pt>
                <c:pt idx="1191">
                  <c:v>3296.346544</c:v>
                </c:pt>
                <c:pt idx="1192">
                  <c:v>3298.2753600000001</c:v>
                </c:pt>
                <c:pt idx="1193">
                  <c:v>3300.2041760000002</c:v>
                </c:pt>
                <c:pt idx="1194">
                  <c:v>3302.1329919999998</c:v>
                </c:pt>
                <c:pt idx="1195">
                  <c:v>3304.0618079999999</c:v>
                </c:pt>
                <c:pt idx="1196">
                  <c:v>3305.990624</c:v>
                </c:pt>
                <c:pt idx="1197">
                  <c:v>3307.9194400000001</c:v>
                </c:pt>
                <c:pt idx="1198">
                  <c:v>3309.8482560000002</c:v>
                </c:pt>
                <c:pt idx="1199">
                  <c:v>3311.7770719999999</c:v>
                </c:pt>
                <c:pt idx="1200">
                  <c:v>3313.705888</c:v>
                </c:pt>
                <c:pt idx="1201">
                  <c:v>3315.6347040000001</c:v>
                </c:pt>
                <c:pt idx="1202">
                  <c:v>3317.5635200000002</c:v>
                </c:pt>
                <c:pt idx="1203">
                  <c:v>3319.4923359999998</c:v>
                </c:pt>
                <c:pt idx="1204">
                  <c:v>3321.4211519999999</c:v>
                </c:pt>
                <c:pt idx="1205">
                  <c:v>3323.349968</c:v>
                </c:pt>
                <c:pt idx="1206">
                  <c:v>3325.2787840000001</c:v>
                </c:pt>
                <c:pt idx="1207">
                  <c:v>3327.2076000000002</c:v>
                </c:pt>
                <c:pt idx="1208">
                  <c:v>3329.1364159999998</c:v>
                </c:pt>
                <c:pt idx="1209">
                  <c:v>3331.0652319999999</c:v>
                </c:pt>
                <c:pt idx="1210">
                  <c:v>3332.994048</c:v>
                </c:pt>
                <c:pt idx="1211">
                  <c:v>3334.9228640000001</c:v>
                </c:pt>
                <c:pt idx="1212">
                  <c:v>3336.8516800000002</c:v>
                </c:pt>
                <c:pt idx="1213">
                  <c:v>3338.7804959999999</c:v>
                </c:pt>
                <c:pt idx="1214">
                  <c:v>3340.709312</c:v>
                </c:pt>
                <c:pt idx="1215">
                  <c:v>3342.6381280000001</c:v>
                </c:pt>
                <c:pt idx="1216">
                  <c:v>3344.5669440000001</c:v>
                </c:pt>
                <c:pt idx="1217">
                  <c:v>3346.4957599999998</c:v>
                </c:pt>
                <c:pt idx="1218">
                  <c:v>3348.4245759999999</c:v>
                </c:pt>
                <c:pt idx="1219">
                  <c:v>3350.353392</c:v>
                </c:pt>
                <c:pt idx="1220">
                  <c:v>3352.2822080000001</c:v>
                </c:pt>
                <c:pt idx="1221">
                  <c:v>3354.2110240000002</c:v>
                </c:pt>
                <c:pt idx="1222">
                  <c:v>3356.1398399999998</c:v>
                </c:pt>
                <c:pt idx="1223">
                  <c:v>3358.0686559999999</c:v>
                </c:pt>
                <c:pt idx="1224">
                  <c:v>3359.997472</c:v>
                </c:pt>
                <c:pt idx="1225">
                  <c:v>3361.9262880000001</c:v>
                </c:pt>
                <c:pt idx="1226">
                  <c:v>3363.8551040000002</c:v>
                </c:pt>
                <c:pt idx="1227">
                  <c:v>3365.7839199999999</c:v>
                </c:pt>
                <c:pt idx="1228">
                  <c:v>3367.7127359999999</c:v>
                </c:pt>
                <c:pt idx="1229">
                  <c:v>3369.641552</c:v>
                </c:pt>
                <c:pt idx="1230">
                  <c:v>3371.5703680000001</c:v>
                </c:pt>
                <c:pt idx="1231">
                  <c:v>3373.4991839999998</c:v>
                </c:pt>
                <c:pt idx="1232">
                  <c:v>3375.4279999999999</c:v>
                </c:pt>
                <c:pt idx="1233">
                  <c:v>3377.356816</c:v>
                </c:pt>
                <c:pt idx="1234">
                  <c:v>3379.2856320000001</c:v>
                </c:pt>
                <c:pt idx="1235">
                  <c:v>3381.2144480000002</c:v>
                </c:pt>
                <c:pt idx="1236">
                  <c:v>3383.1432639999998</c:v>
                </c:pt>
                <c:pt idx="1237">
                  <c:v>3385.0720799999999</c:v>
                </c:pt>
                <c:pt idx="1238">
                  <c:v>3387.000896</c:v>
                </c:pt>
                <c:pt idx="1239">
                  <c:v>3388.9297120000001</c:v>
                </c:pt>
                <c:pt idx="1240">
                  <c:v>3390.8585280000002</c:v>
                </c:pt>
                <c:pt idx="1241">
                  <c:v>3392.7873439999998</c:v>
                </c:pt>
                <c:pt idx="1242">
                  <c:v>3394.7161599999999</c:v>
                </c:pt>
                <c:pt idx="1243">
                  <c:v>3396.644976</c:v>
                </c:pt>
                <c:pt idx="1244">
                  <c:v>3398.5737920000001</c:v>
                </c:pt>
                <c:pt idx="1245">
                  <c:v>3400.5026079999998</c:v>
                </c:pt>
                <c:pt idx="1246">
                  <c:v>3402.4314239999999</c:v>
                </c:pt>
                <c:pt idx="1247">
                  <c:v>3404.36024</c:v>
                </c:pt>
                <c:pt idx="1248">
                  <c:v>3406.2890560000001</c:v>
                </c:pt>
                <c:pt idx="1249">
                  <c:v>3408.2178720000002</c:v>
                </c:pt>
                <c:pt idx="1250">
                  <c:v>3410.1466879999998</c:v>
                </c:pt>
                <c:pt idx="1251">
                  <c:v>3412.0755039999999</c:v>
                </c:pt>
                <c:pt idx="1252">
                  <c:v>3414.00432</c:v>
                </c:pt>
                <c:pt idx="1253">
                  <c:v>3415.9331360000001</c:v>
                </c:pt>
                <c:pt idx="1254">
                  <c:v>3417.8619520000002</c:v>
                </c:pt>
                <c:pt idx="1255">
                  <c:v>3419.7907679999998</c:v>
                </c:pt>
                <c:pt idx="1256">
                  <c:v>3421.7195839999999</c:v>
                </c:pt>
                <c:pt idx="1257">
                  <c:v>3423.6484</c:v>
                </c:pt>
                <c:pt idx="1258">
                  <c:v>3425.5772160000001</c:v>
                </c:pt>
                <c:pt idx="1259">
                  <c:v>3427.5060319999998</c:v>
                </c:pt>
                <c:pt idx="1260">
                  <c:v>3429.4348479999999</c:v>
                </c:pt>
                <c:pt idx="1261">
                  <c:v>3431.363664</c:v>
                </c:pt>
                <c:pt idx="1262">
                  <c:v>3433.2924800000001</c:v>
                </c:pt>
                <c:pt idx="1263">
                  <c:v>3435.2212960000002</c:v>
                </c:pt>
                <c:pt idx="1264">
                  <c:v>3437.1501119999998</c:v>
                </c:pt>
                <c:pt idx="1265">
                  <c:v>3439.0789279999999</c:v>
                </c:pt>
                <c:pt idx="1266">
                  <c:v>3441.007744</c:v>
                </c:pt>
                <c:pt idx="1267">
                  <c:v>3442.9365600000001</c:v>
                </c:pt>
                <c:pt idx="1268">
                  <c:v>3444.8653760000002</c:v>
                </c:pt>
                <c:pt idx="1269">
                  <c:v>3446.7941919999998</c:v>
                </c:pt>
                <c:pt idx="1270">
                  <c:v>3448.7230079999999</c:v>
                </c:pt>
                <c:pt idx="1271">
                  <c:v>3450.651824</c:v>
                </c:pt>
                <c:pt idx="1272">
                  <c:v>3452.5806400000001</c:v>
                </c:pt>
                <c:pt idx="1273">
                  <c:v>3454.5094559999998</c:v>
                </c:pt>
                <c:pt idx="1274">
                  <c:v>3456.4382719999999</c:v>
                </c:pt>
                <c:pt idx="1275">
                  <c:v>3458.367088</c:v>
                </c:pt>
                <c:pt idx="1276">
                  <c:v>3460.2959040000001</c:v>
                </c:pt>
                <c:pt idx="1277">
                  <c:v>3462.2247200000002</c:v>
                </c:pt>
                <c:pt idx="1278">
                  <c:v>3464.1535359999998</c:v>
                </c:pt>
                <c:pt idx="1279">
                  <c:v>3466.0823519999999</c:v>
                </c:pt>
                <c:pt idx="1280">
                  <c:v>3468.011168</c:v>
                </c:pt>
                <c:pt idx="1281">
                  <c:v>3469.9399840000001</c:v>
                </c:pt>
                <c:pt idx="1282">
                  <c:v>3471.8688000000002</c:v>
                </c:pt>
                <c:pt idx="1283">
                  <c:v>3473.7976159999998</c:v>
                </c:pt>
                <c:pt idx="1284">
                  <c:v>3475.7264319999999</c:v>
                </c:pt>
                <c:pt idx="1285">
                  <c:v>3477.655248</c:v>
                </c:pt>
                <c:pt idx="1286">
                  <c:v>3479.5840640000001</c:v>
                </c:pt>
                <c:pt idx="1287">
                  <c:v>3481.5128800000002</c:v>
                </c:pt>
                <c:pt idx="1288">
                  <c:v>3483.4416959999999</c:v>
                </c:pt>
                <c:pt idx="1289">
                  <c:v>3485.370512</c:v>
                </c:pt>
                <c:pt idx="1290">
                  <c:v>3487.2993280000001</c:v>
                </c:pt>
                <c:pt idx="1291">
                  <c:v>3489.2281440000002</c:v>
                </c:pt>
                <c:pt idx="1292">
                  <c:v>3491.1569599999998</c:v>
                </c:pt>
                <c:pt idx="1293">
                  <c:v>3493.0857759999999</c:v>
                </c:pt>
                <c:pt idx="1294">
                  <c:v>3495.014592</c:v>
                </c:pt>
                <c:pt idx="1295">
                  <c:v>3496.9434080000001</c:v>
                </c:pt>
                <c:pt idx="1296">
                  <c:v>3498.8722240000002</c:v>
                </c:pt>
                <c:pt idx="1297">
                  <c:v>3500.8010399999998</c:v>
                </c:pt>
                <c:pt idx="1298">
                  <c:v>3502.7298559999999</c:v>
                </c:pt>
                <c:pt idx="1299">
                  <c:v>3504.658672</c:v>
                </c:pt>
                <c:pt idx="1300">
                  <c:v>3506.5874880000001</c:v>
                </c:pt>
                <c:pt idx="1301">
                  <c:v>3508.5163040000002</c:v>
                </c:pt>
                <c:pt idx="1302">
                  <c:v>3510.4451199999999</c:v>
                </c:pt>
                <c:pt idx="1303">
                  <c:v>3512.373936</c:v>
                </c:pt>
                <c:pt idx="1304">
                  <c:v>3514.3027520000001</c:v>
                </c:pt>
                <c:pt idx="1305">
                  <c:v>3516.2315680000002</c:v>
                </c:pt>
                <c:pt idx="1306">
                  <c:v>3518.1603839999998</c:v>
                </c:pt>
                <c:pt idx="1307">
                  <c:v>3520.0891999999999</c:v>
                </c:pt>
                <c:pt idx="1308">
                  <c:v>3522.018016</c:v>
                </c:pt>
                <c:pt idx="1309">
                  <c:v>3523.9468320000001</c:v>
                </c:pt>
                <c:pt idx="1310">
                  <c:v>3525.8756480000002</c:v>
                </c:pt>
                <c:pt idx="1311">
                  <c:v>3527.8044639999998</c:v>
                </c:pt>
                <c:pt idx="1312">
                  <c:v>3529.7332799999999</c:v>
                </c:pt>
                <c:pt idx="1313">
                  <c:v>3531.662096</c:v>
                </c:pt>
                <c:pt idx="1314">
                  <c:v>3533.5909120000001</c:v>
                </c:pt>
                <c:pt idx="1315">
                  <c:v>3535.5197280000002</c:v>
                </c:pt>
                <c:pt idx="1316">
                  <c:v>3537.4485439999999</c:v>
                </c:pt>
                <c:pt idx="1317">
                  <c:v>3539.37736</c:v>
                </c:pt>
                <c:pt idx="1318">
                  <c:v>3541.3061760000001</c:v>
                </c:pt>
                <c:pt idx="1319">
                  <c:v>3543.2349920000001</c:v>
                </c:pt>
                <c:pt idx="1320">
                  <c:v>3545.1638079999998</c:v>
                </c:pt>
                <c:pt idx="1321">
                  <c:v>3547.0926239999999</c:v>
                </c:pt>
                <c:pt idx="1322">
                  <c:v>3549.02144</c:v>
                </c:pt>
                <c:pt idx="1323">
                  <c:v>3550.9502560000001</c:v>
                </c:pt>
                <c:pt idx="1324">
                  <c:v>3552.8790720000002</c:v>
                </c:pt>
                <c:pt idx="1325">
                  <c:v>3554.8078879999998</c:v>
                </c:pt>
                <c:pt idx="1326">
                  <c:v>3556.7367039999999</c:v>
                </c:pt>
                <c:pt idx="1327">
                  <c:v>3558.66552</c:v>
                </c:pt>
                <c:pt idx="1328">
                  <c:v>3560.5943360000001</c:v>
                </c:pt>
                <c:pt idx="1329">
                  <c:v>3562.5231520000002</c:v>
                </c:pt>
                <c:pt idx="1330">
                  <c:v>3564.4519679999999</c:v>
                </c:pt>
                <c:pt idx="1331">
                  <c:v>3566.3807839999999</c:v>
                </c:pt>
                <c:pt idx="1332">
                  <c:v>3568.3096</c:v>
                </c:pt>
                <c:pt idx="1333">
                  <c:v>3570.2384160000001</c:v>
                </c:pt>
                <c:pt idx="1334">
                  <c:v>3572.1672319999998</c:v>
                </c:pt>
                <c:pt idx="1335">
                  <c:v>3574.0960479999999</c:v>
                </c:pt>
                <c:pt idx="1336">
                  <c:v>3576.024864</c:v>
                </c:pt>
                <c:pt idx="1337">
                  <c:v>3577.9536800000001</c:v>
                </c:pt>
                <c:pt idx="1338">
                  <c:v>3579.8824960000002</c:v>
                </c:pt>
                <c:pt idx="1339">
                  <c:v>3581.8113119999998</c:v>
                </c:pt>
                <c:pt idx="1340">
                  <c:v>3583.7401279999999</c:v>
                </c:pt>
                <c:pt idx="1341">
                  <c:v>3585.668944</c:v>
                </c:pt>
                <c:pt idx="1342">
                  <c:v>3587.5977600000001</c:v>
                </c:pt>
                <c:pt idx="1343">
                  <c:v>3589.5265760000002</c:v>
                </c:pt>
                <c:pt idx="1344">
                  <c:v>3591.4553919999998</c:v>
                </c:pt>
                <c:pt idx="1345">
                  <c:v>3593.3842079999999</c:v>
                </c:pt>
                <c:pt idx="1346">
                  <c:v>3595.313024</c:v>
                </c:pt>
                <c:pt idx="1347">
                  <c:v>3597.2418400000001</c:v>
                </c:pt>
                <c:pt idx="1348">
                  <c:v>3599.1706559999998</c:v>
                </c:pt>
                <c:pt idx="1349">
                  <c:v>3601.0994719999999</c:v>
                </c:pt>
                <c:pt idx="1350">
                  <c:v>3603.028288</c:v>
                </c:pt>
                <c:pt idx="1351">
                  <c:v>3604.9571040000001</c:v>
                </c:pt>
                <c:pt idx="1352">
                  <c:v>3606.8859200000002</c:v>
                </c:pt>
                <c:pt idx="1353">
                  <c:v>3608.8147359999998</c:v>
                </c:pt>
                <c:pt idx="1354">
                  <c:v>3610.7435519999999</c:v>
                </c:pt>
                <c:pt idx="1355">
                  <c:v>3612.672368</c:v>
                </c:pt>
                <c:pt idx="1356">
                  <c:v>3614.6011840000001</c:v>
                </c:pt>
                <c:pt idx="1357">
                  <c:v>3616.53</c:v>
                </c:pt>
                <c:pt idx="1358">
                  <c:v>3618.4588159999998</c:v>
                </c:pt>
                <c:pt idx="1359">
                  <c:v>3620.3876319999999</c:v>
                </c:pt>
                <c:pt idx="1360">
                  <c:v>3622.316448</c:v>
                </c:pt>
                <c:pt idx="1361">
                  <c:v>3624.2452640000001</c:v>
                </c:pt>
                <c:pt idx="1362">
                  <c:v>3626.1740799999998</c:v>
                </c:pt>
                <c:pt idx="1363">
                  <c:v>3628.1028959999999</c:v>
                </c:pt>
                <c:pt idx="1364">
                  <c:v>3630.031712</c:v>
                </c:pt>
                <c:pt idx="1365">
                  <c:v>3631.9605280000001</c:v>
                </c:pt>
                <c:pt idx="1366">
                  <c:v>3633.8893440000002</c:v>
                </c:pt>
                <c:pt idx="1367">
                  <c:v>3635.8181599999998</c:v>
                </c:pt>
                <c:pt idx="1368">
                  <c:v>3637.7469759999999</c:v>
                </c:pt>
                <c:pt idx="1369">
                  <c:v>3639.675792</c:v>
                </c:pt>
                <c:pt idx="1370">
                  <c:v>3641.6046080000001</c:v>
                </c:pt>
                <c:pt idx="1371">
                  <c:v>3643.5334240000002</c:v>
                </c:pt>
                <c:pt idx="1372">
                  <c:v>3645.4622399999998</c:v>
                </c:pt>
                <c:pt idx="1373">
                  <c:v>3647.3910559999999</c:v>
                </c:pt>
                <c:pt idx="1374">
                  <c:v>3649.319872</c:v>
                </c:pt>
                <c:pt idx="1375">
                  <c:v>3651.2486880000001</c:v>
                </c:pt>
                <c:pt idx="1376">
                  <c:v>3653.1775040000002</c:v>
                </c:pt>
                <c:pt idx="1377">
                  <c:v>3655.1063199999999</c:v>
                </c:pt>
                <c:pt idx="1378">
                  <c:v>3657.035136</c:v>
                </c:pt>
                <c:pt idx="1379">
                  <c:v>3658.9639520000001</c:v>
                </c:pt>
                <c:pt idx="1380">
                  <c:v>3660.8927680000002</c:v>
                </c:pt>
                <c:pt idx="1381">
                  <c:v>3662.8215839999998</c:v>
                </c:pt>
                <c:pt idx="1382">
                  <c:v>3664.7503999999999</c:v>
                </c:pt>
                <c:pt idx="1383">
                  <c:v>3666.679216</c:v>
                </c:pt>
                <c:pt idx="1384">
                  <c:v>3668.6080320000001</c:v>
                </c:pt>
                <c:pt idx="1385">
                  <c:v>3670.5368480000002</c:v>
                </c:pt>
                <c:pt idx="1386">
                  <c:v>3672.4656639999998</c:v>
                </c:pt>
                <c:pt idx="1387">
                  <c:v>3674.3944799999999</c:v>
                </c:pt>
                <c:pt idx="1388">
                  <c:v>3676.323296</c:v>
                </c:pt>
                <c:pt idx="1389">
                  <c:v>3678.2521120000001</c:v>
                </c:pt>
                <c:pt idx="1390">
                  <c:v>3680.1809280000002</c:v>
                </c:pt>
                <c:pt idx="1391">
                  <c:v>3682.1097439999999</c:v>
                </c:pt>
                <c:pt idx="1392">
                  <c:v>3684.03856</c:v>
                </c:pt>
                <c:pt idx="1393">
                  <c:v>3685.9673760000001</c:v>
                </c:pt>
                <c:pt idx="1394">
                  <c:v>3687.8961920000002</c:v>
                </c:pt>
                <c:pt idx="1395">
                  <c:v>3689.8250079999998</c:v>
                </c:pt>
                <c:pt idx="1396">
                  <c:v>3691.7538239999999</c:v>
                </c:pt>
                <c:pt idx="1397">
                  <c:v>3693.68264</c:v>
                </c:pt>
                <c:pt idx="1398">
                  <c:v>3695.6114560000001</c:v>
                </c:pt>
                <c:pt idx="1399">
                  <c:v>3697.5402720000002</c:v>
                </c:pt>
                <c:pt idx="1400">
                  <c:v>3699.4690879999998</c:v>
                </c:pt>
                <c:pt idx="1401">
                  <c:v>3701.3979039999999</c:v>
                </c:pt>
                <c:pt idx="1402">
                  <c:v>3703.32672</c:v>
                </c:pt>
                <c:pt idx="1403">
                  <c:v>3705.2555360000001</c:v>
                </c:pt>
                <c:pt idx="1404">
                  <c:v>3707.1843520000002</c:v>
                </c:pt>
                <c:pt idx="1405">
                  <c:v>3709.1131679999999</c:v>
                </c:pt>
                <c:pt idx="1406">
                  <c:v>3711.041984</c:v>
                </c:pt>
                <c:pt idx="1407">
                  <c:v>3712.9708000000001</c:v>
                </c:pt>
                <c:pt idx="1408">
                  <c:v>3714.8996160000002</c:v>
                </c:pt>
                <c:pt idx="1409">
                  <c:v>3716.8284319999998</c:v>
                </c:pt>
                <c:pt idx="1410">
                  <c:v>3718.7572479999999</c:v>
                </c:pt>
                <c:pt idx="1411">
                  <c:v>3720.686064</c:v>
                </c:pt>
                <c:pt idx="1412">
                  <c:v>3722.6148800000001</c:v>
                </c:pt>
                <c:pt idx="1413">
                  <c:v>3724.5436960000002</c:v>
                </c:pt>
                <c:pt idx="1414">
                  <c:v>3726.4725119999998</c:v>
                </c:pt>
                <c:pt idx="1415">
                  <c:v>3728.4013279999999</c:v>
                </c:pt>
                <c:pt idx="1416">
                  <c:v>3730.330144</c:v>
                </c:pt>
                <c:pt idx="1417">
                  <c:v>3732.2589600000001</c:v>
                </c:pt>
                <c:pt idx="1418">
                  <c:v>3734.1877760000002</c:v>
                </c:pt>
                <c:pt idx="1419">
                  <c:v>3736.1165919999999</c:v>
                </c:pt>
                <c:pt idx="1420">
                  <c:v>3738.045408</c:v>
                </c:pt>
                <c:pt idx="1421">
                  <c:v>3739.974224</c:v>
                </c:pt>
                <c:pt idx="1422">
                  <c:v>3741.9030400000001</c:v>
                </c:pt>
                <c:pt idx="1423">
                  <c:v>3743.8318559999998</c:v>
                </c:pt>
                <c:pt idx="1424">
                  <c:v>3745.7606719999999</c:v>
                </c:pt>
                <c:pt idx="1425">
                  <c:v>3747.689488</c:v>
                </c:pt>
                <c:pt idx="1426">
                  <c:v>3749.6183040000001</c:v>
                </c:pt>
                <c:pt idx="1427">
                  <c:v>3751.5471200000002</c:v>
                </c:pt>
                <c:pt idx="1428">
                  <c:v>3753.4759359999998</c:v>
                </c:pt>
                <c:pt idx="1429">
                  <c:v>3755.4047519999999</c:v>
                </c:pt>
                <c:pt idx="1430">
                  <c:v>3757.333568</c:v>
                </c:pt>
                <c:pt idx="1431">
                  <c:v>3759.2623840000001</c:v>
                </c:pt>
                <c:pt idx="1432">
                  <c:v>3761.1912000000002</c:v>
                </c:pt>
                <c:pt idx="1433">
                  <c:v>3763.1200159999999</c:v>
                </c:pt>
                <c:pt idx="1434">
                  <c:v>3765.0488319999999</c:v>
                </c:pt>
                <c:pt idx="1435">
                  <c:v>3766.977648</c:v>
                </c:pt>
                <c:pt idx="1436">
                  <c:v>3768.9064640000001</c:v>
                </c:pt>
                <c:pt idx="1437">
                  <c:v>3770.8352799999998</c:v>
                </c:pt>
                <c:pt idx="1438">
                  <c:v>3772.7640959999999</c:v>
                </c:pt>
                <c:pt idx="1439">
                  <c:v>3774.692912</c:v>
                </c:pt>
                <c:pt idx="1440">
                  <c:v>3776.6217280000001</c:v>
                </c:pt>
                <c:pt idx="1441">
                  <c:v>3778.5505440000002</c:v>
                </c:pt>
                <c:pt idx="1442">
                  <c:v>3780.4793599999998</c:v>
                </c:pt>
                <c:pt idx="1443">
                  <c:v>3782.4081759999999</c:v>
                </c:pt>
                <c:pt idx="1444">
                  <c:v>3784.336992</c:v>
                </c:pt>
                <c:pt idx="1445">
                  <c:v>3786.2658080000001</c:v>
                </c:pt>
                <c:pt idx="1446">
                  <c:v>3788.1946240000002</c:v>
                </c:pt>
                <c:pt idx="1447">
                  <c:v>3790.1234399999998</c:v>
                </c:pt>
                <c:pt idx="1448">
                  <c:v>3792.0522559999999</c:v>
                </c:pt>
                <c:pt idx="1449">
                  <c:v>3793.981072</c:v>
                </c:pt>
                <c:pt idx="1450">
                  <c:v>3795.9098880000001</c:v>
                </c:pt>
                <c:pt idx="1451">
                  <c:v>3797.8387039999998</c:v>
                </c:pt>
                <c:pt idx="1452">
                  <c:v>3799.7675199999999</c:v>
                </c:pt>
                <c:pt idx="1453">
                  <c:v>3801.696336</c:v>
                </c:pt>
                <c:pt idx="1454">
                  <c:v>3803.6251520000001</c:v>
                </c:pt>
                <c:pt idx="1455">
                  <c:v>3805.5539680000002</c:v>
                </c:pt>
                <c:pt idx="1456">
                  <c:v>3807.4827839999998</c:v>
                </c:pt>
                <c:pt idx="1457">
                  <c:v>3809.4115999999999</c:v>
                </c:pt>
                <c:pt idx="1458">
                  <c:v>3811.340416</c:v>
                </c:pt>
                <c:pt idx="1459">
                  <c:v>3813.2692320000001</c:v>
                </c:pt>
                <c:pt idx="1460">
                  <c:v>3815.1980480000002</c:v>
                </c:pt>
                <c:pt idx="1461">
                  <c:v>3817.1268639999998</c:v>
                </c:pt>
                <c:pt idx="1462">
                  <c:v>3819.0556799999999</c:v>
                </c:pt>
                <c:pt idx="1463">
                  <c:v>3820.984496</c:v>
                </c:pt>
                <c:pt idx="1464">
                  <c:v>3822.9133120000001</c:v>
                </c:pt>
                <c:pt idx="1465">
                  <c:v>3824.8421279999998</c:v>
                </c:pt>
                <c:pt idx="1466">
                  <c:v>3826.7709439999999</c:v>
                </c:pt>
                <c:pt idx="1467">
                  <c:v>3828.69976</c:v>
                </c:pt>
                <c:pt idx="1468">
                  <c:v>3830.6285760000001</c:v>
                </c:pt>
                <c:pt idx="1469">
                  <c:v>3832.5573920000002</c:v>
                </c:pt>
                <c:pt idx="1470">
                  <c:v>3834.4862079999998</c:v>
                </c:pt>
                <c:pt idx="1471">
                  <c:v>3836.4150239999999</c:v>
                </c:pt>
                <c:pt idx="1472">
                  <c:v>3838.34384</c:v>
                </c:pt>
                <c:pt idx="1473">
                  <c:v>3840.2726560000001</c:v>
                </c:pt>
                <c:pt idx="1474">
                  <c:v>3842.2014720000002</c:v>
                </c:pt>
                <c:pt idx="1475">
                  <c:v>3844.1302879999998</c:v>
                </c:pt>
                <c:pt idx="1476">
                  <c:v>3846.0591039999999</c:v>
                </c:pt>
                <c:pt idx="1477">
                  <c:v>3847.98792</c:v>
                </c:pt>
                <c:pt idx="1478">
                  <c:v>3849.9167360000001</c:v>
                </c:pt>
                <c:pt idx="1479">
                  <c:v>3851.8455520000002</c:v>
                </c:pt>
                <c:pt idx="1480">
                  <c:v>3853.7743679999999</c:v>
                </c:pt>
                <c:pt idx="1481">
                  <c:v>3855.703184</c:v>
                </c:pt>
                <c:pt idx="1482">
                  <c:v>3857.6320000000001</c:v>
                </c:pt>
                <c:pt idx="1483">
                  <c:v>3859.5608160000002</c:v>
                </c:pt>
                <c:pt idx="1484">
                  <c:v>3861.4896319999998</c:v>
                </c:pt>
                <c:pt idx="1485">
                  <c:v>3863.4184479999999</c:v>
                </c:pt>
                <c:pt idx="1486">
                  <c:v>3865.347264</c:v>
                </c:pt>
                <c:pt idx="1487">
                  <c:v>3867.2760800000001</c:v>
                </c:pt>
                <c:pt idx="1488">
                  <c:v>3869.2048960000002</c:v>
                </c:pt>
                <c:pt idx="1489">
                  <c:v>3871.1337119999998</c:v>
                </c:pt>
                <c:pt idx="1490">
                  <c:v>3873.0625279999999</c:v>
                </c:pt>
                <c:pt idx="1491">
                  <c:v>3874.991344</c:v>
                </c:pt>
                <c:pt idx="1492">
                  <c:v>3876.9201600000001</c:v>
                </c:pt>
                <c:pt idx="1493">
                  <c:v>3878.8489760000002</c:v>
                </c:pt>
                <c:pt idx="1494">
                  <c:v>3880.7777919999999</c:v>
                </c:pt>
                <c:pt idx="1495">
                  <c:v>3882.706608</c:v>
                </c:pt>
                <c:pt idx="1496">
                  <c:v>3884.6354240000001</c:v>
                </c:pt>
                <c:pt idx="1497">
                  <c:v>3886.5642400000002</c:v>
                </c:pt>
                <c:pt idx="1498">
                  <c:v>3888.4930559999998</c:v>
                </c:pt>
                <c:pt idx="1499">
                  <c:v>3890.4218719999999</c:v>
                </c:pt>
                <c:pt idx="1500">
                  <c:v>3892.350688</c:v>
                </c:pt>
                <c:pt idx="1501">
                  <c:v>3894.2795040000001</c:v>
                </c:pt>
                <c:pt idx="1502">
                  <c:v>3896.2083200000002</c:v>
                </c:pt>
                <c:pt idx="1503">
                  <c:v>3898.1371359999998</c:v>
                </c:pt>
                <c:pt idx="1504">
                  <c:v>3900.0659519999999</c:v>
                </c:pt>
                <c:pt idx="1505">
                  <c:v>3901.994768</c:v>
                </c:pt>
                <c:pt idx="1506">
                  <c:v>3903.9235840000001</c:v>
                </c:pt>
                <c:pt idx="1507">
                  <c:v>3905.8524000000002</c:v>
                </c:pt>
                <c:pt idx="1508">
                  <c:v>3907.7812159999999</c:v>
                </c:pt>
                <c:pt idx="1509">
                  <c:v>3909.710032</c:v>
                </c:pt>
                <c:pt idx="1510">
                  <c:v>3911.6388480000001</c:v>
                </c:pt>
                <c:pt idx="1511">
                  <c:v>3913.5676640000001</c:v>
                </c:pt>
                <c:pt idx="1512">
                  <c:v>3915.4964799999998</c:v>
                </c:pt>
                <c:pt idx="1513">
                  <c:v>3917.4252959999999</c:v>
                </c:pt>
                <c:pt idx="1514">
                  <c:v>3919.354112</c:v>
                </c:pt>
                <c:pt idx="1515">
                  <c:v>3921.2829280000001</c:v>
                </c:pt>
                <c:pt idx="1516">
                  <c:v>3923.2117440000002</c:v>
                </c:pt>
                <c:pt idx="1517">
                  <c:v>3925.1405599999998</c:v>
                </c:pt>
                <c:pt idx="1518">
                  <c:v>3927.0693759999999</c:v>
                </c:pt>
                <c:pt idx="1519">
                  <c:v>3928.998192</c:v>
                </c:pt>
                <c:pt idx="1520">
                  <c:v>3930.9270080000001</c:v>
                </c:pt>
                <c:pt idx="1521">
                  <c:v>3932.8558240000002</c:v>
                </c:pt>
                <c:pt idx="1522">
                  <c:v>3934.7846399999999</c:v>
                </c:pt>
                <c:pt idx="1523">
                  <c:v>3936.713456</c:v>
                </c:pt>
                <c:pt idx="1524">
                  <c:v>3938.642272</c:v>
                </c:pt>
                <c:pt idx="1525">
                  <c:v>3940.5710880000001</c:v>
                </c:pt>
                <c:pt idx="1526">
                  <c:v>3942.4999039999998</c:v>
                </c:pt>
                <c:pt idx="1527">
                  <c:v>3944.4287199999999</c:v>
                </c:pt>
                <c:pt idx="1528">
                  <c:v>3946.357536</c:v>
                </c:pt>
                <c:pt idx="1529">
                  <c:v>3948.2863520000001</c:v>
                </c:pt>
                <c:pt idx="1530">
                  <c:v>3950.2151680000002</c:v>
                </c:pt>
                <c:pt idx="1531">
                  <c:v>3952.1439839999998</c:v>
                </c:pt>
                <c:pt idx="1532">
                  <c:v>3954.0727999999999</c:v>
                </c:pt>
                <c:pt idx="1533">
                  <c:v>3956.001616</c:v>
                </c:pt>
                <c:pt idx="1534">
                  <c:v>3957.9304320000001</c:v>
                </c:pt>
                <c:pt idx="1535">
                  <c:v>3959.8592480000002</c:v>
                </c:pt>
                <c:pt idx="1536">
                  <c:v>3961.7880639999998</c:v>
                </c:pt>
                <c:pt idx="1537">
                  <c:v>3963.7168799999999</c:v>
                </c:pt>
                <c:pt idx="1538">
                  <c:v>3965.645696</c:v>
                </c:pt>
                <c:pt idx="1539">
                  <c:v>3967.5745120000001</c:v>
                </c:pt>
                <c:pt idx="1540">
                  <c:v>3969.5033279999998</c:v>
                </c:pt>
                <c:pt idx="1541">
                  <c:v>3971.4321439999999</c:v>
                </c:pt>
                <c:pt idx="1542">
                  <c:v>3973.36096</c:v>
                </c:pt>
                <c:pt idx="1543">
                  <c:v>3975.2897760000001</c:v>
                </c:pt>
                <c:pt idx="1544">
                  <c:v>3977.2185920000002</c:v>
                </c:pt>
                <c:pt idx="1545">
                  <c:v>3979.1474079999998</c:v>
                </c:pt>
                <c:pt idx="1546">
                  <c:v>3981.0762239999999</c:v>
                </c:pt>
                <c:pt idx="1547">
                  <c:v>3983.00504</c:v>
                </c:pt>
                <c:pt idx="1548">
                  <c:v>3984.9338560000001</c:v>
                </c:pt>
                <c:pt idx="1549">
                  <c:v>3986.8626720000002</c:v>
                </c:pt>
                <c:pt idx="1550">
                  <c:v>3988.7914879999998</c:v>
                </c:pt>
                <c:pt idx="1551">
                  <c:v>3990.7203039999999</c:v>
                </c:pt>
                <c:pt idx="1552">
                  <c:v>3992.64912</c:v>
                </c:pt>
                <c:pt idx="1553">
                  <c:v>3994.5779360000001</c:v>
                </c:pt>
                <c:pt idx="1554">
                  <c:v>3996.5067519999998</c:v>
                </c:pt>
                <c:pt idx="1555">
                  <c:v>3998.4355679999999</c:v>
                </c:pt>
                <c:pt idx="1556">
                  <c:v>4000.364384</c:v>
                </c:pt>
              </c:numCache>
            </c:numRef>
          </c:xVal>
          <c:yVal>
            <c:numRef>
              <c:f>'Fig 2 a'!$K$11:$K$1567</c:f>
              <c:numCache>
                <c:formatCode>General</c:formatCode>
                <c:ptCount val="1557"/>
                <c:pt idx="0">
                  <c:v>91.495020999999994</c:v>
                </c:pt>
                <c:pt idx="1">
                  <c:v>89.251615000000001</c:v>
                </c:pt>
                <c:pt idx="2">
                  <c:v>86.935826000000006</c:v>
                </c:pt>
                <c:pt idx="3">
                  <c:v>84.448364999999995</c:v>
                </c:pt>
                <c:pt idx="4">
                  <c:v>81.805676000000005</c:v>
                </c:pt>
                <c:pt idx="5">
                  <c:v>78.979966000000005</c:v>
                </c:pt>
                <c:pt idx="6">
                  <c:v>76.074957999999995</c:v>
                </c:pt>
                <c:pt idx="7">
                  <c:v>73.109797</c:v>
                </c:pt>
                <c:pt idx="8">
                  <c:v>70.133709999999994</c:v>
                </c:pt>
                <c:pt idx="9">
                  <c:v>67.105903999999995</c:v>
                </c:pt>
                <c:pt idx="10">
                  <c:v>64.190738999999994</c:v>
                </c:pt>
                <c:pt idx="11">
                  <c:v>61.357342000000003</c:v>
                </c:pt>
                <c:pt idx="12">
                  <c:v>58.675668000000002</c:v>
                </c:pt>
                <c:pt idx="13">
                  <c:v>56.110419</c:v>
                </c:pt>
                <c:pt idx="14">
                  <c:v>53.890013000000003</c:v>
                </c:pt>
                <c:pt idx="15">
                  <c:v>51.852189000000003</c:v>
                </c:pt>
                <c:pt idx="16">
                  <c:v>50.108856000000003</c:v>
                </c:pt>
                <c:pt idx="17">
                  <c:v>48.507807999999997</c:v>
                </c:pt>
                <c:pt idx="18">
                  <c:v>47.223173000000003</c:v>
                </c:pt>
                <c:pt idx="19">
                  <c:v>46.114297999999998</c:v>
                </c:pt>
                <c:pt idx="20">
                  <c:v>45.220126999999998</c:v>
                </c:pt>
                <c:pt idx="21">
                  <c:v>44.444063</c:v>
                </c:pt>
                <c:pt idx="22">
                  <c:v>43.879801999999998</c:v>
                </c:pt>
                <c:pt idx="23">
                  <c:v>43.408844000000002</c:v>
                </c:pt>
                <c:pt idx="24">
                  <c:v>43.211233999999997</c:v>
                </c:pt>
                <c:pt idx="25">
                  <c:v>43.022970000000001</c:v>
                </c:pt>
                <c:pt idx="26">
                  <c:v>43.010672</c:v>
                </c:pt>
                <c:pt idx="27">
                  <c:v>42.985546999999997</c:v>
                </c:pt>
                <c:pt idx="28">
                  <c:v>43.135264999999997</c:v>
                </c:pt>
                <c:pt idx="29">
                  <c:v>43.405315999999999</c:v>
                </c:pt>
                <c:pt idx="30">
                  <c:v>43.743819000000002</c:v>
                </c:pt>
                <c:pt idx="31">
                  <c:v>43.952840000000002</c:v>
                </c:pt>
                <c:pt idx="32">
                  <c:v>44.435765000000004</c:v>
                </c:pt>
                <c:pt idx="33">
                  <c:v>44.978509000000003</c:v>
                </c:pt>
                <c:pt idx="34">
                  <c:v>45.643704</c:v>
                </c:pt>
                <c:pt idx="35">
                  <c:v>46.311641999999999</c:v>
                </c:pt>
                <c:pt idx="36">
                  <c:v>47.027149000000001</c:v>
                </c:pt>
                <c:pt idx="37">
                  <c:v>47.690525000000001</c:v>
                </c:pt>
                <c:pt idx="38">
                  <c:v>48.598953999999999</c:v>
                </c:pt>
                <c:pt idx="39">
                  <c:v>49.412283000000002</c:v>
                </c:pt>
                <c:pt idx="40">
                  <c:v>50.335264000000002</c:v>
                </c:pt>
                <c:pt idx="41">
                  <c:v>51.339905999999999</c:v>
                </c:pt>
                <c:pt idx="42">
                  <c:v>52.365884999999999</c:v>
                </c:pt>
                <c:pt idx="43">
                  <c:v>53.356368000000003</c:v>
                </c:pt>
                <c:pt idx="44">
                  <c:v>54.581842999999999</c:v>
                </c:pt>
                <c:pt idx="45">
                  <c:v>55.745396</c:v>
                </c:pt>
                <c:pt idx="46">
                  <c:v>57.031267999999997</c:v>
                </c:pt>
                <c:pt idx="47">
                  <c:v>58.269123</c:v>
                </c:pt>
                <c:pt idx="48">
                  <c:v>59.597192</c:v>
                </c:pt>
                <c:pt idx="49">
                  <c:v>60.985309000000001</c:v>
                </c:pt>
                <c:pt idx="50">
                  <c:v>62.544001999999999</c:v>
                </c:pt>
                <c:pt idx="51">
                  <c:v>63.999161000000001</c:v>
                </c:pt>
                <c:pt idx="52">
                  <c:v>65.511458000000005</c:v>
                </c:pt>
                <c:pt idx="53">
                  <c:v>67.031627999999998</c:v>
                </c:pt>
                <c:pt idx="54">
                  <c:v>68.643833000000001</c:v>
                </c:pt>
                <c:pt idx="55">
                  <c:v>70.136426</c:v>
                </c:pt>
                <c:pt idx="56">
                  <c:v>71.688137999999995</c:v>
                </c:pt>
                <c:pt idx="57">
                  <c:v>73.127557999999993</c:v>
                </c:pt>
                <c:pt idx="58">
                  <c:v>74.571247999999997</c:v>
                </c:pt>
                <c:pt idx="59">
                  <c:v>75.904668999999998</c:v>
                </c:pt>
                <c:pt idx="60">
                  <c:v>77.164068999999998</c:v>
                </c:pt>
                <c:pt idx="61">
                  <c:v>78.234041000000005</c:v>
                </c:pt>
                <c:pt idx="62">
                  <c:v>79.276996999999994</c:v>
                </c:pt>
                <c:pt idx="63">
                  <c:v>80.148972999999998</c:v>
                </c:pt>
                <c:pt idx="64">
                  <c:v>81.013519000000002</c:v>
                </c:pt>
                <c:pt idx="65">
                  <c:v>81.798831000000007</c:v>
                </c:pt>
                <c:pt idx="66">
                  <c:v>82.623391999999996</c:v>
                </c:pt>
                <c:pt idx="67">
                  <c:v>83.252656999999999</c:v>
                </c:pt>
                <c:pt idx="68">
                  <c:v>83.870239999999995</c:v>
                </c:pt>
                <c:pt idx="69">
                  <c:v>84.435744</c:v>
                </c:pt>
                <c:pt idx="70">
                  <c:v>84.970245000000006</c:v>
                </c:pt>
                <c:pt idx="71">
                  <c:v>85.503777999999997</c:v>
                </c:pt>
                <c:pt idx="72">
                  <c:v>86.085386999999997</c:v>
                </c:pt>
                <c:pt idx="73">
                  <c:v>86.584376000000006</c:v>
                </c:pt>
                <c:pt idx="74">
                  <c:v>87.120755000000003</c:v>
                </c:pt>
                <c:pt idx="75">
                  <c:v>87.546536000000003</c:v>
                </c:pt>
                <c:pt idx="76">
                  <c:v>87.996335000000002</c:v>
                </c:pt>
                <c:pt idx="77">
                  <c:v>88.454251999999997</c:v>
                </c:pt>
                <c:pt idx="78">
                  <c:v>88.920726999999999</c:v>
                </c:pt>
                <c:pt idx="79">
                  <c:v>89.376711</c:v>
                </c:pt>
                <c:pt idx="80">
                  <c:v>89.813365000000005</c:v>
                </c:pt>
                <c:pt idx="81">
                  <c:v>90.263025999999996</c:v>
                </c:pt>
                <c:pt idx="82">
                  <c:v>90.774867999999998</c:v>
                </c:pt>
                <c:pt idx="83">
                  <c:v>91.113876000000005</c:v>
                </c:pt>
                <c:pt idx="84">
                  <c:v>91.531240999999994</c:v>
                </c:pt>
                <c:pt idx="85">
                  <c:v>92.032687999999993</c:v>
                </c:pt>
                <c:pt idx="86">
                  <c:v>92.487628999999998</c:v>
                </c:pt>
                <c:pt idx="87">
                  <c:v>92.795372</c:v>
                </c:pt>
                <c:pt idx="88">
                  <c:v>93.203550000000007</c:v>
                </c:pt>
                <c:pt idx="89">
                  <c:v>93.552702999999994</c:v>
                </c:pt>
                <c:pt idx="90">
                  <c:v>93.845011</c:v>
                </c:pt>
                <c:pt idx="91">
                  <c:v>94.236859999999993</c:v>
                </c:pt>
                <c:pt idx="92">
                  <c:v>94.628450999999998</c:v>
                </c:pt>
                <c:pt idx="93">
                  <c:v>94.894941000000003</c:v>
                </c:pt>
                <c:pt idx="94">
                  <c:v>95.273990999999995</c:v>
                </c:pt>
                <c:pt idx="95">
                  <c:v>95.629302999999993</c:v>
                </c:pt>
                <c:pt idx="96">
                  <c:v>95.860501999999997</c:v>
                </c:pt>
                <c:pt idx="97">
                  <c:v>96.163483999999997</c:v>
                </c:pt>
                <c:pt idx="98">
                  <c:v>96.448590999999993</c:v>
                </c:pt>
                <c:pt idx="99">
                  <c:v>96.588013000000004</c:v>
                </c:pt>
                <c:pt idx="100">
                  <c:v>96.885784999999998</c:v>
                </c:pt>
                <c:pt idx="101">
                  <c:v>97.182557000000003</c:v>
                </c:pt>
                <c:pt idx="102">
                  <c:v>97.508587000000006</c:v>
                </c:pt>
                <c:pt idx="103">
                  <c:v>97.879677000000001</c:v>
                </c:pt>
                <c:pt idx="104">
                  <c:v>98.184617000000003</c:v>
                </c:pt>
                <c:pt idx="105">
                  <c:v>98.437495999999996</c:v>
                </c:pt>
                <c:pt idx="106">
                  <c:v>98.858529000000004</c:v>
                </c:pt>
                <c:pt idx="107">
                  <c:v>99.343048999999993</c:v>
                </c:pt>
                <c:pt idx="108">
                  <c:v>99.577451999999994</c:v>
                </c:pt>
                <c:pt idx="109">
                  <c:v>99.746274999999997</c:v>
                </c:pt>
                <c:pt idx="110">
                  <c:v>100.277</c:v>
                </c:pt>
                <c:pt idx="111">
                  <c:v>100.77794799999999</c:v>
                </c:pt>
                <c:pt idx="112">
                  <c:v>101.20492900000001</c:v>
                </c:pt>
                <c:pt idx="113">
                  <c:v>101.59993799999999</c:v>
                </c:pt>
                <c:pt idx="114">
                  <c:v>101.966007</c:v>
                </c:pt>
                <c:pt idx="115">
                  <c:v>102.359943</c:v>
                </c:pt>
                <c:pt idx="116">
                  <c:v>102.79074900000001</c:v>
                </c:pt>
                <c:pt idx="117">
                  <c:v>103.30670000000001</c:v>
                </c:pt>
                <c:pt idx="118">
                  <c:v>103.784451</c:v>
                </c:pt>
                <c:pt idx="119">
                  <c:v>104.267634</c:v>
                </c:pt>
                <c:pt idx="120">
                  <c:v>104.865713</c:v>
                </c:pt>
                <c:pt idx="121">
                  <c:v>105.417635</c:v>
                </c:pt>
                <c:pt idx="122">
                  <c:v>105.94054300000001</c:v>
                </c:pt>
                <c:pt idx="123">
                  <c:v>106.447311</c:v>
                </c:pt>
                <c:pt idx="124">
                  <c:v>107.138548</c:v>
                </c:pt>
                <c:pt idx="125">
                  <c:v>107.87415900000001</c:v>
                </c:pt>
                <c:pt idx="126">
                  <c:v>108.574364</c:v>
                </c:pt>
                <c:pt idx="127">
                  <c:v>109.280804</c:v>
                </c:pt>
                <c:pt idx="128">
                  <c:v>110.02954800000001</c:v>
                </c:pt>
                <c:pt idx="129">
                  <c:v>110.83707699999999</c:v>
                </c:pt>
                <c:pt idx="130">
                  <c:v>111.68467200000001</c:v>
                </c:pt>
                <c:pt idx="131">
                  <c:v>112.49065299999999</c:v>
                </c:pt>
                <c:pt idx="132">
                  <c:v>113.28722500000001</c:v>
                </c:pt>
                <c:pt idx="133">
                  <c:v>114.164098</c:v>
                </c:pt>
                <c:pt idx="134">
                  <c:v>115.000604</c:v>
                </c:pt>
                <c:pt idx="135">
                  <c:v>115.69616600000001</c:v>
                </c:pt>
                <c:pt idx="136">
                  <c:v>116.28130400000001</c:v>
                </c:pt>
                <c:pt idx="137">
                  <c:v>116.85021</c:v>
                </c:pt>
                <c:pt idx="138">
                  <c:v>117.41404199999999</c:v>
                </c:pt>
                <c:pt idx="139">
                  <c:v>117.797487</c:v>
                </c:pt>
                <c:pt idx="140">
                  <c:v>118.11427500000001</c:v>
                </c:pt>
                <c:pt idx="141">
                  <c:v>118.39197900000001</c:v>
                </c:pt>
                <c:pt idx="142">
                  <c:v>118.64161900000001</c:v>
                </c:pt>
                <c:pt idx="143">
                  <c:v>118.900009</c:v>
                </c:pt>
                <c:pt idx="144">
                  <c:v>119.002734</c:v>
                </c:pt>
                <c:pt idx="145">
                  <c:v>119.031063</c:v>
                </c:pt>
                <c:pt idx="146">
                  <c:v>119.131902</c:v>
                </c:pt>
                <c:pt idx="147">
                  <c:v>119.263002</c:v>
                </c:pt>
                <c:pt idx="148">
                  <c:v>119.410042</c:v>
                </c:pt>
                <c:pt idx="149">
                  <c:v>119.49192499999999</c:v>
                </c:pt>
                <c:pt idx="150">
                  <c:v>119.530243</c:v>
                </c:pt>
                <c:pt idx="151">
                  <c:v>119.607811</c:v>
                </c:pt>
                <c:pt idx="152">
                  <c:v>119.69359900000001</c:v>
                </c:pt>
                <c:pt idx="153">
                  <c:v>119.729225</c:v>
                </c:pt>
                <c:pt idx="154">
                  <c:v>119.731364</c:v>
                </c:pt>
                <c:pt idx="155">
                  <c:v>119.72150600000001</c:v>
                </c:pt>
                <c:pt idx="156">
                  <c:v>119.67199100000001</c:v>
                </c:pt>
                <c:pt idx="157">
                  <c:v>119.68233600000001</c:v>
                </c:pt>
                <c:pt idx="158">
                  <c:v>119.68035</c:v>
                </c:pt>
                <c:pt idx="159">
                  <c:v>119.593166</c:v>
                </c:pt>
                <c:pt idx="160">
                  <c:v>119.564847</c:v>
                </c:pt>
                <c:pt idx="161">
                  <c:v>119.59257700000001</c:v>
                </c:pt>
                <c:pt idx="162">
                  <c:v>119.586907</c:v>
                </c:pt>
                <c:pt idx="163">
                  <c:v>119.557508</c:v>
                </c:pt>
                <c:pt idx="164">
                  <c:v>119.566416</c:v>
                </c:pt>
                <c:pt idx="165">
                  <c:v>119.62173199999999</c:v>
                </c:pt>
                <c:pt idx="166">
                  <c:v>119.675708</c:v>
                </c:pt>
                <c:pt idx="167">
                  <c:v>119.696872</c:v>
                </c:pt>
                <c:pt idx="168">
                  <c:v>119.702524</c:v>
                </c:pt>
                <c:pt idx="169">
                  <c:v>119.762551</c:v>
                </c:pt>
                <c:pt idx="170">
                  <c:v>119.865652</c:v>
                </c:pt>
                <c:pt idx="171">
                  <c:v>119.966222</c:v>
                </c:pt>
                <c:pt idx="172">
                  <c:v>120.002965</c:v>
                </c:pt>
                <c:pt idx="173">
                  <c:v>120.028757</c:v>
                </c:pt>
                <c:pt idx="174">
                  <c:v>120.094548</c:v>
                </c:pt>
                <c:pt idx="175">
                  <c:v>120.16137999999999</c:v>
                </c:pt>
                <c:pt idx="176">
                  <c:v>120.191939</c:v>
                </c:pt>
                <c:pt idx="177">
                  <c:v>120.256913</c:v>
                </c:pt>
                <c:pt idx="178">
                  <c:v>120.31428200000001</c:v>
                </c:pt>
                <c:pt idx="179">
                  <c:v>120.33932799999999</c:v>
                </c:pt>
                <c:pt idx="180">
                  <c:v>120.30129100000001</c:v>
                </c:pt>
                <c:pt idx="181">
                  <c:v>120.29956</c:v>
                </c:pt>
                <c:pt idx="182">
                  <c:v>120.32836</c:v>
                </c:pt>
                <c:pt idx="183">
                  <c:v>120.32693</c:v>
                </c:pt>
                <c:pt idx="184">
                  <c:v>120.29621400000001</c:v>
                </c:pt>
                <c:pt idx="185">
                  <c:v>120.28476499999999</c:v>
                </c:pt>
                <c:pt idx="186">
                  <c:v>120.31533400000001</c:v>
                </c:pt>
                <c:pt idx="187">
                  <c:v>120.339158</c:v>
                </c:pt>
                <c:pt idx="188">
                  <c:v>120.30483</c:v>
                </c:pt>
                <c:pt idx="189">
                  <c:v>120.36753299999999</c:v>
                </c:pt>
                <c:pt idx="190">
                  <c:v>120.397846</c:v>
                </c:pt>
                <c:pt idx="191">
                  <c:v>120.388943</c:v>
                </c:pt>
                <c:pt idx="192">
                  <c:v>120.38675000000001</c:v>
                </c:pt>
                <c:pt idx="193">
                  <c:v>120.412459</c:v>
                </c:pt>
                <c:pt idx="194">
                  <c:v>120.47993</c:v>
                </c:pt>
                <c:pt idx="195">
                  <c:v>120.520706</c:v>
                </c:pt>
                <c:pt idx="196">
                  <c:v>120.4746</c:v>
                </c:pt>
                <c:pt idx="197">
                  <c:v>120.46275</c:v>
                </c:pt>
                <c:pt idx="198">
                  <c:v>120.405151</c:v>
                </c:pt>
                <c:pt idx="199">
                  <c:v>120.360964</c:v>
                </c:pt>
                <c:pt idx="200">
                  <c:v>120.382981</c:v>
                </c:pt>
                <c:pt idx="201">
                  <c:v>120.345721</c:v>
                </c:pt>
                <c:pt idx="202">
                  <c:v>120.339219</c:v>
                </c:pt>
                <c:pt idx="203">
                  <c:v>120.367662</c:v>
                </c:pt>
                <c:pt idx="204">
                  <c:v>120.31901000000001</c:v>
                </c:pt>
                <c:pt idx="205">
                  <c:v>120.244362</c:v>
                </c:pt>
                <c:pt idx="206">
                  <c:v>120.27534300000001</c:v>
                </c:pt>
                <c:pt idx="207">
                  <c:v>120.245653</c:v>
                </c:pt>
                <c:pt idx="208">
                  <c:v>120.23117999999999</c:v>
                </c:pt>
                <c:pt idx="209">
                  <c:v>120.169147</c:v>
                </c:pt>
                <c:pt idx="210">
                  <c:v>120.042935</c:v>
                </c:pt>
                <c:pt idx="211">
                  <c:v>119.960211</c:v>
                </c:pt>
                <c:pt idx="212">
                  <c:v>119.886004</c:v>
                </c:pt>
                <c:pt idx="213">
                  <c:v>119.818202</c:v>
                </c:pt>
                <c:pt idx="214">
                  <c:v>119.742493</c:v>
                </c:pt>
                <c:pt idx="215">
                  <c:v>119.67420199999999</c:v>
                </c:pt>
                <c:pt idx="216">
                  <c:v>119.62056200000001</c:v>
                </c:pt>
                <c:pt idx="217">
                  <c:v>119.60745</c:v>
                </c:pt>
                <c:pt idx="218">
                  <c:v>119.710363</c:v>
                </c:pt>
                <c:pt idx="219">
                  <c:v>119.782482</c:v>
                </c:pt>
                <c:pt idx="220">
                  <c:v>119.758047</c:v>
                </c:pt>
                <c:pt idx="221">
                  <c:v>119.73571200000001</c:v>
                </c:pt>
                <c:pt idx="222">
                  <c:v>119.61704400000001</c:v>
                </c:pt>
                <c:pt idx="223">
                  <c:v>119.54577999999999</c:v>
                </c:pt>
                <c:pt idx="224">
                  <c:v>119.498923</c:v>
                </c:pt>
                <c:pt idx="225">
                  <c:v>119.480268</c:v>
                </c:pt>
                <c:pt idx="226">
                  <c:v>119.343997</c:v>
                </c:pt>
                <c:pt idx="227">
                  <c:v>119.243008</c:v>
                </c:pt>
                <c:pt idx="228">
                  <c:v>119.291693</c:v>
                </c:pt>
                <c:pt idx="229">
                  <c:v>119.214212</c:v>
                </c:pt>
                <c:pt idx="230">
                  <c:v>119.080066</c:v>
                </c:pt>
                <c:pt idx="231">
                  <c:v>119.001127</c:v>
                </c:pt>
                <c:pt idx="232">
                  <c:v>118.885594</c:v>
                </c:pt>
                <c:pt idx="233">
                  <c:v>118.759891</c:v>
                </c:pt>
                <c:pt idx="234">
                  <c:v>118.69590100000001</c:v>
                </c:pt>
                <c:pt idx="235">
                  <c:v>118.625192</c:v>
                </c:pt>
                <c:pt idx="236">
                  <c:v>118.48316199999999</c:v>
                </c:pt>
                <c:pt idx="237">
                  <c:v>118.335392</c:v>
                </c:pt>
                <c:pt idx="238">
                  <c:v>118.38186399999999</c:v>
                </c:pt>
                <c:pt idx="239">
                  <c:v>118.372801</c:v>
                </c:pt>
                <c:pt idx="240">
                  <c:v>118.26856100000001</c:v>
                </c:pt>
                <c:pt idx="241">
                  <c:v>118.16027699999999</c:v>
                </c:pt>
                <c:pt idx="242">
                  <c:v>118.10118</c:v>
                </c:pt>
                <c:pt idx="243">
                  <c:v>118.052369</c:v>
                </c:pt>
                <c:pt idx="244">
                  <c:v>117.967375</c:v>
                </c:pt>
                <c:pt idx="245">
                  <c:v>117.772792</c:v>
                </c:pt>
                <c:pt idx="246">
                  <c:v>117.69372199999999</c:v>
                </c:pt>
                <c:pt idx="247">
                  <c:v>117.726608</c:v>
                </c:pt>
                <c:pt idx="248">
                  <c:v>117.799404</c:v>
                </c:pt>
                <c:pt idx="249">
                  <c:v>117.785082</c:v>
                </c:pt>
                <c:pt idx="250">
                  <c:v>117.775576</c:v>
                </c:pt>
                <c:pt idx="251">
                  <c:v>117.77399</c:v>
                </c:pt>
                <c:pt idx="252">
                  <c:v>117.75829400000001</c:v>
                </c:pt>
                <c:pt idx="253">
                  <c:v>117.86173700000001</c:v>
                </c:pt>
                <c:pt idx="254">
                  <c:v>117.93840400000001</c:v>
                </c:pt>
                <c:pt idx="255">
                  <c:v>117.977024</c:v>
                </c:pt>
                <c:pt idx="256">
                  <c:v>118.10026999999999</c:v>
                </c:pt>
                <c:pt idx="257">
                  <c:v>118.145349</c:v>
                </c:pt>
                <c:pt idx="258">
                  <c:v>118.184449</c:v>
                </c:pt>
                <c:pt idx="259">
                  <c:v>118.26026400000001</c:v>
                </c:pt>
                <c:pt idx="260">
                  <c:v>118.31707900000001</c:v>
                </c:pt>
                <c:pt idx="261">
                  <c:v>118.318487</c:v>
                </c:pt>
                <c:pt idx="262">
                  <c:v>118.30285000000001</c:v>
                </c:pt>
                <c:pt idx="263">
                  <c:v>118.29324800000001</c:v>
                </c:pt>
                <c:pt idx="264">
                  <c:v>118.615448</c:v>
                </c:pt>
                <c:pt idx="265">
                  <c:v>118.625399</c:v>
                </c:pt>
                <c:pt idx="266">
                  <c:v>118.61891300000001</c:v>
                </c:pt>
                <c:pt idx="267">
                  <c:v>118.54123800000001</c:v>
                </c:pt>
                <c:pt idx="268">
                  <c:v>118.500379</c:v>
                </c:pt>
                <c:pt idx="269">
                  <c:v>118.645456</c:v>
                </c:pt>
                <c:pt idx="270">
                  <c:v>118.574935</c:v>
                </c:pt>
                <c:pt idx="271">
                  <c:v>118.601705</c:v>
                </c:pt>
                <c:pt idx="272">
                  <c:v>118.749556</c:v>
                </c:pt>
                <c:pt idx="273">
                  <c:v>118.700416</c:v>
                </c:pt>
                <c:pt idx="274">
                  <c:v>118.650717</c:v>
                </c:pt>
                <c:pt idx="275">
                  <c:v>118.692562</c:v>
                </c:pt>
                <c:pt idx="276">
                  <c:v>118.61595800000001</c:v>
                </c:pt>
                <c:pt idx="277">
                  <c:v>118.511539</c:v>
                </c:pt>
                <c:pt idx="278">
                  <c:v>118.487619</c:v>
                </c:pt>
                <c:pt idx="279">
                  <c:v>118.393016</c:v>
                </c:pt>
                <c:pt idx="280">
                  <c:v>118.295376</c:v>
                </c:pt>
                <c:pt idx="281">
                  <c:v>118.43520700000001</c:v>
                </c:pt>
                <c:pt idx="282">
                  <c:v>118.461009</c:v>
                </c:pt>
                <c:pt idx="283">
                  <c:v>118.377336</c:v>
                </c:pt>
                <c:pt idx="284">
                  <c:v>118.29598799999999</c:v>
                </c:pt>
                <c:pt idx="285">
                  <c:v>118.180939</c:v>
                </c:pt>
                <c:pt idx="286">
                  <c:v>118.179534</c:v>
                </c:pt>
                <c:pt idx="287">
                  <c:v>118.068951</c:v>
                </c:pt>
                <c:pt idx="288">
                  <c:v>117.993049</c:v>
                </c:pt>
                <c:pt idx="289">
                  <c:v>117.968597</c:v>
                </c:pt>
                <c:pt idx="290">
                  <c:v>117.920373</c:v>
                </c:pt>
                <c:pt idx="291">
                  <c:v>118.143443</c:v>
                </c:pt>
                <c:pt idx="292">
                  <c:v>117.917873</c:v>
                </c:pt>
                <c:pt idx="293">
                  <c:v>117.743708</c:v>
                </c:pt>
                <c:pt idx="294">
                  <c:v>117.690084</c:v>
                </c:pt>
                <c:pt idx="295">
                  <c:v>117.56868900000001</c:v>
                </c:pt>
                <c:pt idx="296">
                  <c:v>117.56658299999999</c:v>
                </c:pt>
                <c:pt idx="297">
                  <c:v>117.66465599999999</c:v>
                </c:pt>
                <c:pt idx="298">
                  <c:v>117.612914</c:v>
                </c:pt>
                <c:pt idx="299">
                  <c:v>117.497653</c:v>
                </c:pt>
                <c:pt idx="300">
                  <c:v>117.548715</c:v>
                </c:pt>
                <c:pt idx="301">
                  <c:v>117.578519</c:v>
                </c:pt>
                <c:pt idx="302">
                  <c:v>117.62276</c:v>
                </c:pt>
                <c:pt idx="303">
                  <c:v>117.659004</c:v>
                </c:pt>
                <c:pt idx="304">
                  <c:v>117.67550900000001</c:v>
                </c:pt>
                <c:pt idx="305">
                  <c:v>117.696668</c:v>
                </c:pt>
                <c:pt idx="306">
                  <c:v>117.708037</c:v>
                </c:pt>
                <c:pt idx="307">
                  <c:v>117.72082399999999</c:v>
                </c:pt>
                <c:pt idx="308">
                  <c:v>117.697666</c:v>
                </c:pt>
                <c:pt idx="309">
                  <c:v>117.725036</c:v>
                </c:pt>
                <c:pt idx="310">
                  <c:v>117.759125</c:v>
                </c:pt>
                <c:pt idx="311">
                  <c:v>117.736017</c:v>
                </c:pt>
                <c:pt idx="312">
                  <c:v>117.73069599999999</c:v>
                </c:pt>
                <c:pt idx="313">
                  <c:v>117.741604</c:v>
                </c:pt>
                <c:pt idx="314">
                  <c:v>117.775227</c:v>
                </c:pt>
                <c:pt idx="315">
                  <c:v>117.795547</c:v>
                </c:pt>
                <c:pt idx="316">
                  <c:v>117.81325699999999</c:v>
                </c:pt>
                <c:pt idx="317">
                  <c:v>117.776487</c:v>
                </c:pt>
                <c:pt idx="318">
                  <c:v>117.76988799999999</c:v>
                </c:pt>
                <c:pt idx="319">
                  <c:v>117.806189</c:v>
                </c:pt>
                <c:pt idx="320">
                  <c:v>117.79279699999999</c:v>
                </c:pt>
                <c:pt idx="321">
                  <c:v>117.787239</c:v>
                </c:pt>
                <c:pt idx="322">
                  <c:v>117.776804</c:v>
                </c:pt>
                <c:pt idx="323">
                  <c:v>117.728351</c:v>
                </c:pt>
                <c:pt idx="324">
                  <c:v>117.753366</c:v>
                </c:pt>
                <c:pt idx="325">
                  <c:v>117.764188</c:v>
                </c:pt>
                <c:pt idx="326">
                  <c:v>117.715542</c:v>
                </c:pt>
                <c:pt idx="327">
                  <c:v>117.64003599999999</c:v>
                </c:pt>
                <c:pt idx="328">
                  <c:v>117.579712</c:v>
                </c:pt>
                <c:pt idx="329">
                  <c:v>117.507105</c:v>
                </c:pt>
                <c:pt idx="330">
                  <c:v>117.534153</c:v>
                </c:pt>
                <c:pt idx="331">
                  <c:v>117.787761</c:v>
                </c:pt>
                <c:pt idx="332">
                  <c:v>117.781969</c:v>
                </c:pt>
                <c:pt idx="333">
                  <c:v>117.728227</c:v>
                </c:pt>
                <c:pt idx="334">
                  <c:v>117.712135</c:v>
                </c:pt>
                <c:pt idx="335">
                  <c:v>117.669265</c:v>
                </c:pt>
                <c:pt idx="336">
                  <c:v>117.764557</c:v>
                </c:pt>
                <c:pt idx="337">
                  <c:v>117.966275</c:v>
                </c:pt>
                <c:pt idx="338">
                  <c:v>117.853481</c:v>
                </c:pt>
                <c:pt idx="339">
                  <c:v>117.76727</c:v>
                </c:pt>
                <c:pt idx="340">
                  <c:v>118.140052</c:v>
                </c:pt>
                <c:pt idx="341">
                  <c:v>118.104071</c:v>
                </c:pt>
                <c:pt idx="342">
                  <c:v>118.055977</c:v>
                </c:pt>
                <c:pt idx="343">
                  <c:v>118.059011</c:v>
                </c:pt>
                <c:pt idx="344">
                  <c:v>118.12170500000001</c:v>
                </c:pt>
                <c:pt idx="345">
                  <c:v>118.235843</c:v>
                </c:pt>
                <c:pt idx="346">
                  <c:v>118.239716</c:v>
                </c:pt>
                <c:pt idx="347">
                  <c:v>118.178029</c:v>
                </c:pt>
                <c:pt idx="348">
                  <c:v>118.16651</c:v>
                </c:pt>
                <c:pt idx="349">
                  <c:v>118.313069</c:v>
                </c:pt>
                <c:pt idx="350">
                  <c:v>118.370233</c:v>
                </c:pt>
                <c:pt idx="351">
                  <c:v>118.408795</c:v>
                </c:pt>
                <c:pt idx="352">
                  <c:v>118.339596</c:v>
                </c:pt>
                <c:pt idx="353">
                  <c:v>118.291336</c:v>
                </c:pt>
                <c:pt idx="354">
                  <c:v>118.16408800000001</c:v>
                </c:pt>
                <c:pt idx="355">
                  <c:v>118.033331</c:v>
                </c:pt>
                <c:pt idx="356">
                  <c:v>118.462315</c:v>
                </c:pt>
                <c:pt idx="357">
                  <c:v>118.424531</c:v>
                </c:pt>
                <c:pt idx="358">
                  <c:v>118.348681</c:v>
                </c:pt>
                <c:pt idx="359">
                  <c:v>118.316253</c:v>
                </c:pt>
                <c:pt idx="360">
                  <c:v>118.222266</c:v>
                </c:pt>
                <c:pt idx="361">
                  <c:v>118.177415</c:v>
                </c:pt>
                <c:pt idx="362">
                  <c:v>118.49162699999999</c:v>
                </c:pt>
                <c:pt idx="363">
                  <c:v>118.487759</c:v>
                </c:pt>
                <c:pt idx="364">
                  <c:v>118.49002</c:v>
                </c:pt>
                <c:pt idx="365">
                  <c:v>118.33186000000001</c:v>
                </c:pt>
                <c:pt idx="366">
                  <c:v>118.327127</c:v>
                </c:pt>
                <c:pt idx="367">
                  <c:v>118.42562100000001</c:v>
                </c:pt>
                <c:pt idx="368">
                  <c:v>118.39102099999999</c:v>
                </c:pt>
                <c:pt idx="369">
                  <c:v>118.366829</c:v>
                </c:pt>
                <c:pt idx="370">
                  <c:v>118.35231899999999</c:v>
                </c:pt>
                <c:pt idx="371">
                  <c:v>118.30914199999999</c:v>
                </c:pt>
                <c:pt idx="372">
                  <c:v>118.18322499999999</c:v>
                </c:pt>
                <c:pt idx="373">
                  <c:v>118.297624</c:v>
                </c:pt>
                <c:pt idx="374">
                  <c:v>118.379632</c:v>
                </c:pt>
                <c:pt idx="375">
                  <c:v>118.36031800000001</c:v>
                </c:pt>
                <c:pt idx="376">
                  <c:v>118.346121</c:v>
                </c:pt>
                <c:pt idx="377">
                  <c:v>118.355681</c:v>
                </c:pt>
                <c:pt idx="378">
                  <c:v>118.299898</c:v>
                </c:pt>
                <c:pt idx="379">
                  <c:v>118.252731</c:v>
                </c:pt>
                <c:pt idx="380">
                  <c:v>118.23375</c:v>
                </c:pt>
                <c:pt idx="381">
                  <c:v>118.22458399999999</c:v>
                </c:pt>
                <c:pt idx="382">
                  <c:v>118.401026</c:v>
                </c:pt>
                <c:pt idx="383">
                  <c:v>118.365431</c:v>
                </c:pt>
                <c:pt idx="384">
                  <c:v>118.390384</c:v>
                </c:pt>
                <c:pt idx="385">
                  <c:v>118.399649</c:v>
                </c:pt>
                <c:pt idx="386">
                  <c:v>118.300067</c:v>
                </c:pt>
                <c:pt idx="387">
                  <c:v>118.136909</c:v>
                </c:pt>
                <c:pt idx="388">
                  <c:v>118.045472</c:v>
                </c:pt>
                <c:pt idx="389">
                  <c:v>118.080493</c:v>
                </c:pt>
                <c:pt idx="390">
                  <c:v>118.091019</c:v>
                </c:pt>
                <c:pt idx="391">
                  <c:v>118.09938099999999</c:v>
                </c:pt>
                <c:pt idx="392">
                  <c:v>118.067198</c:v>
                </c:pt>
                <c:pt idx="393">
                  <c:v>118.111868</c:v>
                </c:pt>
                <c:pt idx="394">
                  <c:v>118.123519</c:v>
                </c:pt>
                <c:pt idx="395">
                  <c:v>118.094594</c:v>
                </c:pt>
                <c:pt idx="396">
                  <c:v>118.141086</c:v>
                </c:pt>
                <c:pt idx="397">
                  <c:v>118.12993400000001</c:v>
                </c:pt>
                <c:pt idx="398">
                  <c:v>118.063677</c:v>
                </c:pt>
                <c:pt idx="399">
                  <c:v>117.989974</c:v>
                </c:pt>
                <c:pt idx="400">
                  <c:v>117.84603</c:v>
                </c:pt>
                <c:pt idx="401">
                  <c:v>117.974891</c:v>
                </c:pt>
                <c:pt idx="402">
                  <c:v>118.13981</c:v>
                </c:pt>
                <c:pt idx="403">
                  <c:v>118.07953999999999</c:v>
                </c:pt>
                <c:pt idx="404">
                  <c:v>117.91975600000001</c:v>
                </c:pt>
                <c:pt idx="405">
                  <c:v>117.797561</c:v>
                </c:pt>
                <c:pt idx="406">
                  <c:v>117.848302</c:v>
                </c:pt>
                <c:pt idx="407">
                  <c:v>117.917599</c:v>
                </c:pt>
                <c:pt idx="408">
                  <c:v>117.88873599999999</c:v>
                </c:pt>
                <c:pt idx="409">
                  <c:v>117.74965</c:v>
                </c:pt>
                <c:pt idx="410">
                  <c:v>117.74446</c:v>
                </c:pt>
                <c:pt idx="411">
                  <c:v>117.784319</c:v>
                </c:pt>
                <c:pt idx="412">
                  <c:v>117.835824</c:v>
                </c:pt>
                <c:pt idx="413">
                  <c:v>117.849425</c:v>
                </c:pt>
                <c:pt idx="414">
                  <c:v>117.79787399999999</c:v>
                </c:pt>
                <c:pt idx="415">
                  <c:v>117.75664500000001</c:v>
                </c:pt>
                <c:pt idx="416">
                  <c:v>117.76810399999999</c:v>
                </c:pt>
                <c:pt idx="417">
                  <c:v>117.796459</c:v>
                </c:pt>
                <c:pt idx="418">
                  <c:v>117.767064</c:v>
                </c:pt>
                <c:pt idx="419">
                  <c:v>117.682838</c:v>
                </c:pt>
                <c:pt idx="420">
                  <c:v>117.72946</c:v>
                </c:pt>
                <c:pt idx="421">
                  <c:v>117.73014000000001</c:v>
                </c:pt>
                <c:pt idx="422">
                  <c:v>117.66644100000001</c:v>
                </c:pt>
                <c:pt idx="423">
                  <c:v>117.61000900000001</c:v>
                </c:pt>
                <c:pt idx="424">
                  <c:v>117.640716</c:v>
                </c:pt>
                <c:pt idx="425">
                  <c:v>117.632789</c:v>
                </c:pt>
                <c:pt idx="426">
                  <c:v>117.57817300000001</c:v>
                </c:pt>
                <c:pt idx="427">
                  <c:v>117.562641</c:v>
                </c:pt>
                <c:pt idx="428">
                  <c:v>117.427592</c:v>
                </c:pt>
                <c:pt idx="429">
                  <c:v>117.40974799999999</c:v>
                </c:pt>
                <c:pt idx="430">
                  <c:v>117.33788</c:v>
                </c:pt>
                <c:pt idx="431">
                  <c:v>117.27562500000001</c:v>
                </c:pt>
                <c:pt idx="432">
                  <c:v>117.413776</c:v>
                </c:pt>
                <c:pt idx="433">
                  <c:v>117.457052</c:v>
                </c:pt>
                <c:pt idx="434">
                  <c:v>117.455444</c:v>
                </c:pt>
                <c:pt idx="435">
                  <c:v>117.487661</c:v>
                </c:pt>
                <c:pt idx="436">
                  <c:v>117.497001</c:v>
                </c:pt>
                <c:pt idx="437">
                  <c:v>117.37076999999999</c:v>
                </c:pt>
                <c:pt idx="438">
                  <c:v>117.256327</c:v>
                </c:pt>
                <c:pt idx="439">
                  <c:v>117.32435700000001</c:v>
                </c:pt>
                <c:pt idx="440">
                  <c:v>117.451759</c:v>
                </c:pt>
                <c:pt idx="441">
                  <c:v>117.420134</c:v>
                </c:pt>
                <c:pt idx="442">
                  <c:v>117.278266</c:v>
                </c:pt>
                <c:pt idx="443">
                  <c:v>117.28166</c:v>
                </c:pt>
                <c:pt idx="444">
                  <c:v>117.301142</c:v>
                </c:pt>
                <c:pt idx="445">
                  <c:v>117.22203500000001</c:v>
                </c:pt>
                <c:pt idx="446">
                  <c:v>117.24105900000001</c:v>
                </c:pt>
                <c:pt idx="447">
                  <c:v>117.288388</c:v>
                </c:pt>
                <c:pt idx="448">
                  <c:v>117.179574</c:v>
                </c:pt>
                <c:pt idx="449">
                  <c:v>117.100297</c:v>
                </c:pt>
                <c:pt idx="450">
                  <c:v>117.065849</c:v>
                </c:pt>
                <c:pt idx="451">
                  <c:v>117.22529299999999</c:v>
                </c:pt>
                <c:pt idx="452">
                  <c:v>117.288197</c:v>
                </c:pt>
                <c:pt idx="453">
                  <c:v>117.17735999999999</c:v>
                </c:pt>
                <c:pt idx="454">
                  <c:v>117.157203</c:v>
                </c:pt>
                <c:pt idx="455">
                  <c:v>117.160017</c:v>
                </c:pt>
                <c:pt idx="456">
                  <c:v>117.162496</c:v>
                </c:pt>
                <c:pt idx="457">
                  <c:v>117.139375</c:v>
                </c:pt>
                <c:pt idx="458">
                  <c:v>117.124745</c:v>
                </c:pt>
                <c:pt idx="459">
                  <c:v>117.208107</c:v>
                </c:pt>
                <c:pt idx="460">
                  <c:v>117.27336699999999</c:v>
                </c:pt>
                <c:pt idx="461">
                  <c:v>117.230825</c:v>
                </c:pt>
                <c:pt idx="462">
                  <c:v>116.96144</c:v>
                </c:pt>
                <c:pt idx="463">
                  <c:v>116.92697</c:v>
                </c:pt>
                <c:pt idx="464">
                  <c:v>117.27565800000001</c:v>
                </c:pt>
                <c:pt idx="465">
                  <c:v>117.44157300000001</c:v>
                </c:pt>
                <c:pt idx="466">
                  <c:v>117.23164</c:v>
                </c:pt>
                <c:pt idx="467">
                  <c:v>117.102098</c:v>
                </c:pt>
                <c:pt idx="468">
                  <c:v>117.15793600000001</c:v>
                </c:pt>
                <c:pt idx="469">
                  <c:v>117.235265</c:v>
                </c:pt>
                <c:pt idx="470">
                  <c:v>117.18040000000001</c:v>
                </c:pt>
                <c:pt idx="471">
                  <c:v>117.066599</c:v>
                </c:pt>
                <c:pt idx="472">
                  <c:v>117.136098</c:v>
                </c:pt>
                <c:pt idx="473">
                  <c:v>117.286768</c:v>
                </c:pt>
                <c:pt idx="474">
                  <c:v>117.339557</c:v>
                </c:pt>
                <c:pt idx="475">
                  <c:v>117.36629600000001</c:v>
                </c:pt>
                <c:pt idx="476">
                  <c:v>117.08501200000001</c:v>
                </c:pt>
                <c:pt idx="477">
                  <c:v>117.127291</c:v>
                </c:pt>
                <c:pt idx="478">
                  <c:v>117.27258999999999</c:v>
                </c:pt>
                <c:pt idx="479">
                  <c:v>117.03514199999999</c:v>
                </c:pt>
                <c:pt idx="480">
                  <c:v>116.873456</c:v>
                </c:pt>
                <c:pt idx="481">
                  <c:v>116.865617</c:v>
                </c:pt>
                <c:pt idx="482">
                  <c:v>116.79620799999999</c:v>
                </c:pt>
                <c:pt idx="483">
                  <c:v>116.98811000000001</c:v>
                </c:pt>
                <c:pt idx="484">
                  <c:v>117.264008</c:v>
                </c:pt>
                <c:pt idx="485">
                  <c:v>117.079126</c:v>
                </c:pt>
                <c:pt idx="486">
                  <c:v>116.687645</c:v>
                </c:pt>
                <c:pt idx="487">
                  <c:v>116.90333</c:v>
                </c:pt>
                <c:pt idx="488">
                  <c:v>117.054115</c:v>
                </c:pt>
                <c:pt idx="489">
                  <c:v>117.157258</c:v>
                </c:pt>
                <c:pt idx="490">
                  <c:v>116.999212</c:v>
                </c:pt>
                <c:pt idx="491">
                  <c:v>116.634913</c:v>
                </c:pt>
                <c:pt idx="492">
                  <c:v>116.899469</c:v>
                </c:pt>
                <c:pt idx="493">
                  <c:v>117.274738</c:v>
                </c:pt>
                <c:pt idx="494">
                  <c:v>117.17853700000001</c:v>
                </c:pt>
                <c:pt idx="495">
                  <c:v>117.079984</c:v>
                </c:pt>
                <c:pt idx="496">
                  <c:v>116.890946</c:v>
                </c:pt>
                <c:pt idx="497">
                  <c:v>116.965051</c:v>
                </c:pt>
                <c:pt idx="498">
                  <c:v>117.038122</c:v>
                </c:pt>
                <c:pt idx="499">
                  <c:v>116.67140499999999</c:v>
                </c:pt>
                <c:pt idx="500">
                  <c:v>116.511492</c:v>
                </c:pt>
                <c:pt idx="501">
                  <c:v>116.774365</c:v>
                </c:pt>
                <c:pt idx="502">
                  <c:v>117.164748</c:v>
                </c:pt>
                <c:pt idx="503">
                  <c:v>117.462316</c:v>
                </c:pt>
                <c:pt idx="504">
                  <c:v>117.12712500000001</c:v>
                </c:pt>
                <c:pt idx="505">
                  <c:v>116.88139200000001</c:v>
                </c:pt>
                <c:pt idx="506">
                  <c:v>117.21585399999999</c:v>
                </c:pt>
                <c:pt idx="507">
                  <c:v>117.27113300000001</c:v>
                </c:pt>
                <c:pt idx="508">
                  <c:v>117.02499299999999</c:v>
                </c:pt>
                <c:pt idx="509">
                  <c:v>117.056011</c:v>
                </c:pt>
                <c:pt idx="510">
                  <c:v>116.8954</c:v>
                </c:pt>
                <c:pt idx="511">
                  <c:v>116.765747</c:v>
                </c:pt>
                <c:pt idx="512">
                  <c:v>116.978773</c:v>
                </c:pt>
                <c:pt idx="513">
                  <c:v>117.274396</c:v>
                </c:pt>
                <c:pt idx="514">
                  <c:v>117.599795</c:v>
                </c:pt>
                <c:pt idx="515">
                  <c:v>117.99460500000001</c:v>
                </c:pt>
                <c:pt idx="516">
                  <c:v>117.489439</c:v>
                </c:pt>
                <c:pt idx="517">
                  <c:v>117.070804</c:v>
                </c:pt>
                <c:pt idx="518">
                  <c:v>116.88637</c:v>
                </c:pt>
                <c:pt idx="519">
                  <c:v>117.32312</c:v>
                </c:pt>
                <c:pt idx="520">
                  <c:v>117.375462</c:v>
                </c:pt>
                <c:pt idx="521">
                  <c:v>117.079403</c:v>
                </c:pt>
                <c:pt idx="522">
                  <c:v>117.66012600000001</c:v>
                </c:pt>
                <c:pt idx="523">
                  <c:v>117.613855</c:v>
                </c:pt>
                <c:pt idx="524">
                  <c:v>117.161182</c:v>
                </c:pt>
                <c:pt idx="525">
                  <c:v>117.491812</c:v>
                </c:pt>
                <c:pt idx="526">
                  <c:v>117.14112799999999</c:v>
                </c:pt>
                <c:pt idx="527">
                  <c:v>117.184928</c:v>
                </c:pt>
                <c:pt idx="528">
                  <c:v>117.79960199999999</c:v>
                </c:pt>
                <c:pt idx="529">
                  <c:v>118.50612</c:v>
                </c:pt>
                <c:pt idx="530">
                  <c:v>118.113332</c:v>
                </c:pt>
                <c:pt idx="531">
                  <c:v>117.526917</c:v>
                </c:pt>
                <c:pt idx="532">
                  <c:v>117.916814</c:v>
                </c:pt>
                <c:pt idx="533">
                  <c:v>118.408134</c:v>
                </c:pt>
                <c:pt idx="534">
                  <c:v>118.735748</c:v>
                </c:pt>
                <c:pt idx="535">
                  <c:v>119.190226</c:v>
                </c:pt>
                <c:pt idx="536">
                  <c:v>119.355645</c:v>
                </c:pt>
                <c:pt idx="537">
                  <c:v>119.138256</c:v>
                </c:pt>
                <c:pt idx="538">
                  <c:v>118.481765</c:v>
                </c:pt>
                <c:pt idx="539">
                  <c:v>118.43570200000001</c:v>
                </c:pt>
                <c:pt idx="540">
                  <c:v>118.646112</c:v>
                </c:pt>
                <c:pt idx="541">
                  <c:v>118.40154800000001</c:v>
                </c:pt>
                <c:pt idx="542">
                  <c:v>118.096869</c:v>
                </c:pt>
                <c:pt idx="543">
                  <c:v>118.078299</c:v>
                </c:pt>
                <c:pt idx="544">
                  <c:v>117.925392</c:v>
                </c:pt>
                <c:pt idx="545">
                  <c:v>117.973968</c:v>
                </c:pt>
                <c:pt idx="546">
                  <c:v>118.116625</c:v>
                </c:pt>
                <c:pt idx="547">
                  <c:v>117.772778</c:v>
                </c:pt>
                <c:pt idx="548">
                  <c:v>117.78535100000001</c:v>
                </c:pt>
                <c:pt idx="549">
                  <c:v>118.16177399999999</c:v>
                </c:pt>
                <c:pt idx="550">
                  <c:v>118.26732</c:v>
                </c:pt>
                <c:pt idx="551">
                  <c:v>117.793342</c:v>
                </c:pt>
                <c:pt idx="552">
                  <c:v>117.347561</c:v>
                </c:pt>
                <c:pt idx="553">
                  <c:v>117.452974</c:v>
                </c:pt>
                <c:pt idx="554">
                  <c:v>117.70324100000001</c:v>
                </c:pt>
                <c:pt idx="555">
                  <c:v>117.833758</c:v>
                </c:pt>
                <c:pt idx="556">
                  <c:v>117.675612</c:v>
                </c:pt>
                <c:pt idx="557">
                  <c:v>117.5158</c:v>
                </c:pt>
                <c:pt idx="558">
                  <c:v>117.428201</c:v>
                </c:pt>
                <c:pt idx="559">
                  <c:v>117.384929</c:v>
                </c:pt>
                <c:pt idx="560">
                  <c:v>117.54855499999999</c:v>
                </c:pt>
                <c:pt idx="561">
                  <c:v>117.51861700000001</c:v>
                </c:pt>
                <c:pt idx="562">
                  <c:v>117.451235</c:v>
                </c:pt>
                <c:pt idx="563">
                  <c:v>117.576785</c:v>
                </c:pt>
                <c:pt idx="564">
                  <c:v>117.651239</c:v>
                </c:pt>
                <c:pt idx="565">
                  <c:v>117.24968200000001</c:v>
                </c:pt>
                <c:pt idx="566">
                  <c:v>117.065983</c:v>
                </c:pt>
                <c:pt idx="567">
                  <c:v>117.118754</c:v>
                </c:pt>
                <c:pt idx="568">
                  <c:v>117.183357</c:v>
                </c:pt>
                <c:pt idx="569">
                  <c:v>117.029042</c:v>
                </c:pt>
                <c:pt idx="570">
                  <c:v>116.94924399999999</c:v>
                </c:pt>
                <c:pt idx="571">
                  <c:v>117.109391</c:v>
                </c:pt>
                <c:pt idx="572">
                  <c:v>117.246092</c:v>
                </c:pt>
                <c:pt idx="573">
                  <c:v>117.107646</c:v>
                </c:pt>
                <c:pt idx="574">
                  <c:v>116.841763</c:v>
                </c:pt>
                <c:pt idx="575">
                  <c:v>116.565757</c:v>
                </c:pt>
                <c:pt idx="576">
                  <c:v>116.58199999999999</c:v>
                </c:pt>
                <c:pt idx="577">
                  <c:v>116.901985</c:v>
                </c:pt>
                <c:pt idx="578">
                  <c:v>116.95526599999999</c:v>
                </c:pt>
                <c:pt idx="579">
                  <c:v>116.940449</c:v>
                </c:pt>
                <c:pt idx="580">
                  <c:v>117.002003</c:v>
                </c:pt>
                <c:pt idx="581">
                  <c:v>117.094734</c:v>
                </c:pt>
                <c:pt idx="582">
                  <c:v>117.13623699999999</c:v>
                </c:pt>
                <c:pt idx="583">
                  <c:v>116.974587</c:v>
                </c:pt>
                <c:pt idx="584">
                  <c:v>116.793763</c:v>
                </c:pt>
                <c:pt idx="585">
                  <c:v>116.724729</c:v>
                </c:pt>
                <c:pt idx="586">
                  <c:v>116.99556699999999</c:v>
                </c:pt>
                <c:pt idx="587">
                  <c:v>117.37469400000001</c:v>
                </c:pt>
                <c:pt idx="588">
                  <c:v>117.403902</c:v>
                </c:pt>
                <c:pt idx="589">
                  <c:v>117.606883</c:v>
                </c:pt>
                <c:pt idx="590">
                  <c:v>117.66176400000001</c:v>
                </c:pt>
                <c:pt idx="591">
                  <c:v>117.45844200000001</c:v>
                </c:pt>
                <c:pt idx="592">
                  <c:v>117.242099</c:v>
                </c:pt>
                <c:pt idx="593">
                  <c:v>117.331701</c:v>
                </c:pt>
                <c:pt idx="594">
                  <c:v>117.38158199999999</c:v>
                </c:pt>
                <c:pt idx="595">
                  <c:v>117.73533999999999</c:v>
                </c:pt>
                <c:pt idx="596">
                  <c:v>118.18262</c:v>
                </c:pt>
                <c:pt idx="597">
                  <c:v>118.059831</c:v>
                </c:pt>
                <c:pt idx="598">
                  <c:v>117.932551</c:v>
                </c:pt>
                <c:pt idx="599">
                  <c:v>118.321349</c:v>
                </c:pt>
                <c:pt idx="600">
                  <c:v>118.289511</c:v>
                </c:pt>
                <c:pt idx="601">
                  <c:v>117.48690999999999</c:v>
                </c:pt>
                <c:pt idx="602">
                  <c:v>118.053488</c:v>
                </c:pt>
                <c:pt idx="603">
                  <c:v>118.043226</c:v>
                </c:pt>
                <c:pt idx="604">
                  <c:v>118.06343099999999</c:v>
                </c:pt>
                <c:pt idx="605">
                  <c:v>117.992424</c:v>
                </c:pt>
                <c:pt idx="606">
                  <c:v>117.648273</c:v>
                </c:pt>
                <c:pt idx="607">
                  <c:v>117.31420199999999</c:v>
                </c:pt>
                <c:pt idx="608">
                  <c:v>116.88187499999999</c:v>
                </c:pt>
                <c:pt idx="609">
                  <c:v>117.007119</c:v>
                </c:pt>
                <c:pt idx="610">
                  <c:v>117.36474</c:v>
                </c:pt>
                <c:pt idx="611">
                  <c:v>116.98001600000001</c:v>
                </c:pt>
                <c:pt idx="612">
                  <c:v>116.610286</c:v>
                </c:pt>
                <c:pt idx="613">
                  <c:v>117.02728399999999</c:v>
                </c:pt>
                <c:pt idx="614">
                  <c:v>116.981887</c:v>
                </c:pt>
                <c:pt idx="615">
                  <c:v>116.794201</c:v>
                </c:pt>
                <c:pt idx="616">
                  <c:v>117.027717</c:v>
                </c:pt>
                <c:pt idx="617">
                  <c:v>116.767582</c:v>
                </c:pt>
                <c:pt idx="618">
                  <c:v>116.644775</c:v>
                </c:pt>
                <c:pt idx="619">
                  <c:v>116.62589</c:v>
                </c:pt>
                <c:pt idx="620">
                  <c:v>115.82820599999999</c:v>
                </c:pt>
                <c:pt idx="621">
                  <c:v>115.619214</c:v>
                </c:pt>
                <c:pt idx="622">
                  <c:v>115.849841</c:v>
                </c:pt>
                <c:pt idx="623">
                  <c:v>116.135175</c:v>
                </c:pt>
                <c:pt idx="624">
                  <c:v>116.22168499999999</c:v>
                </c:pt>
                <c:pt idx="625">
                  <c:v>115.800017</c:v>
                </c:pt>
                <c:pt idx="626">
                  <c:v>115.78301399999999</c:v>
                </c:pt>
                <c:pt idx="627">
                  <c:v>116.027598</c:v>
                </c:pt>
                <c:pt idx="628">
                  <c:v>116.067036</c:v>
                </c:pt>
                <c:pt idx="629">
                  <c:v>115.70204699999999</c:v>
                </c:pt>
                <c:pt idx="630">
                  <c:v>115.706672</c:v>
                </c:pt>
                <c:pt idx="631">
                  <c:v>115.63120499999999</c:v>
                </c:pt>
                <c:pt idx="632">
                  <c:v>115.266459</c:v>
                </c:pt>
                <c:pt idx="633">
                  <c:v>115.532307</c:v>
                </c:pt>
                <c:pt idx="634">
                  <c:v>115.635836</c:v>
                </c:pt>
                <c:pt idx="635">
                  <c:v>115.403153</c:v>
                </c:pt>
                <c:pt idx="636">
                  <c:v>115.518081</c:v>
                </c:pt>
                <c:pt idx="637">
                  <c:v>115.824214</c:v>
                </c:pt>
                <c:pt idx="638">
                  <c:v>115.76675899999999</c:v>
                </c:pt>
                <c:pt idx="639">
                  <c:v>115.90016300000001</c:v>
                </c:pt>
                <c:pt idx="640">
                  <c:v>115.69113299999999</c:v>
                </c:pt>
                <c:pt idx="641">
                  <c:v>115.434583</c:v>
                </c:pt>
                <c:pt idx="642">
                  <c:v>115.29174999999999</c:v>
                </c:pt>
                <c:pt idx="643">
                  <c:v>115.353781</c:v>
                </c:pt>
                <c:pt idx="644">
                  <c:v>115.567114</c:v>
                </c:pt>
                <c:pt idx="645">
                  <c:v>115.485563</c:v>
                </c:pt>
                <c:pt idx="646">
                  <c:v>115.36683499999999</c:v>
                </c:pt>
                <c:pt idx="647">
                  <c:v>115.15051800000001</c:v>
                </c:pt>
                <c:pt idx="648">
                  <c:v>115.047059</c:v>
                </c:pt>
                <c:pt idx="649">
                  <c:v>115.112238</c:v>
                </c:pt>
                <c:pt idx="650">
                  <c:v>115.065562</c:v>
                </c:pt>
                <c:pt idx="651">
                  <c:v>115.13120000000001</c:v>
                </c:pt>
                <c:pt idx="652">
                  <c:v>114.991246</c:v>
                </c:pt>
                <c:pt idx="653">
                  <c:v>114.934838</c:v>
                </c:pt>
                <c:pt idx="654">
                  <c:v>115.015061</c:v>
                </c:pt>
                <c:pt idx="655">
                  <c:v>115.08457900000001</c:v>
                </c:pt>
                <c:pt idx="656">
                  <c:v>115.124985</c:v>
                </c:pt>
                <c:pt idx="657">
                  <c:v>115.11864</c:v>
                </c:pt>
                <c:pt idx="658">
                  <c:v>115.022637</c:v>
                </c:pt>
                <c:pt idx="659">
                  <c:v>114.909836</c:v>
                </c:pt>
                <c:pt idx="660">
                  <c:v>114.783708</c:v>
                </c:pt>
                <c:pt idx="661">
                  <c:v>114.976311</c:v>
                </c:pt>
                <c:pt idx="662">
                  <c:v>114.978283</c:v>
                </c:pt>
                <c:pt idx="663">
                  <c:v>114.87582</c:v>
                </c:pt>
                <c:pt idx="664">
                  <c:v>114.761484</c:v>
                </c:pt>
                <c:pt idx="665">
                  <c:v>114.56323399999999</c:v>
                </c:pt>
                <c:pt idx="666">
                  <c:v>114.47348</c:v>
                </c:pt>
                <c:pt idx="667">
                  <c:v>114.5376</c:v>
                </c:pt>
                <c:pt idx="668">
                  <c:v>114.62374</c:v>
                </c:pt>
                <c:pt idx="669">
                  <c:v>114.701888</c:v>
                </c:pt>
                <c:pt idx="670">
                  <c:v>114.6823</c:v>
                </c:pt>
                <c:pt idx="671">
                  <c:v>114.56182099999999</c:v>
                </c:pt>
                <c:pt idx="672">
                  <c:v>114.623471</c:v>
                </c:pt>
                <c:pt idx="673">
                  <c:v>114.707233</c:v>
                </c:pt>
                <c:pt idx="674">
                  <c:v>114.526225</c:v>
                </c:pt>
                <c:pt idx="675">
                  <c:v>114.443153</c:v>
                </c:pt>
                <c:pt idx="676">
                  <c:v>114.43635999999999</c:v>
                </c:pt>
                <c:pt idx="677">
                  <c:v>114.436868</c:v>
                </c:pt>
                <c:pt idx="678">
                  <c:v>114.347685</c:v>
                </c:pt>
                <c:pt idx="679">
                  <c:v>114.288916</c:v>
                </c:pt>
                <c:pt idx="680">
                  <c:v>114.236908</c:v>
                </c:pt>
                <c:pt idx="681">
                  <c:v>114.216092</c:v>
                </c:pt>
                <c:pt idx="682">
                  <c:v>114.278503</c:v>
                </c:pt>
                <c:pt idx="683">
                  <c:v>114.29246999999999</c:v>
                </c:pt>
                <c:pt idx="684">
                  <c:v>114.272553</c:v>
                </c:pt>
                <c:pt idx="685">
                  <c:v>114.35175</c:v>
                </c:pt>
                <c:pt idx="686">
                  <c:v>114.31969599999999</c:v>
                </c:pt>
                <c:pt idx="687">
                  <c:v>114.29573600000001</c:v>
                </c:pt>
                <c:pt idx="688">
                  <c:v>114.403851</c:v>
                </c:pt>
                <c:pt idx="689">
                  <c:v>114.413023</c:v>
                </c:pt>
                <c:pt idx="690">
                  <c:v>114.435385</c:v>
                </c:pt>
                <c:pt idx="691">
                  <c:v>114.510278</c:v>
                </c:pt>
                <c:pt idx="692">
                  <c:v>114.46110400000001</c:v>
                </c:pt>
                <c:pt idx="693">
                  <c:v>114.373993</c:v>
                </c:pt>
                <c:pt idx="694">
                  <c:v>114.27496499999999</c:v>
                </c:pt>
                <c:pt idx="695">
                  <c:v>114.262593</c:v>
                </c:pt>
                <c:pt idx="696">
                  <c:v>114.28609899999999</c:v>
                </c:pt>
                <c:pt idx="697">
                  <c:v>114.338067</c:v>
                </c:pt>
                <c:pt idx="698">
                  <c:v>114.40422</c:v>
                </c:pt>
                <c:pt idx="699">
                  <c:v>114.355585</c:v>
                </c:pt>
                <c:pt idx="700">
                  <c:v>114.27010300000001</c:v>
                </c:pt>
                <c:pt idx="701">
                  <c:v>114.10224599999999</c:v>
                </c:pt>
                <c:pt idx="702">
                  <c:v>113.907636</c:v>
                </c:pt>
                <c:pt idx="703">
                  <c:v>113.96437</c:v>
                </c:pt>
                <c:pt idx="704">
                  <c:v>114.125629</c:v>
                </c:pt>
                <c:pt idx="705">
                  <c:v>114.108757</c:v>
                </c:pt>
                <c:pt idx="706">
                  <c:v>114.40253199999999</c:v>
                </c:pt>
                <c:pt idx="707">
                  <c:v>114.420816</c:v>
                </c:pt>
                <c:pt idx="708">
                  <c:v>114.246909</c:v>
                </c:pt>
                <c:pt idx="709">
                  <c:v>114.208156</c:v>
                </c:pt>
                <c:pt idx="710">
                  <c:v>114.081997</c:v>
                </c:pt>
                <c:pt idx="711">
                  <c:v>113.969453</c:v>
                </c:pt>
                <c:pt idx="712">
                  <c:v>114.015773</c:v>
                </c:pt>
                <c:pt idx="713">
                  <c:v>114.21052400000001</c:v>
                </c:pt>
                <c:pt idx="714">
                  <c:v>114.276991</c:v>
                </c:pt>
                <c:pt idx="715">
                  <c:v>114.101884</c:v>
                </c:pt>
                <c:pt idx="716">
                  <c:v>114.025386</c:v>
                </c:pt>
                <c:pt idx="717">
                  <c:v>114.100649</c:v>
                </c:pt>
                <c:pt idx="718">
                  <c:v>114.141626</c:v>
                </c:pt>
                <c:pt idx="719">
                  <c:v>114.12722599999999</c:v>
                </c:pt>
                <c:pt idx="720">
                  <c:v>114.031015</c:v>
                </c:pt>
                <c:pt idx="721">
                  <c:v>113.965974</c:v>
                </c:pt>
                <c:pt idx="722">
                  <c:v>114.017336</c:v>
                </c:pt>
                <c:pt idx="723">
                  <c:v>114.022368</c:v>
                </c:pt>
                <c:pt idx="724">
                  <c:v>113.98630900000001</c:v>
                </c:pt>
                <c:pt idx="725">
                  <c:v>114.005864</c:v>
                </c:pt>
                <c:pt idx="726">
                  <c:v>114.005781</c:v>
                </c:pt>
                <c:pt idx="727">
                  <c:v>113.993455</c:v>
                </c:pt>
                <c:pt idx="728">
                  <c:v>113.911534</c:v>
                </c:pt>
                <c:pt idx="729">
                  <c:v>113.81160199999999</c:v>
                </c:pt>
                <c:pt idx="730">
                  <c:v>113.854732</c:v>
                </c:pt>
                <c:pt idx="731">
                  <c:v>113.85524599999999</c:v>
                </c:pt>
                <c:pt idx="732">
                  <c:v>113.83650900000001</c:v>
                </c:pt>
                <c:pt idx="733">
                  <c:v>113.82834099999999</c:v>
                </c:pt>
                <c:pt idx="734">
                  <c:v>113.77054099999999</c:v>
                </c:pt>
                <c:pt idx="735">
                  <c:v>113.695983</c:v>
                </c:pt>
                <c:pt idx="736">
                  <c:v>113.70120300000001</c:v>
                </c:pt>
                <c:pt idx="737">
                  <c:v>113.662475</c:v>
                </c:pt>
                <c:pt idx="738">
                  <c:v>113.62071899999999</c:v>
                </c:pt>
                <c:pt idx="739">
                  <c:v>113.652783</c:v>
                </c:pt>
                <c:pt idx="740">
                  <c:v>113.686239</c:v>
                </c:pt>
                <c:pt idx="741">
                  <c:v>113.68300600000001</c:v>
                </c:pt>
                <c:pt idx="742">
                  <c:v>113.664019</c:v>
                </c:pt>
                <c:pt idx="743">
                  <c:v>113.739902</c:v>
                </c:pt>
                <c:pt idx="744">
                  <c:v>113.75546799999999</c:v>
                </c:pt>
                <c:pt idx="745">
                  <c:v>113.721861</c:v>
                </c:pt>
                <c:pt idx="746">
                  <c:v>113.727424</c:v>
                </c:pt>
                <c:pt idx="747">
                  <c:v>113.66589399999999</c:v>
                </c:pt>
                <c:pt idx="748">
                  <c:v>113.59242</c:v>
                </c:pt>
                <c:pt idx="749">
                  <c:v>113.60856</c:v>
                </c:pt>
                <c:pt idx="750">
                  <c:v>113.57218</c:v>
                </c:pt>
                <c:pt idx="751">
                  <c:v>113.464153</c:v>
                </c:pt>
                <c:pt idx="752">
                  <c:v>113.383672</c:v>
                </c:pt>
                <c:pt idx="753">
                  <c:v>113.428505</c:v>
                </c:pt>
                <c:pt idx="754">
                  <c:v>113.488118</c:v>
                </c:pt>
                <c:pt idx="755">
                  <c:v>113.569886</c:v>
                </c:pt>
                <c:pt idx="756">
                  <c:v>113.534538</c:v>
                </c:pt>
                <c:pt idx="757">
                  <c:v>113.494424</c:v>
                </c:pt>
                <c:pt idx="758">
                  <c:v>113.524644</c:v>
                </c:pt>
                <c:pt idx="759">
                  <c:v>113.556905</c:v>
                </c:pt>
                <c:pt idx="760">
                  <c:v>113.510426</c:v>
                </c:pt>
                <c:pt idx="761">
                  <c:v>113.38580899999999</c:v>
                </c:pt>
                <c:pt idx="762">
                  <c:v>113.331898</c:v>
                </c:pt>
                <c:pt idx="763">
                  <c:v>113.32210600000001</c:v>
                </c:pt>
                <c:pt idx="764">
                  <c:v>113.442145</c:v>
                </c:pt>
                <c:pt idx="765">
                  <c:v>113.43966399999999</c:v>
                </c:pt>
                <c:pt idx="766">
                  <c:v>113.34948300000001</c:v>
                </c:pt>
                <c:pt idx="767">
                  <c:v>113.40689</c:v>
                </c:pt>
                <c:pt idx="768">
                  <c:v>113.477367</c:v>
                </c:pt>
                <c:pt idx="769">
                  <c:v>113.46967100000001</c:v>
                </c:pt>
                <c:pt idx="770">
                  <c:v>113.30543</c:v>
                </c:pt>
                <c:pt idx="771">
                  <c:v>113.16892300000001</c:v>
                </c:pt>
                <c:pt idx="772">
                  <c:v>113.180297</c:v>
                </c:pt>
                <c:pt idx="773">
                  <c:v>113.110725</c:v>
                </c:pt>
                <c:pt idx="774">
                  <c:v>113.047994</c:v>
                </c:pt>
                <c:pt idx="775">
                  <c:v>113.097955</c:v>
                </c:pt>
                <c:pt idx="776">
                  <c:v>113.18676600000001</c:v>
                </c:pt>
                <c:pt idx="777">
                  <c:v>113.13039000000001</c:v>
                </c:pt>
                <c:pt idx="778">
                  <c:v>113.098389</c:v>
                </c:pt>
                <c:pt idx="779">
                  <c:v>113.15321900000001</c:v>
                </c:pt>
                <c:pt idx="780">
                  <c:v>113.12947200000001</c:v>
                </c:pt>
                <c:pt idx="781">
                  <c:v>113.116473</c:v>
                </c:pt>
                <c:pt idx="782">
                  <c:v>113.142155</c:v>
                </c:pt>
                <c:pt idx="783">
                  <c:v>113.103942</c:v>
                </c:pt>
                <c:pt idx="784">
                  <c:v>113.0924</c:v>
                </c:pt>
                <c:pt idx="785">
                  <c:v>113.105621</c:v>
                </c:pt>
                <c:pt idx="786">
                  <c:v>113.023545</c:v>
                </c:pt>
                <c:pt idx="787">
                  <c:v>112.88289899999999</c:v>
                </c:pt>
                <c:pt idx="788">
                  <c:v>112.882818</c:v>
                </c:pt>
                <c:pt idx="789">
                  <c:v>113.006497</c:v>
                </c:pt>
                <c:pt idx="790">
                  <c:v>113.022544</c:v>
                </c:pt>
                <c:pt idx="791">
                  <c:v>113.030917</c:v>
                </c:pt>
                <c:pt idx="792">
                  <c:v>113.100545</c:v>
                </c:pt>
                <c:pt idx="793">
                  <c:v>113.054208</c:v>
                </c:pt>
                <c:pt idx="794">
                  <c:v>112.847864</c:v>
                </c:pt>
                <c:pt idx="795">
                  <c:v>112.85919</c:v>
                </c:pt>
                <c:pt idx="796">
                  <c:v>112.98809900000001</c:v>
                </c:pt>
                <c:pt idx="797">
                  <c:v>112.999481</c:v>
                </c:pt>
                <c:pt idx="798">
                  <c:v>113.001524</c:v>
                </c:pt>
                <c:pt idx="799">
                  <c:v>112.880143</c:v>
                </c:pt>
                <c:pt idx="800">
                  <c:v>112.743892</c:v>
                </c:pt>
                <c:pt idx="801">
                  <c:v>112.79727099999999</c:v>
                </c:pt>
                <c:pt idx="802">
                  <c:v>112.88851699999999</c:v>
                </c:pt>
                <c:pt idx="803">
                  <c:v>112.819942</c:v>
                </c:pt>
                <c:pt idx="804">
                  <c:v>112.749714</c:v>
                </c:pt>
                <c:pt idx="805">
                  <c:v>112.74450299999999</c:v>
                </c:pt>
                <c:pt idx="806">
                  <c:v>112.698998</c:v>
                </c:pt>
                <c:pt idx="807">
                  <c:v>112.670728</c:v>
                </c:pt>
                <c:pt idx="808">
                  <c:v>112.614887</c:v>
                </c:pt>
                <c:pt idx="809">
                  <c:v>112.696078</c:v>
                </c:pt>
                <c:pt idx="810">
                  <c:v>112.745955</c:v>
                </c:pt>
                <c:pt idx="811">
                  <c:v>112.661736</c:v>
                </c:pt>
                <c:pt idx="812">
                  <c:v>112.668676</c:v>
                </c:pt>
                <c:pt idx="813">
                  <c:v>112.72677</c:v>
                </c:pt>
                <c:pt idx="814">
                  <c:v>112.64252</c:v>
                </c:pt>
                <c:pt idx="815">
                  <c:v>112.608565</c:v>
                </c:pt>
                <c:pt idx="816">
                  <c:v>112.61488199999999</c:v>
                </c:pt>
                <c:pt idx="817">
                  <c:v>112.578254</c:v>
                </c:pt>
                <c:pt idx="818">
                  <c:v>112.54836</c:v>
                </c:pt>
                <c:pt idx="819">
                  <c:v>112.637192</c:v>
                </c:pt>
                <c:pt idx="820">
                  <c:v>112.67559900000001</c:v>
                </c:pt>
                <c:pt idx="821">
                  <c:v>112.568107</c:v>
                </c:pt>
                <c:pt idx="822">
                  <c:v>112.55654699999999</c:v>
                </c:pt>
                <c:pt idx="823">
                  <c:v>112.516437</c:v>
                </c:pt>
                <c:pt idx="824">
                  <c:v>112.444356</c:v>
                </c:pt>
                <c:pt idx="825">
                  <c:v>112.393276</c:v>
                </c:pt>
                <c:pt idx="826">
                  <c:v>112.424226</c:v>
                </c:pt>
                <c:pt idx="827">
                  <c:v>112.47688599999999</c:v>
                </c:pt>
                <c:pt idx="828">
                  <c:v>112.50586800000001</c:v>
                </c:pt>
                <c:pt idx="829">
                  <c:v>112.451768</c:v>
                </c:pt>
                <c:pt idx="830">
                  <c:v>112.37353400000001</c:v>
                </c:pt>
                <c:pt idx="831">
                  <c:v>112.38324299999999</c:v>
                </c:pt>
                <c:pt idx="832">
                  <c:v>112.368201</c:v>
                </c:pt>
                <c:pt idx="833">
                  <c:v>112.34802000000001</c:v>
                </c:pt>
                <c:pt idx="834">
                  <c:v>112.333248</c:v>
                </c:pt>
                <c:pt idx="835">
                  <c:v>112.34120299999999</c:v>
                </c:pt>
                <c:pt idx="836">
                  <c:v>112.356528</c:v>
                </c:pt>
                <c:pt idx="837">
                  <c:v>112.282628</c:v>
                </c:pt>
                <c:pt idx="838">
                  <c:v>112.259844</c:v>
                </c:pt>
                <c:pt idx="839">
                  <c:v>112.28440500000001</c:v>
                </c:pt>
                <c:pt idx="840">
                  <c:v>112.327777</c:v>
                </c:pt>
                <c:pt idx="841">
                  <c:v>112.311869</c:v>
                </c:pt>
                <c:pt idx="842">
                  <c:v>112.285409</c:v>
                </c:pt>
                <c:pt idx="843">
                  <c:v>112.28770400000001</c:v>
                </c:pt>
                <c:pt idx="844">
                  <c:v>112.34817200000001</c:v>
                </c:pt>
                <c:pt idx="845">
                  <c:v>112.31032399999999</c:v>
                </c:pt>
                <c:pt idx="846">
                  <c:v>112.177763</c:v>
                </c:pt>
                <c:pt idx="847">
                  <c:v>112.149936</c:v>
                </c:pt>
                <c:pt idx="848">
                  <c:v>112.247957</c:v>
                </c:pt>
                <c:pt idx="849">
                  <c:v>112.27424999999999</c:v>
                </c:pt>
                <c:pt idx="850">
                  <c:v>112.17422500000001</c:v>
                </c:pt>
                <c:pt idx="851">
                  <c:v>112.164473</c:v>
                </c:pt>
                <c:pt idx="852">
                  <c:v>112.25646399999999</c:v>
                </c:pt>
                <c:pt idx="853">
                  <c:v>112.312079</c:v>
                </c:pt>
                <c:pt idx="854">
                  <c:v>112.31417399999999</c:v>
                </c:pt>
                <c:pt idx="855">
                  <c:v>112.292722</c:v>
                </c:pt>
                <c:pt idx="856">
                  <c:v>112.23249</c:v>
                </c:pt>
                <c:pt idx="857">
                  <c:v>112.211619</c:v>
                </c:pt>
                <c:pt idx="858">
                  <c:v>112.188593</c:v>
                </c:pt>
                <c:pt idx="859">
                  <c:v>112.195841</c:v>
                </c:pt>
                <c:pt idx="860">
                  <c:v>112.222741</c:v>
                </c:pt>
                <c:pt idx="861">
                  <c:v>112.186898</c:v>
                </c:pt>
                <c:pt idx="862">
                  <c:v>112.15811100000001</c:v>
                </c:pt>
                <c:pt idx="863">
                  <c:v>112.21509500000001</c:v>
                </c:pt>
                <c:pt idx="864">
                  <c:v>112.194382</c:v>
                </c:pt>
                <c:pt idx="865">
                  <c:v>112.095833</c:v>
                </c:pt>
                <c:pt idx="866">
                  <c:v>112.08215</c:v>
                </c:pt>
                <c:pt idx="867">
                  <c:v>112.133099</c:v>
                </c:pt>
                <c:pt idx="868">
                  <c:v>112.153858</c:v>
                </c:pt>
                <c:pt idx="869">
                  <c:v>112.11822600000001</c:v>
                </c:pt>
                <c:pt idx="870">
                  <c:v>112.07394600000001</c:v>
                </c:pt>
                <c:pt idx="871">
                  <c:v>112.089645</c:v>
                </c:pt>
                <c:pt idx="872">
                  <c:v>112.087452</c:v>
                </c:pt>
                <c:pt idx="873">
                  <c:v>112.067311</c:v>
                </c:pt>
                <c:pt idx="874">
                  <c:v>112.012085</c:v>
                </c:pt>
                <c:pt idx="875">
                  <c:v>112.000347</c:v>
                </c:pt>
                <c:pt idx="876">
                  <c:v>112.01306599999999</c:v>
                </c:pt>
                <c:pt idx="877">
                  <c:v>111.988</c:v>
                </c:pt>
                <c:pt idx="878">
                  <c:v>111.945043</c:v>
                </c:pt>
                <c:pt idx="879">
                  <c:v>111.91753799999999</c:v>
                </c:pt>
                <c:pt idx="880">
                  <c:v>111.918055</c:v>
                </c:pt>
                <c:pt idx="881">
                  <c:v>111.917624</c:v>
                </c:pt>
                <c:pt idx="882">
                  <c:v>111.869446</c:v>
                </c:pt>
                <c:pt idx="883">
                  <c:v>111.869195</c:v>
                </c:pt>
                <c:pt idx="884">
                  <c:v>111.867908</c:v>
                </c:pt>
                <c:pt idx="885">
                  <c:v>111.88527000000001</c:v>
                </c:pt>
                <c:pt idx="886">
                  <c:v>111.848961</c:v>
                </c:pt>
                <c:pt idx="887">
                  <c:v>111.825401</c:v>
                </c:pt>
                <c:pt idx="888">
                  <c:v>111.81076899999999</c:v>
                </c:pt>
                <c:pt idx="889">
                  <c:v>111.784582</c:v>
                </c:pt>
                <c:pt idx="890">
                  <c:v>111.735674</c:v>
                </c:pt>
                <c:pt idx="891">
                  <c:v>111.728009</c:v>
                </c:pt>
                <c:pt idx="892">
                  <c:v>111.74265200000001</c:v>
                </c:pt>
                <c:pt idx="893">
                  <c:v>111.71912399999999</c:v>
                </c:pt>
                <c:pt idx="894">
                  <c:v>111.72627</c:v>
                </c:pt>
                <c:pt idx="895">
                  <c:v>111.715863</c:v>
                </c:pt>
                <c:pt idx="896">
                  <c:v>111.683921</c:v>
                </c:pt>
                <c:pt idx="897">
                  <c:v>111.717652</c:v>
                </c:pt>
                <c:pt idx="898">
                  <c:v>111.72970599999999</c:v>
                </c:pt>
                <c:pt idx="899">
                  <c:v>111.68025400000001</c:v>
                </c:pt>
                <c:pt idx="900">
                  <c:v>111.683491</c:v>
                </c:pt>
                <c:pt idx="901">
                  <c:v>111.670734</c:v>
                </c:pt>
                <c:pt idx="902">
                  <c:v>111.65250899999999</c:v>
                </c:pt>
                <c:pt idx="903">
                  <c:v>111.628794</c:v>
                </c:pt>
                <c:pt idx="904">
                  <c:v>111.569518</c:v>
                </c:pt>
                <c:pt idx="905">
                  <c:v>111.557294</c:v>
                </c:pt>
                <c:pt idx="906">
                  <c:v>111.572177</c:v>
                </c:pt>
                <c:pt idx="907">
                  <c:v>111.549847</c:v>
                </c:pt>
                <c:pt idx="908">
                  <c:v>111.497277</c:v>
                </c:pt>
                <c:pt idx="909">
                  <c:v>111.47725699999999</c:v>
                </c:pt>
                <c:pt idx="910">
                  <c:v>111.51070300000001</c:v>
                </c:pt>
                <c:pt idx="911">
                  <c:v>111.486688</c:v>
                </c:pt>
                <c:pt idx="912">
                  <c:v>111.45809199999999</c:v>
                </c:pt>
                <c:pt idx="913">
                  <c:v>111.47233199999999</c:v>
                </c:pt>
                <c:pt idx="914">
                  <c:v>111.49117</c:v>
                </c:pt>
                <c:pt idx="915">
                  <c:v>111.4598</c:v>
                </c:pt>
                <c:pt idx="916">
                  <c:v>111.40534</c:v>
                </c:pt>
                <c:pt idx="917">
                  <c:v>111.385527</c:v>
                </c:pt>
                <c:pt idx="918">
                  <c:v>111.372345</c:v>
                </c:pt>
                <c:pt idx="919">
                  <c:v>111.347426</c:v>
                </c:pt>
                <c:pt idx="920">
                  <c:v>111.350915</c:v>
                </c:pt>
                <c:pt idx="921">
                  <c:v>111.34056</c:v>
                </c:pt>
                <c:pt idx="922">
                  <c:v>111.261529</c:v>
                </c:pt>
                <c:pt idx="923">
                  <c:v>111.247816</c:v>
                </c:pt>
                <c:pt idx="924">
                  <c:v>111.281564</c:v>
                </c:pt>
                <c:pt idx="925">
                  <c:v>111.25124099999999</c:v>
                </c:pt>
                <c:pt idx="926">
                  <c:v>111.198987</c:v>
                </c:pt>
                <c:pt idx="927">
                  <c:v>111.244336</c:v>
                </c:pt>
                <c:pt idx="928">
                  <c:v>111.302256</c:v>
                </c:pt>
                <c:pt idx="929">
                  <c:v>111.28895</c:v>
                </c:pt>
                <c:pt idx="930">
                  <c:v>111.234841</c:v>
                </c:pt>
                <c:pt idx="931">
                  <c:v>111.21531899999999</c:v>
                </c:pt>
                <c:pt idx="932">
                  <c:v>111.189476</c:v>
                </c:pt>
                <c:pt idx="933">
                  <c:v>111.18422</c:v>
                </c:pt>
                <c:pt idx="934">
                  <c:v>111.13665399999999</c:v>
                </c:pt>
                <c:pt idx="935">
                  <c:v>111.047607</c:v>
                </c:pt>
                <c:pt idx="936">
                  <c:v>110.998566</c:v>
                </c:pt>
                <c:pt idx="937">
                  <c:v>110.99405299999999</c:v>
                </c:pt>
                <c:pt idx="938">
                  <c:v>111.00089199999999</c:v>
                </c:pt>
                <c:pt idx="939">
                  <c:v>110.99261199999999</c:v>
                </c:pt>
                <c:pt idx="940">
                  <c:v>110.944384</c:v>
                </c:pt>
                <c:pt idx="941">
                  <c:v>110.905717</c:v>
                </c:pt>
                <c:pt idx="942">
                  <c:v>110.895157</c:v>
                </c:pt>
                <c:pt idx="943">
                  <c:v>110.891974</c:v>
                </c:pt>
                <c:pt idx="944">
                  <c:v>110.859802</c:v>
                </c:pt>
                <c:pt idx="945">
                  <c:v>110.843343</c:v>
                </c:pt>
                <c:pt idx="946">
                  <c:v>110.80553500000001</c:v>
                </c:pt>
                <c:pt idx="947">
                  <c:v>110.78742</c:v>
                </c:pt>
                <c:pt idx="948">
                  <c:v>110.72084</c:v>
                </c:pt>
                <c:pt idx="949">
                  <c:v>110.69442100000001</c:v>
                </c:pt>
                <c:pt idx="950">
                  <c:v>110.705243</c:v>
                </c:pt>
                <c:pt idx="951">
                  <c:v>110.690589</c:v>
                </c:pt>
                <c:pt idx="952">
                  <c:v>110.726873</c:v>
                </c:pt>
                <c:pt idx="953">
                  <c:v>110.752656</c:v>
                </c:pt>
                <c:pt idx="954">
                  <c:v>110.736654</c:v>
                </c:pt>
                <c:pt idx="955">
                  <c:v>110.68219000000001</c:v>
                </c:pt>
                <c:pt idx="956">
                  <c:v>110.655529</c:v>
                </c:pt>
                <c:pt idx="957">
                  <c:v>110.67055499999999</c:v>
                </c:pt>
                <c:pt idx="958">
                  <c:v>110.680824</c:v>
                </c:pt>
                <c:pt idx="959">
                  <c:v>110.70810899999999</c:v>
                </c:pt>
                <c:pt idx="960">
                  <c:v>110.637246</c:v>
                </c:pt>
                <c:pt idx="961">
                  <c:v>110.59094899999999</c:v>
                </c:pt>
                <c:pt idx="962">
                  <c:v>110.645951</c:v>
                </c:pt>
                <c:pt idx="963">
                  <c:v>110.645178</c:v>
                </c:pt>
                <c:pt idx="964">
                  <c:v>110.616462</c:v>
                </c:pt>
                <c:pt idx="965">
                  <c:v>110.553393</c:v>
                </c:pt>
                <c:pt idx="966">
                  <c:v>110.49587200000001</c:v>
                </c:pt>
                <c:pt idx="967">
                  <c:v>110.40353399999999</c:v>
                </c:pt>
                <c:pt idx="968">
                  <c:v>110.34165400000001</c:v>
                </c:pt>
                <c:pt idx="969">
                  <c:v>110.405632</c:v>
                </c:pt>
                <c:pt idx="970">
                  <c:v>110.364913</c:v>
                </c:pt>
                <c:pt idx="971">
                  <c:v>110.31310999999999</c:v>
                </c:pt>
                <c:pt idx="972">
                  <c:v>110.326324</c:v>
                </c:pt>
                <c:pt idx="973">
                  <c:v>110.345122</c:v>
                </c:pt>
                <c:pt idx="974">
                  <c:v>110.320262</c:v>
                </c:pt>
                <c:pt idx="975">
                  <c:v>110.293041</c:v>
                </c:pt>
                <c:pt idx="976">
                  <c:v>110.28164700000001</c:v>
                </c:pt>
                <c:pt idx="977">
                  <c:v>110.29866</c:v>
                </c:pt>
                <c:pt idx="978">
                  <c:v>110.258021</c:v>
                </c:pt>
                <c:pt idx="979">
                  <c:v>110.20925699999999</c:v>
                </c:pt>
                <c:pt idx="980">
                  <c:v>110.184206</c:v>
                </c:pt>
                <c:pt idx="981">
                  <c:v>110.227368</c:v>
                </c:pt>
                <c:pt idx="982">
                  <c:v>110.279388</c:v>
                </c:pt>
                <c:pt idx="983">
                  <c:v>110.248364</c:v>
                </c:pt>
                <c:pt idx="984">
                  <c:v>110.233316</c:v>
                </c:pt>
                <c:pt idx="985">
                  <c:v>110.25023</c:v>
                </c:pt>
                <c:pt idx="986">
                  <c:v>110.309573</c:v>
                </c:pt>
                <c:pt idx="987">
                  <c:v>110.358729</c:v>
                </c:pt>
                <c:pt idx="988">
                  <c:v>110.301046</c:v>
                </c:pt>
                <c:pt idx="989">
                  <c:v>110.192171</c:v>
                </c:pt>
                <c:pt idx="990">
                  <c:v>110.19653099999999</c:v>
                </c:pt>
                <c:pt idx="991">
                  <c:v>110.24471</c:v>
                </c:pt>
                <c:pt idx="992">
                  <c:v>110.256412</c:v>
                </c:pt>
                <c:pt idx="993">
                  <c:v>110.211299</c:v>
                </c:pt>
                <c:pt idx="994">
                  <c:v>110.18983799999999</c:v>
                </c:pt>
                <c:pt idx="995">
                  <c:v>110.13151000000001</c:v>
                </c:pt>
                <c:pt idx="996">
                  <c:v>110.0818</c:v>
                </c:pt>
                <c:pt idx="997">
                  <c:v>110.048042</c:v>
                </c:pt>
                <c:pt idx="998">
                  <c:v>109.966031</c:v>
                </c:pt>
                <c:pt idx="999">
                  <c:v>109.92621699999999</c:v>
                </c:pt>
                <c:pt idx="1000">
                  <c:v>109.92200800000001</c:v>
                </c:pt>
                <c:pt idx="1001">
                  <c:v>109.885397</c:v>
                </c:pt>
                <c:pt idx="1002">
                  <c:v>109.822551</c:v>
                </c:pt>
                <c:pt idx="1003">
                  <c:v>109.840023</c:v>
                </c:pt>
                <c:pt idx="1004">
                  <c:v>109.846953</c:v>
                </c:pt>
                <c:pt idx="1005">
                  <c:v>109.847492</c:v>
                </c:pt>
                <c:pt idx="1006">
                  <c:v>109.856241</c:v>
                </c:pt>
                <c:pt idx="1007">
                  <c:v>109.88576</c:v>
                </c:pt>
                <c:pt idx="1008">
                  <c:v>109.93884300000001</c:v>
                </c:pt>
                <c:pt idx="1009">
                  <c:v>109.960745</c:v>
                </c:pt>
                <c:pt idx="1010">
                  <c:v>109.990448</c:v>
                </c:pt>
                <c:pt idx="1011">
                  <c:v>109.98579100000001</c:v>
                </c:pt>
                <c:pt idx="1012">
                  <c:v>110.010959</c:v>
                </c:pt>
                <c:pt idx="1013">
                  <c:v>110.06273899999999</c:v>
                </c:pt>
                <c:pt idx="1014">
                  <c:v>110.08059299999999</c:v>
                </c:pt>
                <c:pt idx="1015">
                  <c:v>110.098961</c:v>
                </c:pt>
                <c:pt idx="1016">
                  <c:v>110.072125</c:v>
                </c:pt>
                <c:pt idx="1017">
                  <c:v>110.089842</c:v>
                </c:pt>
                <c:pt idx="1018">
                  <c:v>110.20568</c:v>
                </c:pt>
                <c:pt idx="1019">
                  <c:v>110.252214</c:v>
                </c:pt>
                <c:pt idx="1020">
                  <c:v>110.26515499999999</c:v>
                </c:pt>
                <c:pt idx="1021">
                  <c:v>110.301407</c:v>
                </c:pt>
                <c:pt idx="1022">
                  <c:v>110.25733</c:v>
                </c:pt>
                <c:pt idx="1023">
                  <c:v>110.26794</c:v>
                </c:pt>
                <c:pt idx="1024">
                  <c:v>110.34204</c:v>
                </c:pt>
                <c:pt idx="1025">
                  <c:v>110.314662</c:v>
                </c:pt>
                <c:pt idx="1026">
                  <c:v>110.308744</c:v>
                </c:pt>
                <c:pt idx="1027">
                  <c:v>110.40341100000001</c:v>
                </c:pt>
                <c:pt idx="1028">
                  <c:v>110.436053</c:v>
                </c:pt>
                <c:pt idx="1029">
                  <c:v>110.336668</c:v>
                </c:pt>
                <c:pt idx="1030">
                  <c:v>110.28450599999999</c:v>
                </c:pt>
                <c:pt idx="1031">
                  <c:v>110.28788</c:v>
                </c:pt>
                <c:pt idx="1032">
                  <c:v>110.325517</c:v>
                </c:pt>
                <c:pt idx="1033">
                  <c:v>110.412088</c:v>
                </c:pt>
                <c:pt idx="1034">
                  <c:v>110.40701</c:v>
                </c:pt>
                <c:pt idx="1035">
                  <c:v>110.366848</c:v>
                </c:pt>
                <c:pt idx="1036">
                  <c:v>110.327393</c:v>
                </c:pt>
                <c:pt idx="1037">
                  <c:v>110.27238199999999</c:v>
                </c:pt>
                <c:pt idx="1038">
                  <c:v>110.256033</c:v>
                </c:pt>
                <c:pt idx="1039">
                  <c:v>110.30717199999999</c:v>
                </c:pt>
                <c:pt idx="1040">
                  <c:v>110.299319</c:v>
                </c:pt>
                <c:pt idx="1041">
                  <c:v>110.269845</c:v>
                </c:pt>
                <c:pt idx="1042">
                  <c:v>110.305121</c:v>
                </c:pt>
                <c:pt idx="1043">
                  <c:v>110.349453</c:v>
                </c:pt>
                <c:pt idx="1044">
                  <c:v>110.353674</c:v>
                </c:pt>
                <c:pt idx="1045">
                  <c:v>110.35678</c:v>
                </c:pt>
                <c:pt idx="1046">
                  <c:v>110.354927</c:v>
                </c:pt>
                <c:pt idx="1047">
                  <c:v>110.30573</c:v>
                </c:pt>
                <c:pt idx="1048">
                  <c:v>110.246925</c:v>
                </c:pt>
                <c:pt idx="1049">
                  <c:v>110.21941099999999</c:v>
                </c:pt>
                <c:pt idx="1050">
                  <c:v>110.193901</c:v>
                </c:pt>
                <c:pt idx="1051">
                  <c:v>110.24328800000001</c:v>
                </c:pt>
                <c:pt idx="1052">
                  <c:v>110.260684</c:v>
                </c:pt>
                <c:pt idx="1053">
                  <c:v>110.263565</c:v>
                </c:pt>
                <c:pt idx="1054">
                  <c:v>110.275458</c:v>
                </c:pt>
                <c:pt idx="1055">
                  <c:v>110.251743</c:v>
                </c:pt>
                <c:pt idx="1056">
                  <c:v>110.188057</c:v>
                </c:pt>
                <c:pt idx="1057">
                  <c:v>110.166319</c:v>
                </c:pt>
                <c:pt idx="1058">
                  <c:v>110.161286</c:v>
                </c:pt>
                <c:pt idx="1059">
                  <c:v>110.139629</c:v>
                </c:pt>
                <c:pt idx="1060">
                  <c:v>110.204939</c:v>
                </c:pt>
                <c:pt idx="1061">
                  <c:v>110.28430299999999</c:v>
                </c:pt>
                <c:pt idx="1062">
                  <c:v>110.20578399999999</c:v>
                </c:pt>
                <c:pt idx="1063">
                  <c:v>110.121458</c:v>
                </c:pt>
                <c:pt idx="1064">
                  <c:v>110.06144</c:v>
                </c:pt>
                <c:pt idx="1065">
                  <c:v>110.07654700000001</c:v>
                </c:pt>
                <c:pt idx="1066">
                  <c:v>110.133899</c:v>
                </c:pt>
                <c:pt idx="1067">
                  <c:v>110.124173</c:v>
                </c:pt>
                <c:pt idx="1068">
                  <c:v>110.10408099999999</c:v>
                </c:pt>
                <c:pt idx="1069">
                  <c:v>110.069453</c:v>
                </c:pt>
                <c:pt idx="1070">
                  <c:v>110.030833</c:v>
                </c:pt>
                <c:pt idx="1071">
                  <c:v>110.024721</c:v>
                </c:pt>
                <c:pt idx="1072">
                  <c:v>110.023712</c:v>
                </c:pt>
                <c:pt idx="1073">
                  <c:v>110.089114</c:v>
                </c:pt>
                <c:pt idx="1074">
                  <c:v>110.07928699999999</c:v>
                </c:pt>
                <c:pt idx="1075">
                  <c:v>110.035972</c:v>
                </c:pt>
                <c:pt idx="1076">
                  <c:v>110.03013199999999</c:v>
                </c:pt>
                <c:pt idx="1077">
                  <c:v>110.08550099999999</c:v>
                </c:pt>
                <c:pt idx="1078">
                  <c:v>110.06298200000001</c:v>
                </c:pt>
                <c:pt idx="1079">
                  <c:v>110.05187599999999</c:v>
                </c:pt>
                <c:pt idx="1080">
                  <c:v>110.047411</c:v>
                </c:pt>
                <c:pt idx="1081">
                  <c:v>110.04745699999999</c:v>
                </c:pt>
                <c:pt idx="1082">
                  <c:v>110.053545</c:v>
                </c:pt>
                <c:pt idx="1083">
                  <c:v>110.05692500000001</c:v>
                </c:pt>
                <c:pt idx="1084">
                  <c:v>110.033292</c:v>
                </c:pt>
                <c:pt idx="1085">
                  <c:v>109.96194</c:v>
                </c:pt>
                <c:pt idx="1086">
                  <c:v>109.934389</c:v>
                </c:pt>
                <c:pt idx="1087">
                  <c:v>109.924899</c:v>
                </c:pt>
                <c:pt idx="1088">
                  <c:v>109.895394</c:v>
                </c:pt>
                <c:pt idx="1089">
                  <c:v>110.01056800000001</c:v>
                </c:pt>
                <c:pt idx="1090">
                  <c:v>110.016491</c:v>
                </c:pt>
                <c:pt idx="1091">
                  <c:v>109.97318300000001</c:v>
                </c:pt>
                <c:pt idx="1092">
                  <c:v>109.997829</c:v>
                </c:pt>
                <c:pt idx="1093">
                  <c:v>109.998265</c:v>
                </c:pt>
                <c:pt idx="1094">
                  <c:v>109.975877</c:v>
                </c:pt>
                <c:pt idx="1095">
                  <c:v>109.94294499999999</c:v>
                </c:pt>
                <c:pt idx="1096">
                  <c:v>109.919596</c:v>
                </c:pt>
                <c:pt idx="1097">
                  <c:v>110.009406</c:v>
                </c:pt>
                <c:pt idx="1098">
                  <c:v>110.022959</c:v>
                </c:pt>
                <c:pt idx="1099">
                  <c:v>109.921004</c:v>
                </c:pt>
                <c:pt idx="1100">
                  <c:v>109.83909</c:v>
                </c:pt>
                <c:pt idx="1101">
                  <c:v>109.896731</c:v>
                </c:pt>
                <c:pt idx="1102">
                  <c:v>109.977664</c:v>
                </c:pt>
                <c:pt idx="1103">
                  <c:v>109.8985</c:v>
                </c:pt>
                <c:pt idx="1104">
                  <c:v>109.87025300000001</c:v>
                </c:pt>
                <c:pt idx="1105">
                  <c:v>109.91419999999999</c:v>
                </c:pt>
                <c:pt idx="1106">
                  <c:v>109.87622399999999</c:v>
                </c:pt>
                <c:pt idx="1107">
                  <c:v>109.846915</c:v>
                </c:pt>
                <c:pt idx="1108">
                  <c:v>109.875801</c:v>
                </c:pt>
                <c:pt idx="1109">
                  <c:v>109.87767100000001</c:v>
                </c:pt>
                <c:pt idx="1110">
                  <c:v>109.886351</c:v>
                </c:pt>
                <c:pt idx="1111">
                  <c:v>109.848567</c:v>
                </c:pt>
                <c:pt idx="1112">
                  <c:v>109.732913</c:v>
                </c:pt>
                <c:pt idx="1113">
                  <c:v>109.724688</c:v>
                </c:pt>
                <c:pt idx="1114">
                  <c:v>109.797083</c:v>
                </c:pt>
                <c:pt idx="1115">
                  <c:v>109.812595</c:v>
                </c:pt>
                <c:pt idx="1116">
                  <c:v>109.831355</c:v>
                </c:pt>
                <c:pt idx="1117">
                  <c:v>109.85664</c:v>
                </c:pt>
                <c:pt idx="1118">
                  <c:v>109.803889</c:v>
                </c:pt>
                <c:pt idx="1119">
                  <c:v>109.794258</c:v>
                </c:pt>
                <c:pt idx="1120">
                  <c:v>109.793938</c:v>
                </c:pt>
                <c:pt idx="1121">
                  <c:v>109.707274</c:v>
                </c:pt>
                <c:pt idx="1122">
                  <c:v>109.678704</c:v>
                </c:pt>
                <c:pt idx="1123">
                  <c:v>109.680955</c:v>
                </c:pt>
                <c:pt idx="1124">
                  <c:v>109.70586</c:v>
                </c:pt>
                <c:pt idx="1125">
                  <c:v>109.679591</c:v>
                </c:pt>
                <c:pt idx="1126">
                  <c:v>109.69866500000001</c:v>
                </c:pt>
                <c:pt idx="1127">
                  <c:v>109.71532000000001</c:v>
                </c:pt>
                <c:pt idx="1128">
                  <c:v>109.65539800000001</c:v>
                </c:pt>
                <c:pt idx="1129">
                  <c:v>109.617549</c:v>
                </c:pt>
                <c:pt idx="1130">
                  <c:v>109.660624</c:v>
                </c:pt>
                <c:pt idx="1131">
                  <c:v>109.67207399999999</c:v>
                </c:pt>
                <c:pt idx="1132">
                  <c:v>109.65946099999999</c:v>
                </c:pt>
                <c:pt idx="1133">
                  <c:v>109.659864</c:v>
                </c:pt>
                <c:pt idx="1134">
                  <c:v>109.668626</c:v>
                </c:pt>
                <c:pt idx="1135">
                  <c:v>109.67975300000001</c:v>
                </c:pt>
                <c:pt idx="1136">
                  <c:v>109.704521</c:v>
                </c:pt>
                <c:pt idx="1137">
                  <c:v>109.63814600000001</c:v>
                </c:pt>
                <c:pt idx="1138">
                  <c:v>109.581704</c:v>
                </c:pt>
                <c:pt idx="1139">
                  <c:v>109.577277</c:v>
                </c:pt>
                <c:pt idx="1140">
                  <c:v>109.577223</c:v>
                </c:pt>
                <c:pt idx="1141">
                  <c:v>109.581394</c:v>
                </c:pt>
                <c:pt idx="1142">
                  <c:v>109.614031</c:v>
                </c:pt>
                <c:pt idx="1143">
                  <c:v>109.63368</c:v>
                </c:pt>
                <c:pt idx="1144">
                  <c:v>109.599164</c:v>
                </c:pt>
                <c:pt idx="1145">
                  <c:v>109.614546</c:v>
                </c:pt>
                <c:pt idx="1146">
                  <c:v>109.613953</c:v>
                </c:pt>
                <c:pt idx="1147">
                  <c:v>109.609644</c:v>
                </c:pt>
                <c:pt idx="1148">
                  <c:v>109.64241800000001</c:v>
                </c:pt>
                <c:pt idx="1149">
                  <c:v>109.651946</c:v>
                </c:pt>
                <c:pt idx="1150">
                  <c:v>109.591263</c:v>
                </c:pt>
                <c:pt idx="1151">
                  <c:v>109.614682</c:v>
                </c:pt>
                <c:pt idx="1152">
                  <c:v>109.670804</c:v>
                </c:pt>
                <c:pt idx="1153">
                  <c:v>109.630993</c:v>
                </c:pt>
                <c:pt idx="1154">
                  <c:v>109.63206099999999</c:v>
                </c:pt>
                <c:pt idx="1155">
                  <c:v>109.617863</c:v>
                </c:pt>
                <c:pt idx="1156">
                  <c:v>109.58511300000001</c:v>
                </c:pt>
                <c:pt idx="1157">
                  <c:v>109.568889</c:v>
                </c:pt>
                <c:pt idx="1158">
                  <c:v>109.61707699999999</c:v>
                </c:pt>
                <c:pt idx="1159">
                  <c:v>109.71692</c:v>
                </c:pt>
                <c:pt idx="1160">
                  <c:v>109.68450799999999</c:v>
                </c:pt>
                <c:pt idx="1161">
                  <c:v>109.588205</c:v>
                </c:pt>
                <c:pt idx="1162">
                  <c:v>109.55768399999999</c:v>
                </c:pt>
                <c:pt idx="1163">
                  <c:v>109.546054</c:v>
                </c:pt>
                <c:pt idx="1164">
                  <c:v>109.487436</c:v>
                </c:pt>
                <c:pt idx="1165">
                  <c:v>109.489608</c:v>
                </c:pt>
                <c:pt idx="1166">
                  <c:v>109.60585500000001</c:v>
                </c:pt>
                <c:pt idx="1167">
                  <c:v>109.581463</c:v>
                </c:pt>
                <c:pt idx="1168">
                  <c:v>109.465497</c:v>
                </c:pt>
                <c:pt idx="1169">
                  <c:v>109.40856700000001</c:v>
                </c:pt>
                <c:pt idx="1170">
                  <c:v>109.35317999999999</c:v>
                </c:pt>
                <c:pt idx="1171">
                  <c:v>109.315765</c:v>
                </c:pt>
                <c:pt idx="1172">
                  <c:v>109.37161500000001</c:v>
                </c:pt>
                <c:pt idx="1173">
                  <c:v>109.40933800000001</c:v>
                </c:pt>
                <c:pt idx="1174">
                  <c:v>109.402537</c:v>
                </c:pt>
                <c:pt idx="1175">
                  <c:v>109.422955</c:v>
                </c:pt>
                <c:pt idx="1176">
                  <c:v>109.538538</c:v>
                </c:pt>
                <c:pt idx="1177">
                  <c:v>109.57001</c:v>
                </c:pt>
                <c:pt idx="1178">
                  <c:v>109.493364</c:v>
                </c:pt>
                <c:pt idx="1179">
                  <c:v>109.522441</c:v>
                </c:pt>
                <c:pt idx="1180">
                  <c:v>109.47834899999999</c:v>
                </c:pt>
                <c:pt idx="1181">
                  <c:v>109.413775</c:v>
                </c:pt>
                <c:pt idx="1182">
                  <c:v>109.43935399999999</c:v>
                </c:pt>
                <c:pt idx="1183">
                  <c:v>109.43646699999999</c:v>
                </c:pt>
                <c:pt idx="1184">
                  <c:v>109.35996299999999</c:v>
                </c:pt>
                <c:pt idx="1185">
                  <c:v>109.378586</c:v>
                </c:pt>
                <c:pt idx="1186">
                  <c:v>109.434006</c:v>
                </c:pt>
                <c:pt idx="1187">
                  <c:v>109.38574</c:v>
                </c:pt>
                <c:pt idx="1188">
                  <c:v>109.437095</c:v>
                </c:pt>
                <c:pt idx="1189">
                  <c:v>109.493257</c:v>
                </c:pt>
                <c:pt idx="1190">
                  <c:v>109.397452</c:v>
                </c:pt>
                <c:pt idx="1191">
                  <c:v>109.299505</c:v>
                </c:pt>
                <c:pt idx="1192">
                  <c:v>109.310194</c:v>
                </c:pt>
                <c:pt idx="1193">
                  <c:v>109.327578</c:v>
                </c:pt>
                <c:pt idx="1194">
                  <c:v>109.350672</c:v>
                </c:pt>
                <c:pt idx="1195">
                  <c:v>109.37324099999999</c:v>
                </c:pt>
                <c:pt idx="1196">
                  <c:v>109.458647</c:v>
                </c:pt>
                <c:pt idx="1197">
                  <c:v>109.537251</c:v>
                </c:pt>
                <c:pt idx="1198">
                  <c:v>109.498887</c:v>
                </c:pt>
                <c:pt idx="1199">
                  <c:v>109.400881</c:v>
                </c:pt>
                <c:pt idx="1200">
                  <c:v>109.325413</c:v>
                </c:pt>
                <c:pt idx="1201">
                  <c:v>109.31628000000001</c:v>
                </c:pt>
                <c:pt idx="1202">
                  <c:v>109.40987699999999</c:v>
                </c:pt>
                <c:pt idx="1203">
                  <c:v>109.396438</c:v>
                </c:pt>
                <c:pt idx="1204">
                  <c:v>109.33628400000001</c:v>
                </c:pt>
                <c:pt idx="1205">
                  <c:v>109.403676</c:v>
                </c:pt>
                <c:pt idx="1206">
                  <c:v>109.47784</c:v>
                </c:pt>
                <c:pt idx="1207">
                  <c:v>109.51020200000001</c:v>
                </c:pt>
                <c:pt idx="1208">
                  <c:v>109.565403</c:v>
                </c:pt>
                <c:pt idx="1209">
                  <c:v>109.49613100000001</c:v>
                </c:pt>
                <c:pt idx="1210">
                  <c:v>109.41892199999999</c:v>
                </c:pt>
                <c:pt idx="1211">
                  <c:v>109.399804</c:v>
                </c:pt>
                <c:pt idx="1212">
                  <c:v>109.494033</c:v>
                </c:pt>
                <c:pt idx="1213">
                  <c:v>109.45683200000001</c:v>
                </c:pt>
                <c:pt idx="1214">
                  <c:v>109.38070500000001</c:v>
                </c:pt>
                <c:pt idx="1215">
                  <c:v>109.43953500000001</c:v>
                </c:pt>
                <c:pt idx="1216">
                  <c:v>109.40091099999999</c:v>
                </c:pt>
                <c:pt idx="1217">
                  <c:v>109.360713</c:v>
                </c:pt>
                <c:pt idx="1218">
                  <c:v>109.40428300000001</c:v>
                </c:pt>
                <c:pt idx="1219">
                  <c:v>109.429942</c:v>
                </c:pt>
                <c:pt idx="1220">
                  <c:v>109.376285</c:v>
                </c:pt>
                <c:pt idx="1221">
                  <c:v>109.342465</c:v>
                </c:pt>
                <c:pt idx="1222">
                  <c:v>109.364357</c:v>
                </c:pt>
                <c:pt idx="1223">
                  <c:v>109.419123</c:v>
                </c:pt>
                <c:pt idx="1224">
                  <c:v>109.42077500000001</c:v>
                </c:pt>
                <c:pt idx="1225">
                  <c:v>109.38874199999999</c:v>
                </c:pt>
                <c:pt idx="1226">
                  <c:v>109.397353</c:v>
                </c:pt>
                <c:pt idx="1227">
                  <c:v>109.440528</c:v>
                </c:pt>
                <c:pt idx="1228">
                  <c:v>109.459171</c:v>
                </c:pt>
                <c:pt idx="1229">
                  <c:v>109.45262</c:v>
                </c:pt>
                <c:pt idx="1230">
                  <c:v>109.45792400000001</c:v>
                </c:pt>
                <c:pt idx="1231">
                  <c:v>109.45860999999999</c:v>
                </c:pt>
                <c:pt idx="1232">
                  <c:v>109.444889</c:v>
                </c:pt>
                <c:pt idx="1233">
                  <c:v>109.462328</c:v>
                </c:pt>
                <c:pt idx="1234">
                  <c:v>109.43597200000001</c:v>
                </c:pt>
                <c:pt idx="1235">
                  <c:v>109.428618</c:v>
                </c:pt>
                <c:pt idx="1236">
                  <c:v>109.43042800000001</c:v>
                </c:pt>
                <c:pt idx="1237">
                  <c:v>109.38450899999999</c:v>
                </c:pt>
                <c:pt idx="1238">
                  <c:v>109.368726</c:v>
                </c:pt>
                <c:pt idx="1239">
                  <c:v>109.50107800000001</c:v>
                </c:pt>
                <c:pt idx="1240">
                  <c:v>109.554541</c:v>
                </c:pt>
                <c:pt idx="1241">
                  <c:v>109.47740400000001</c:v>
                </c:pt>
                <c:pt idx="1242">
                  <c:v>109.46629799999999</c:v>
                </c:pt>
                <c:pt idx="1243">
                  <c:v>109.470372</c:v>
                </c:pt>
                <c:pt idx="1244">
                  <c:v>109.534549</c:v>
                </c:pt>
                <c:pt idx="1245">
                  <c:v>109.574397</c:v>
                </c:pt>
                <c:pt idx="1246">
                  <c:v>109.483165</c:v>
                </c:pt>
                <c:pt idx="1247">
                  <c:v>109.417351</c:v>
                </c:pt>
                <c:pt idx="1248">
                  <c:v>109.373976</c:v>
                </c:pt>
                <c:pt idx="1249">
                  <c:v>109.43368700000001</c:v>
                </c:pt>
                <c:pt idx="1250">
                  <c:v>109.506032</c:v>
                </c:pt>
                <c:pt idx="1251">
                  <c:v>109.501136</c:v>
                </c:pt>
                <c:pt idx="1252">
                  <c:v>109.491787</c:v>
                </c:pt>
                <c:pt idx="1253">
                  <c:v>109.534605</c:v>
                </c:pt>
                <c:pt idx="1254">
                  <c:v>109.612274</c:v>
                </c:pt>
                <c:pt idx="1255">
                  <c:v>109.634078</c:v>
                </c:pt>
                <c:pt idx="1256">
                  <c:v>109.547</c:v>
                </c:pt>
                <c:pt idx="1257">
                  <c:v>109.51308299999999</c:v>
                </c:pt>
                <c:pt idx="1258">
                  <c:v>109.520583</c:v>
                </c:pt>
                <c:pt idx="1259">
                  <c:v>109.520779</c:v>
                </c:pt>
                <c:pt idx="1260">
                  <c:v>109.543815</c:v>
                </c:pt>
                <c:pt idx="1261">
                  <c:v>109.618667</c:v>
                </c:pt>
                <c:pt idx="1262">
                  <c:v>109.65597699999999</c:v>
                </c:pt>
                <c:pt idx="1263">
                  <c:v>109.57822899999999</c:v>
                </c:pt>
                <c:pt idx="1264">
                  <c:v>109.51004500000001</c:v>
                </c:pt>
                <c:pt idx="1265">
                  <c:v>109.52502800000001</c:v>
                </c:pt>
                <c:pt idx="1266">
                  <c:v>109.512204</c:v>
                </c:pt>
                <c:pt idx="1267">
                  <c:v>109.471833</c:v>
                </c:pt>
                <c:pt idx="1268">
                  <c:v>109.504193</c:v>
                </c:pt>
                <c:pt idx="1269">
                  <c:v>109.55576499999999</c:v>
                </c:pt>
                <c:pt idx="1270">
                  <c:v>109.559442</c:v>
                </c:pt>
                <c:pt idx="1271">
                  <c:v>109.54624699999999</c:v>
                </c:pt>
                <c:pt idx="1272">
                  <c:v>109.577037</c:v>
                </c:pt>
                <c:pt idx="1273">
                  <c:v>109.63667100000001</c:v>
                </c:pt>
                <c:pt idx="1274">
                  <c:v>109.606459</c:v>
                </c:pt>
                <c:pt idx="1275">
                  <c:v>109.574243</c:v>
                </c:pt>
                <c:pt idx="1276">
                  <c:v>109.56372500000001</c:v>
                </c:pt>
                <c:pt idx="1277">
                  <c:v>109.59975799999999</c:v>
                </c:pt>
                <c:pt idx="1278">
                  <c:v>109.655108</c:v>
                </c:pt>
                <c:pt idx="1279">
                  <c:v>109.70024100000001</c:v>
                </c:pt>
                <c:pt idx="1280">
                  <c:v>109.686099</c:v>
                </c:pt>
                <c:pt idx="1281">
                  <c:v>109.693629</c:v>
                </c:pt>
                <c:pt idx="1282">
                  <c:v>109.70585</c:v>
                </c:pt>
                <c:pt idx="1283">
                  <c:v>109.62988199999999</c:v>
                </c:pt>
                <c:pt idx="1284">
                  <c:v>109.602402</c:v>
                </c:pt>
                <c:pt idx="1285">
                  <c:v>109.658952</c:v>
                </c:pt>
                <c:pt idx="1286">
                  <c:v>109.72031699999999</c:v>
                </c:pt>
                <c:pt idx="1287">
                  <c:v>109.773999</c:v>
                </c:pt>
                <c:pt idx="1288">
                  <c:v>109.724908</c:v>
                </c:pt>
                <c:pt idx="1289">
                  <c:v>109.60510600000001</c:v>
                </c:pt>
                <c:pt idx="1290">
                  <c:v>109.611098</c:v>
                </c:pt>
                <c:pt idx="1291">
                  <c:v>109.631151</c:v>
                </c:pt>
                <c:pt idx="1292">
                  <c:v>109.65906699999999</c:v>
                </c:pt>
                <c:pt idx="1293">
                  <c:v>109.73045999999999</c:v>
                </c:pt>
                <c:pt idx="1294">
                  <c:v>109.778851</c:v>
                </c:pt>
                <c:pt idx="1295">
                  <c:v>109.791466</c:v>
                </c:pt>
                <c:pt idx="1296">
                  <c:v>109.69877099999999</c:v>
                </c:pt>
                <c:pt idx="1297">
                  <c:v>109.608907</c:v>
                </c:pt>
                <c:pt idx="1298">
                  <c:v>109.611413</c:v>
                </c:pt>
                <c:pt idx="1299">
                  <c:v>109.68724</c:v>
                </c:pt>
                <c:pt idx="1300">
                  <c:v>109.683148</c:v>
                </c:pt>
                <c:pt idx="1301">
                  <c:v>109.612459</c:v>
                </c:pt>
                <c:pt idx="1302">
                  <c:v>109.77707100000001</c:v>
                </c:pt>
                <c:pt idx="1303">
                  <c:v>109.84021300000001</c:v>
                </c:pt>
                <c:pt idx="1304">
                  <c:v>109.667085</c:v>
                </c:pt>
                <c:pt idx="1305">
                  <c:v>109.592078</c:v>
                </c:pt>
                <c:pt idx="1306">
                  <c:v>109.597233</c:v>
                </c:pt>
                <c:pt idx="1307">
                  <c:v>109.59196900000001</c:v>
                </c:pt>
                <c:pt idx="1308">
                  <c:v>109.595782</c:v>
                </c:pt>
                <c:pt idx="1309">
                  <c:v>109.605405</c:v>
                </c:pt>
                <c:pt idx="1310">
                  <c:v>109.60366999999999</c:v>
                </c:pt>
                <c:pt idx="1311">
                  <c:v>109.626401</c:v>
                </c:pt>
                <c:pt idx="1312">
                  <c:v>109.667154</c:v>
                </c:pt>
                <c:pt idx="1313">
                  <c:v>109.640907</c:v>
                </c:pt>
                <c:pt idx="1314">
                  <c:v>109.63161700000001</c:v>
                </c:pt>
                <c:pt idx="1315">
                  <c:v>109.622721</c:v>
                </c:pt>
                <c:pt idx="1316">
                  <c:v>109.61967199999999</c:v>
                </c:pt>
                <c:pt idx="1317">
                  <c:v>109.61295699999999</c:v>
                </c:pt>
                <c:pt idx="1318">
                  <c:v>109.642337</c:v>
                </c:pt>
                <c:pt idx="1319">
                  <c:v>109.65203700000001</c:v>
                </c:pt>
                <c:pt idx="1320">
                  <c:v>109.629406</c:v>
                </c:pt>
                <c:pt idx="1321">
                  <c:v>109.617535</c:v>
                </c:pt>
                <c:pt idx="1322">
                  <c:v>109.782145</c:v>
                </c:pt>
                <c:pt idx="1323">
                  <c:v>109.822926</c:v>
                </c:pt>
                <c:pt idx="1324">
                  <c:v>109.840523</c:v>
                </c:pt>
                <c:pt idx="1325">
                  <c:v>109.804862</c:v>
                </c:pt>
                <c:pt idx="1326">
                  <c:v>109.72065600000001</c:v>
                </c:pt>
                <c:pt idx="1327">
                  <c:v>109.695527</c:v>
                </c:pt>
                <c:pt idx="1328">
                  <c:v>109.729443</c:v>
                </c:pt>
                <c:pt idx="1329">
                  <c:v>109.73307800000001</c:v>
                </c:pt>
                <c:pt idx="1330">
                  <c:v>109.610542</c:v>
                </c:pt>
                <c:pt idx="1331">
                  <c:v>109.399626</c:v>
                </c:pt>
                <c:pt idx="1332">
                  <c:v>109.615521</c:v>
                </c:pt>
                <c:pt idx="1333">
                  <c:v>109.832314</c:v>
                </c:pt>
                <c:pt idx="1334">
                  <c:v>109.72738200000001</c:v>
                </c:pt>
                <c:pt idx="1335">
                  <c:v>109.63391799999999</c:v>
                </c:pt>
                <c:pt idx="1336">
                  <c:v>109.62781200000001</c:v>
                </c:pt>
                <c:pt idx="1337">
                  <c:v>109.69886</c:v>
                </c:pt>
                <c:pt idx="1338">
                  <c:v>109.775972</c:v>
                </c:pt>
                <c:pt idx="1339">
                  <c:v>109.73126499999999</c:v>
                </c:pt>
                <c:pt idx="1340">
                  <c:v>109.630848</c:v>
                </c:pt>
                <c:pt idx="1341">
                  <c:v>109.46893300000001</c:v>
                </c:pt>
                <c:pt idx="1342">
                  <c:v>109.48282</c:v>
                </c:pt>
                <c:pt idx="1343">
                  <c:v>109.79972600000001</c:v>
                </c:pt>
                <c:pt idx="1344">
                  <c:v>109.80592300000001</c:v>
                </c:pt>
                <c:pt idx="1345">
                  <c:v>109.66790899999999</c:v>
                </c:pt>
                <c:pt idx="1346">
                  <c:v>109.656367</c:v>
                </c:pt>
                <c:pt idx="1347">
                  <c:v>109.693258</c:v>
                </c:pt>
                <c:pt idx="1348">
                  <c:v>109.706006</c:v>
                </c:pt>
                <c:pt idx="1349">
                  <c:v>109.710106</c:v>
                </c:pt>
                <c:pt idx="1350">
                  <c:v>109.73907699999999</c:v>
                </c:pt>
                <c:pt idx="1351">
                  <c:v>109.675235</c:v>
                </c:pt>
                <c:pt idx="1352">
                  <c:v>109.581853</c:v>
                </c:pt>
                <c:pt idx="1353">
                  <c:v>109.678128</c:v>
                </c:pt>
                <c:pt idx="1354">
                  <c:v>109.70141700000001</c:v>
                </c:pt>
                <c:pt idx="1355">
                  <c:v>109.659811</c:v>
                </c:pt>
                <c:pt idx="1356">
                  <c:v>109.71948</c:v>
                </c:pt>
                <c:pt idx="1357">
                  <c:v>109.561183</c:v>
                </c:pt>
                <c:pt idx="1358">
                  <c:v>109.275235</c:v>
                </c:pt>
                <c:pt idx="1359">
                  <c:v>109.432266</c:v>
                </c:pt>
                <c:pt idx="1360">
                  <c:v>109.69094699999999</c:v>
                </c:pt>
                <c:pt idx="1361">
                  <c:v>109.700867</c:v>
                </c:pt>
                <c:pt idx="1362">
                  <c:v>109.56216499999999</c:v>
                </c:pt>
                <c:pt idx="1363">
                  <c:v>109.22540100000001</c:v>
                </c:pt>
                <c:pt idx="1364">
                  <c:v>109.615813</c:v>
                </c:pt>
                <c:pt idx="1365">
                  <c:v>109.801097</c:v>
                </c:pt>
                <c:pt idx="1366">
                  <c:v>109.663566</c:v>
                </c:pt>
                <c:pt idx="1367">
                  <c:v>109.66738599999999</c:v>
                </c:pt>
                <c:pt idx="1368">
                  <c:v>109.657701</c:v>
                </c:pt>
                <c:pt idx="1369">
                  <c:v>109.78063899999999</c:v>
                </c:pt>
                <c:pt idx="1370">
                  <c:v>109.78116900000001</c:v>
                </c:pt>
                <c:pt idx="1371">
                  <c:v>109.70007099999999</c:v>
                </c:pt>
                <c:pt idx="1372">
                  <c:v>109.510824</c:v>
                </c:pt>
                <c:pt idx="1373">
                  <c:v>109.208005</c:v>
                </c:pt>
                <c:pt idx="1374">
                  <c:v>109.343338</c:v>
                </c:pt>
                <c:pt idx="1375">
                  <c:v>109.82977099999999</c:v>
                </c:pt>
                <c:pt idx="1376">
                  <c:v>109.86508000000001</c:v>
                </c:pt>
                <c:pt idx="1377">
                  <c:v>109.85565800000001</c:v>
                </c:pt>
                <c:pt idx="1378">
                  <c:v>109.939165</c:v>
                </c:pt>
                <c:pt idx="1379">
                  <c:v>109.863545</c:v>
                </c:pt>
                <c:pt idx="1380">
                  <c:v>109.919802</c:v>
                </c:pt>
                <c:pt idx="1381">
                  <c:v>109.882059</c:v>
                </c:pt>
                <c:pt idx="1382">
                  <c:v>109.748234</c:v>
                </c:pt>
                <c:pt idx="1383">
                  <c:v>109.591579</c:v>
                </c:pt>
                <c:pt idx="1384">
                  <c:v>109.207059</c:v>
                </c:pt>
                <c:pt idx="1385">
                  <c:v>109.11365499999999</c:v>
                </c:pt>
                <c:pt idx="1386">
                  <c:v>109.640473</c:v>
                </c:pt>
                <c:pt idx="1387">
                  <c:v>109.63545999999999</c:v>
                </c:pt>
                <c:pt idx="1388">
                  <c:v>109.725487</c:v>
                </c:pt>
                <c:pt idx="1389">
                  <c:v>109.85878700000001</c:v>
                </c:pt>
                <c:pt idx="1390">
                  <c:v>109.995971</c:v>
                </c:pt>
                <c:pt idx="1391">
                  <c:v>109.945926</c:v>
                </c:pt>
                <c:pt idx="1392">
                  <c:v>109.83207299999999</c:v>
                </c:pt>
                <c:pt idx="1393">
                  <c:v>109.74467300000001</c:v>
                </c:pt>
                <c:pt idx="1394">
                  <c:v>109.50976300000001</c:v>
                </c:pt>
                <c:pt idx="1395">
                  <c:v>109.542456</c:v>
                </c:pt>
                <c:pt idx="1396">
                  <c:v>109.848663</c:v>
                </c:pt>
                <c:pt idx="1397">
                  <c:v>109.94588299999999</c:v>
                </c:pt>
                <c:pt idx="1398">
                  <c:v>109.79840299999999</c:v>
                </c:pt>
                <c:pt idx="1399">
                  <c:v>109.784076</c:v>
                </c:pt>
                <c:pt idx="1400">
                  <c:v>109.740739</c:v>
                </c:pt>
                <c:pt idx="1401">
                  <c:v>109.69953599999999</c:v>
                </c:pt>
                <c:pt idx="1402">
                  <c:v>109.797844</c:v>
                </c:pt>
                <c:pt idx="1403">
                  <c:v>109.754993</c:v>
                </c:pt>
                <c:pt idx="1404">
                  <c:v>109.709818</c:v>
                </c:pt>
                <c:pt idx="1405">
                  <c:v>109.525583</c:v>
                </c:pt>
                <c:pt idx="1406">
                  <c:v>109.336488</c:v>
                </c:pt>
                <c:pt idx="1407">
                  <c:v>109.705124</c:v>
                </c:pt>
                <c:pt idx="1408">
                  <c:v>109.89224400000001</c:v>
                </c:pt>
                <c:pt idx="1409">
                  <c:v>109.81271599999999</c:v>
                </c:pt>
                <c:pt idx="1410">
                  <c:v>109.771433</c:v>
                </c:pt>
                <c:pt idx="1411">
                  <c:v>109.66802300000001</c:v>
                </c:pt>
                <c:pt idx="1412">
                  <c:v>109.69331699999999</c:v>
                </c:pt>
                <c:pt idx="1413">
                  <c:v>109.79400200000001</c:v>
                </c:pt>
                <c:pt idx="1414">
                  <c:v>109.75978600000001</c:v>
                </c:pt>
                <c:pt idx="1415">
                  <c:v>109.72596</c:v>
                </c:pt>
                <c:pt idx="1416">
                  <c:v>109.540969</c:v>
                </c:pt>
                <c:pt idx="1417">
                  <c:v>109.44518600000001</c:v>
                </c:pt>
                <c:pt idx="1418">
                  <c:v>109.56539100000001</c:v>
                </c:pt>
                <c:pt idx="1419">
                  <c:v>109.88311</c:v>
                </c:pt>
                <c:pt idx="1420">
                  <c:v>110.020645</c:v>
                </c:pt>
                <c:pt idx="1421">
                  <c:v>109.896101</c:v>
                </c:pt>
                <c:pt idx="1422">
                  <c:v>109.684054</c:v>
                </c:pt>
                <c:pt idx="1423">
                  <c:v>109.26095599999999</c:v>
                </c:pt>
                <c:pt idx="1424">
                  <c:v>109.56943800000001</c:v>
                </c:pt>
                <c:pt idx="1425">
                  <c:v>109.723416</c:v>
                </c:pt>
                <c:pt idx="1426">
                  <c:v>109.549165</c:v>
                </c:pt>
                <c:pt idx="1427">
                  <c:v>109.440198</c:v>
                </c:pt>
                <c:pt idx="1428">
                  <c:v>109.82156500000001</c:v>
                </c:pt>
                <c:pt idx="1429">
                  <c:v>109.87667399999999</c:v>
                </c:pt>
                <c:pt idx="1430">
                  <c:v>109.736723</c:v>
                </c:pt>
                <c:pt idx="1431">
                  <c:v>109.666504</c:v>
                </c:pt>
                <c:pt idx="1432">
                  <c:v>109.75583</c:v>
                </c:pt>
                <c:pt idx="1433">
                  <c:v>109.69622200000001</c:v>
                </c:pt>
                <c:pt idx="1434">
                  <c:v>109.565865</c:v>
                </c:pt>
                <c:pt idx="1435">
                  <c:v>109.62839700000001</c:v>
                </c:pt>
                <c:pt idx="1436">
                  <c:v>109.609054</c:v>
                </c:pt>
                <c:pt idx="1437">
                  <c:v>109.80661000000001</c:v>
                </c:pt>
                <c:pt idx="1438">
                  <c:v>109.88688500000001</c:v>
                </c:pt>
                <c:pt idx="1439">
                  <c:v>109.73381000000001</c:v>
                </c:pt>
                <c:pt idx="1440">
                  <c:v>109.65046</c:v>
                </c:pt>
                <c:pt idx="1441">
                  <c:v>109.66556300000001</c:v>
                </c:pt>
                <c:pt idx="1442">
                  <c:v>109.81585699999999</c:v>
                </c:pt>
                <c:pt idx="1443">
                  <c:v>109.826877</c:v>
                </c:pt>
                <c:pt idx="1444">
                  <c:v>109.842167</c:v>
                </c:pt>
                <c:pt idx="1445">
                  <c:v>109.83534299999999</c:v>
                </c:pt>
                <c:pt idx="1446">
                  <c:v>109.773422</c:v>
                </c:pt>
                <c:pt idx="1447">
                  <c:v>109.769037</c:v>
                </c:pt>
                <c:pt idx="1448">
                  <c:v>109.718447</c:v>
                </c:pt>
                <c:pt idx="1449">
                  <c:v>109.63461</c:v>
                </c:pt>
                <c:pt idx="1450">
                  <c:v>109.515964</c:v>
                </c:pt>
                <c:pt idx="1451">
                  <c:v>109.643411</c:v>
                </c:pt>
                <c:pt idx="1452">
                  <c:v>109.626932</c:v>
                </c:pt>
                <c:pt idx="1453">
                  <c:v>109.677201</c:v>
                </c:pt>
                <c:pt idx="1454">
                  <c:v>109.859829</c:v>
                </c:pt>
                <c:pt idx="1455">
                  <c:v>109.725431</c:v>
                </c:pt>
                <c:pt idx="1456">
                  <c:v>109.800381</c:v>
                </c:pt>
                <c:pt idx="1457">
                  <c:v>109.760026</c:v>
                </c:pt>
                <c:pt idx="1458">
                  <c:v>109.678256</c:v>
                </c:pt>
                <c:pt idx="1459">
                  <c:v>109.601163</c:v>
                </c:pt>
                <c:pt idx="1460">
                  <c:v>109.31539600000001</c:v>
                </c:pt>
                <c:pt idx="1461">
                  <c:v>109.496325</c:v>
                </c:pt>
                <c:pt idx="1462">
                  <c:v>109.570831</c:v>
                </c:pt>
                <c:pt idx="1463">
                  <c:v>109.54115899999999</c:v>
                </c:pt>
                <c:pt idx="1464">
                  <c:v>109.76314499999999</c:v>
                </c:pt>
                <c:pt idx="1465">
                  <c:v>109.731567</c:v>
                </c:pt>
                <c:pt idx="1466">
                  <c:v>109.662424</c:v>
                </c:pt>
                <c:pt idx="1467">
                  <c:v>109.645264</c:v>
                </c:pt>
                <c:pt idx="1468">
                  <c:v>109.494502</c:v>
                </c:pt>
                <c:pt idx="1469">
                  <c:v>109.43875300000001</c:v>
                </c:pt>
                <c:pt idx="1470">
                  <c:v>109.483481</c:v>
                </c:pt>
                <c:pt idx="1471">
                  <c:v>109.52543</c:v>
                </c:pt>
                <c:pt idx="1472">
                  <c:v>109.63182</c:v>
                </c:pt>
                <c:pt idx="1473">
                  <c:v>109.69338</c:v>
                </c:pt>
                <c:pt idx="1474">
                  <c:v>109.655232</c:v>
                </c:pt>
                <c:pt idx="1475">
                  <c:v>109.634812</c:v>
                </c:pt>
                <c:pt idx="1476">
                  <c:v>109.62486800000001</c:v>
                </c:pt>
                <c:pt idx="1477">
                  <c:v>109.515666</c:v>
                </c:pt>
                <c:pt idx="1478">
                  <c:v>109.489402</c:v>
                </c:pt>
                <c:pt idx="1479">
                  <c:v>109.29670400000001</c:v>
                </c:pt>
                <c:pt idx="1480">
                  <c:v>109.288342</c:v>
                </c:pt>
                <c:pt idx="1481">
                  <c:v>109.640699</c:v>
                </c:pt>
                <c:pt idx="1482">
                  <c:v>109.595574</c:v>
                </c:pt>
                <c:pt idx="1483">
                  <c:v>109.54902300000001</c:v>
                </c:pt>
                <c:pt idx="1484">
                  <c:v>109.399385</c:v>
                </c:pt>
                <c:pt idx="1485">
                  <c:v>109.304695</c:v>
                </c:pt>
                <c:pt idx="1486">
                  <c:v>109.40046100000001</c:v>
                </c:pt>
                <c:pt idx="1487">
                  <c:v>109.522434</c:v>
                </c:pt>
                <c:pt idx="1488">
                  <c:v>109.32791400000001</c:v>
                </c:pt>
                <c:pt idx="1489">
                  <c:v>109.579386</c:v>
                </c:pt>
                <c:pt idx="1490">
                  <c:v>109.62911200000001</c:v>
                </c:pt>
                <c:pt idx="1491">
                  <c:v>109.649474</c:v>
                </c:pt>
                <c:pt idx="1492">
                  <c:v>109.60292</c:v>
                </c:pt>
                <c:pt idx="1493">
                  <c:v>109.452881</c:v>
                </c:pt>
                <c:pt idx="1494">
                  <c:v>109.416616</c:v>
                </c:pt>
                <c:pt idx="1495">
                  <c:v>109.52457099999999</c:v>
                </c:pt>
                <c:pt idx="1496">
                  <c:v>109.41247</c:v>
                </c:pt>
                <c:pt idx="1497">
                  <c:v>109.61393200000001</c:v>
                </c:pt>
                <c:pt idx="1498">
                  <c:v>109.687495</c:v>
                </c:pt>
                <c:pt idx="1499">
                  <c:v>109.526867</c:v>
                </c:pt>
                <c:pt idx="1500">
                  <c:v>109.492452</c:v>
                </c:pt>
                <c:pt idx="1501">
                  <c:v>109.535037</c:v>
                </c:pt>
                <c:pt idx="1502">
                  <c:v>109.479704</c:v>
                </c:pt>
                <c:pt idx="1503">
                  <c:v>109.265602</c:v>
                </c:pt>
                <c:pt idx="1504">
                  <c:v>109.143198</c:v>
                </c:pt>
                <c:pt idx="1505">
                  <c:v>109.197661</c:v>
                </c:pt>
                <c:pt idx="1506">
                  <c:v>109.259269</c:v>
                </c:pt>
                <c:pt idx="1507">
                  <c:v>109.480029</c:v>
                </c:pt>
                <c:pt idx="1508">
                  <c:v>109.580546</c:v>
                </c:pt>
                <c:pt idx="1509">
                  <c:v>109.54536</c:v>
                </c:pt>
                <c:pt idx="1510">
                  <c:v>109.45671299999999</c:v>
                </c:pt>
                <c:pt idx="1511">
                  <c:v>109.498347</c:v>
                </c:pt>
                <c:pt idx="1512">
                  <c:v>109.45702199999999</c:v>
                </c:pt>
                <c:pt idx="1513">
                  <c:v>109.391124</c:v>
                </c:pt>
                <c:pt idx="1514">
                  <c:v>109.491845</c:v>
                </c:pt>
                <c:pt idx="1515">
                  <c:v>109.638712</c:v>
                </c:pt>
                <c:pt idx="1516">
                  <c:v>109.562168</c:v>
                </c:pt>
                <c:pt idx="1517">
                  <c:v>109.460981</c:v>
                </c:pt>
                <c:pt idx="1518">
                  <c:v>109.42885699999999</c:v>
                </c:pt>
                <c:pt idx="1519">
                  <c:v>109.388139</c:v>
                </c:pt>
                <c:pt idx="1520">
                  <c:v>109.297715</c:v>
                </c:pt>
                <c:pt idx="1521">
                  <c:v>109.316773</c:v>
                </c:pt>
                <c:pt idx="1522">
                  <c:v>109.500282</c:v>
                </c:pt>
                <c:pt idx="1523">
                  <c:v>109.453158</c:v>
                </c:pt>
                <c:pt idx="1524">
                  <c:v>109.391598</c:v>
                </c:pt>
                <c:pt idx="1525">
                  <c:v>109.31349299999999</c:v>
                </c:pt>
                <c:pt idx="1526">
                  <c:v>109.187393</c:v>
                </c:pt>
                <c:pt idx="1527">
                  <c:v>109.276217</c:v>
                </c:pt>
                <c:pt idx="1528">
                  <c:v>109.376565</c:v>
                </c:pt>
                <c:pt idx="1529">
                  <c:v>109.37082599999999</c:v>
                </c:pt>
                <c:pt idx="1530">
                  <c:v>109.31508100000001</c:v>
                </c:pt>
                <c:pt idx="1531">
                  <c:v>109.339057</c:v>
                </c:pt>
                <c:pt idx="1532">
                  <c:v>109.359279</c:v>
                </c:pt>
                <c:pt idx="1533">
                  <c:v>109.28814800000001</c:v>
                </c:pt>
                <c:pt idx="1534">
                  <c:v>109.352143</c:v>
                </c:pt>
                <c:pt idx="1535">
                  <c:v>109.432935</c:v>
                </c:pt>
                <c:pt idx="1536">
                  <c:v>109.332616</c:v>
                </c:pt>
                <c:pt idx="1537">
                  <c:v>109.304259</c:v>
                </c:pt>
                <c:pt idx="1538">
                  <c:v>109.371194</c:v>
                </c:pt>
                <c:pt idx="1539">
                  <c:v>109.378862</c:v>
                </c:pt>
                <c:pt idx="1540">
                  <c:v>109.32428400000001</c:v>
                </c:pt>
                <c:pt idx="1541">
                  <c:v>109.306145</c:v>
                </c:pt>
                <c:pt idx="1542">
                  <c:v>109.294527</c:v>
                </c:pt>
                <c:pt idx="1543">
                  <c:v>109.244696</c:v>
                </c:pt>
                <c:pt idx="1544">
                  <c:v>109.22386</c:v>
                </c:pt>
                <c:pt idx="1545">
                  <c:v>109.280878</c:v>
                </c:pt>
                <c:pt idx="1546">
                  <c:v>109.332956</c:v>
                </c:pt>
                <c:pt idx="1547">
                  <c:v>109.33564699999999</c:v>
                </c:pt>
                <c:pt idx="1548">
                  <c:v>109.29463699999999</c:v>
                </c:pt>
                <c:pt idx="1549">
                  <c:v>109.253651</c:v>
                </c:pt>
                <c:pt idx="1550">
                  <c:v>109.2777</c:v>
                </c:pt>
                <c:pt idx="1551">
                  <c:v>109.263927</c:v>
                </c:pt>
                <c:pt idx="1552">
                  <c:v>109.262663</c:v>
                </c:pt>
                <c:pt idx="1553">
                  <c:v>109.22706100000001</c:v>
                </c:pt>
                <c:pt idx="1554">
                  <c:v>109.23142900000001</c:v>
                </c:pt>
                <c:pt idx="1555">
                  <c:v>109.27699800000001</c:v>
                </c:pt>
                <c:pt idx="1556">
                  <c:v>109.25835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4D1E-498B-A6C1-B654C2EDF5C7}"/>
            </c:ext>
          </c:extLst>
        </c:ser>
        <c:ser>
          <c:idx val="5"/>
          <c:order val="5"/>
          <c:tx>
            <c:strRef>
              <c:f>'Fig 2 a'!$M$10</c:f>
              <c:strCache>
                <c:ptCount val="1"/>
                <c:pt idx="0">
                  <c:v>S-T-3.5</c:v>
                </c:pt>
              </c:strCache>
            </c:strRef>
          </c:tx>
          <c:spPr>
            <a:ln w="28575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Fig 2 a'!$L$11:$L$1567</c:f>
              <c:numCache>
                <c:formatCode>General</c:formatCode>
                <c:ptCount val="1557"/>
                <c:pt idx="0">
                  <c:v>999.12668799999994</c:v>
                </c:pt>
                <c:pt idx="1">
                  <c:v>1001.055504</c:v>
                </c:pt>
                <c:pt idx="2">
                  <c:v>1002.98432</c:v>
                </c:pt>
                <c:pt idx="3">
                  <c:v>1004.913136</c:v>
                </c:pt>
                <c:pt idx="4">
                  <c:v>1006.841952</c:v>
                </c:pt>
                <c:pt idx="5">
                  <c:v>1008.770768</c:v>
                </c:pt>
                <c:pt idx="6">
                  <c:v>1010.699584</c:v>
                </c:pt>
                <c:pt idx="7">
                  <c:v>1012.6284000000001</c:v>
                </c:pt>
                <c:pt idx="8">
                  <c:v>1014.557216</c:v>
                </c:pt>
                <c:pt idx="9">
                  <c:v>1016.486032</c:v>
                </c:pt>
                <c:pt idx="10">
                  <c:v>1018.414848</c:v>
                </c:pt>
                <c:pt idx="11">
                  <c:v>1020.343664</c:v>
                </c:pt>
                <c:pt idx="12">
                  <c:v>1022.27248</c:v>
                </c:pt>
                <c:pt idx="13">
                  <c:v>1024.201296</c:v>
                </c:pt>
                <c:pt idx="14">
                  <c:v>1026.1301120000001</c:v>
                </c:pt>
                <c:pt idx="15">
                  <c:v>1028.0589279999999</c:v>
                </c:pt>
                <c:pt idx="16">
                  <c:v>1029.987744</c:v>
                </c:pt>
                <c:pt idx="17">
                  <c:v>1031.9165599999999</c:v>
                </c:pt>
                <c:pt idx="18">
                  <c:v>1033.845376</c:v>
                </c:pt>
                <c:pt idx="19">
                  <c:v>1035.7741920000001</c:v>
                </c:pt>
                <c:pt idx="20">
                  <c:v>1037.703008</c:v>
                </c:pt>
                <c:pt idx="21">
                  <c:v>1039.6318240000001</c:v>
                </c:pt>
                <c:pt idx="22">
                  <c:v>1041.5606399999999</c:v>
                </c:pt>
                <c:pt idx="23">
                  <c:v>1043.489456</c:v>
                </c:pt>
                <c:pt idx="24">
                  <c:v>1045.4182719999999</c:v>
                </c:pt>
                <c:pt idx="25">
                  <c:v>1047.347088</c:v>
                </c:pt>
                <c:pt idx="26">
                  <c:v>1049.2759040000001</c:v>
                </c:pt>
                <c:pt idx="27">
                  <c:v>1051.20472</c:v>
                </c:pt>
                <c:pt idx="28">
                  <c:v>1053.133536</c:v>
                </c:pt>
                <c:pt idx="29">
                  <c:v>1055.0623519999999</c:v>
                </c:pt>
                <c:pt idx="30">
                  <c:v>1056.991168</c:v>
                </c:pt>
                <c:pt idx="31">
                  <c:v>1058.9199840000001</c:v>
                </c:pt>
                <c:pt idx="32">
                  <c:v>1060.8488</c:v>
                </c:pt>
                <c:pt idx="33">
                  <c:v>1062.7776160000001</c:v>
                </c:pt>
                <c:pt idx="34">
                  <c:v>1064.7064319999999</c:v>
                </c:pt>
                <c:pt idx="35">
                  <c:v>1066.635248</c:v>
                </c:pt>
                <c:pt idx="36">
                  <c:v>1068.5640639999999</c:v>
                </c:pt>
                <c:pt idx="37">
                  <c:v>1070.49288</c:v>
                </c:pt>
                <c:pt idx="38">
                  <c:v>1072.4216960000001</c:v>
                </c:pt>
                <c:pt idx="39">
                  <c:v>1074.350512</c:v>
                </c:pt>
                <c:pt idx="40">
                  <c:v>1076.2793280000001</c:v>
                </c:pt>
                <c:pt idx="41">
                  <c:v>1078.2081439999999</c:v>
                </c:pt>
                <c:pt idx="42">
                  <c:v>1080.13696</c:v>
                </c:pt>
                <c:pt idx="43">
                  <c:v>1082.0657759999999</c:v>
                </c:pt>
                <c:pt idx="44">
                  <c:v>1083.994592</c:v>
                </c:pt>
                <c:pt idx="45">
                  <c:v>1085.9234080000001</c:v>
                </c:pt>
                <c:pt idx="46">
                  <c:v>1087.852224</c:v>
                </c:pt>
                <c:pt idx="47">
                  <c:v>1089.7810400000001</c:v>
                </c:pt>
                <c:pt idx="48">
                  <c:v>1091.7098559999999</c:v>
                </c:pt>
                <c:pt idx="49">
                  <c:v>1093.638672</c:v>
                </c:pt>
                <c:pt idx="50">
                  <c:v>1095.5674879999999</c:v>
                </c:pt>
                <c:pt idx="51">
                  <c:v>1097.496304</c:v>
                </c:pt>
                <c:pt idx="52">
                  <c:v>1099.4251200000001</c:v>
                </c:pt>
                <c:pt idx="53">
                  <c:v>1101.353936</c:v>
                </c:pt>
                <c:pt idx="54">
                  <c:v>1103.2827520000001</c:v>
                </c:pt>
                <c:pt idx="55">
                  <c:v>1105.2115679999999</c:v>
                </c:pt>
                <c:pt idx="56">
                  <c:v>1107.140384</c:v>
                </c:pt>
                <c:pt idx="57">
                  <c:v>1109.0691999999999</c:v>
                </c:pt>
                <c:pt idx="58">
                  <c:v>1110.998016</c:v>
                </c:pt>
                <c:pt idx="59">
                  <c:v>1112.9268320000001</c:v>
                </c:pt>
                <c:pt idx="60">
                  <c:v>1114.855648</c:v>
                </c:pt>
                <c:pt idx="61">
                  <c:v>1116.7844640000001</c:v>
                </c:pt>
                <c:pt idx="62">
                  <c:v>1118.7132799999999</c:v>
                </c:pt>
                <c:pt idx="63">
                  <c:v>1120.642096</c:v>
                </c:pt>
                <c:pt idx="64">
                  <c:v>1122.5709119999999</c:v>
                </c:pt>
                <c:pt idx="65">
                  <c:v>1124.499728</c:v>
                </c:pt>
                <c:pt idx="66">
                  <c:v>1126.4285440000001</c:v>
                </c:pt>
                <c:pt idx="67">
                  <c:v>1128.35736</c:v>
                </c:pt>
                <c:pt idx="68">
                  <c:v>1130.2861760000001</c:v>
                </c:pt>
                <c:pt idx="69">
                  <c:v>1132.2149919999999</c:v>
                </c:pt>
                <c:pt idx="70">
                  <c:v>1134.143808</c:v>
                </c:pt>
                <c:pt idx="71">
                  <c:v>1136.0726239999999</c:v>
                </c:pt>
                <c:pt idx="72">
                  <c:v>1138.00144</c:v>
                </c:pt>
                <c:pt idx="73">
                  <c:v>1139.9302560000001</c:v>
                </c:pt>
                <c:pt idx="74">
                  <c:v>1141.859072</c:v>
                </c:pt>
                <c:pt idx="75">
                  <c:v>1143.7878880000001</c:v>
                </c:pt>
                <c:pt idx="76">
                  <c:v>1145.7167039999999</c:v>
                </c:pt>
                <c:pt idx="77">
                  <c:v>1147.64552</c:v>
                </c:pt>
                <c:pt idx="78">
                  <c:v>1149.5743359999999</c:v>
                </c:pt>
                <c:pt idx="79">
                  <c:v>1151.503152</c:v>
                </c:pt>
                <c:pt idx="80">
                  <c:v>1153.4319680000001</c:v>
                </c:pt>
                <c:pt idx="81">
                  <c:v>1155.360784</c:v>
                </c:pt>
                <c:pt idx="82">
                  <c:v>1157.2896000000001</c:v>
                </c:pt>
                <c:pt idx="83">
                  <c:v>1159.2184159999999</c:v>
                </c:pt>
                <c:pt idx="84">
                  <c:v>1161.147232</c:v>
                </c:pt>
                <c:pt idx="85">
                  <c:v>1163.0760479999999</c:v>
                </c:pt>
                <c:pt idx="86">
                  <c:v>1165.004864</c:v>
                </c:pt>
                <c:pt idx="87">
                  <c:v>1166.9336800000001</c:v>
                </c:pt>
                <c:pt idx="88">
                  <c:v>1168.862496</c:v>
                </c:pt>
                <c:pt idx="89">
                  <c:v>1170.7913120000001</c:v>
                </c:pt>
                <c:pt idx="90">
                  <c:v>1172.7201279999999</c:v>
                </c:pt>
                <c:pt idx="91">
                  <c:v>1174.648944</c:v>
                </c:pt>
                <c:pt idx="92">
                  <c:v>1176.5777599999999</c:v>
                </c:pt>
                <c:pt idx="93">
                  <c:v>1178.506576</c:v>
                </c:pt>
                <c:pt idx="94">
                  <c:v>1180.4353920000001</c:v>
                </c:pt>
                <c:pt idx="95">
                  <c:v>1182.364208</c:v>
                </c:pt>
                <c:pt idx="96">
                  <c:v>1184.2930240000001</c:v>
                </c:pt>
                <c:pt idx="97">
                  <c:v>1186.2218399999999</c:v>
                </c:pt>
                <c:pt idx="98">
                  <c:v>1188.150656</c:v>
                </c:pt>
                <c:pt idx="99">
                  <c:v>1190.0794719999999</c:v>
                </c:pt>
                <c:pt idx="100">
                  <c:v>1192.008288</c:v>
                </c:pt>
                <c:pt idx="101">
                  <c:v>1193.9371040000001</c:v>
                </c:pt>
                <c:pt idx="102">
                  <c:v>1195.86592</c:v>
                </c:pt>
                <c:pt idx="103">
                  <c:v>1197.7947360000001</c:v>
                </c:pt>
                <c:pt idx="104">
                  <c:v>1199.7235519999999</c:v>
                </c:pt>
                <c:pt idx="105">
                  <c:v>1201.652368</c:v>
                </c:pt>
                <c:pt idx="106">
                  <c:v>1203.5811839999999</c:v>
                </c:pt>
                <c:pt idx="107">
                  <c:v>1205.51</c:v>
                </c:pt>
                <c:pt idx="108">
                  <c:v>1207.4388160000001</c:v>
                </c:pt>
                <c:pt idx="109">
                  <c:v>1209.367632</c:v>
                </c:pt>
                <c:pt idx="110">
                  <c:v>1211.2964480000001</c:v>
                </c:pt>
                <c:pt idx="111">
                  <c:v>1213.2252639999999</c:v>
                </c:pt>
                <c:pt idx="112">
                  <c:v>1215.15408</c:v>
                </c:pt>
                <c:pt idx="113">
                  <c:v>1217.0828959999999</c:v>
                </c:pt>
                <c:pt idx="114">
                  <c:v>1219.011712</c:v>
                </c:pt>
                <c:pt idx="115">
                  <c:v>1220.9405280000001</c:v>
                </c:pt>
                <c:pt idx="116">
                  <c:v>1222.869344</c:v>
                </c:pt>
                <c:pt idx="117">
                  <c:v>1224.7981600000001</c:v>
                </c:pt>
                <c:pt idx="118">
                  <c:v>1226.7269759999999</c:v>
                </c:pt>
                <c:pt idx="119">
                  <c:v>1228.655792</c:v>
                </c:pt>
                <c:pt idx="120">
                  <c:v>1230.5846079999999</c:v>
                </c:pt>
                <c:pt idx="121">
                  <c:v>1232.513424</c:v>
                </c:pt>
                <c:pt idx="122">
                  <c:v>1234.4422400000001</c:v>
                </c:pt>
                <c:pt idx="123">
                  <c:v>1236.371056</c:v>
                </c:pt>
                <c:pt idx="124">
                  <c:v>1238.2998720000001</c:v>
                </c:pt>
                <c:pt idx="125">
                  <c:v>1240.2286879999999</c:v>
                </c:pt>
                <c:pt idx="126">
                  <c:v>1242.157504</c:v>
                </c:pt>
                <c:pt idx="127">
                  <c:v>1244.0863199999999</c:v>
                </c:pt>
                <c:pt idx="128">
                  <c:v>1246.015136</c:v>
                </c:pt>
                <c:pt idx="129">
                  <c:v>1247.9439520000001</c:v>
                </c:pt>
                <c:pt idx="130">
                  <c:v>1249.872768</c:v>
                </c:pt>
                <c:pt idx="131">
                  <c:v>1251.801584</c:v>
                </c:pt>
                <c:pt idx="132">
                  <c:v>1253.7303999999999</c:v>
                </c:pt>
                <c:pt idx="133">
                  <c:v>1255.659216</c:v>
                </c:pt>
                <c:pt idx="134">
                  <c:v>1257.5880320000001</c:v>
                </c:pt>
                <c:pt idx="135">
                  <c:v>1259.516848</c:v>
                </c:pt>
                <c:pt idx="136">
                  <c:v>1261.4456640000001</c:v>
                </c:pt>
                <c:pt idx="137">
                  <c:v>1263.3744799999999</c:v>
                </c:pt>
                <c:pt idx="138">
                  <c:v>1265.303296</c:v>
                </c:pt>
                <c:pt idx="139">
                  <c:v>1267.2321119999999</c:v>
                </c:pt>
                <c:pt idx="140">
                  <c:v>1269.160928</c:v>
                </c:pt>
                <c:pt idx="141">
                  <c:v>1271.0897440000001</c:v>
                </c:pt>
                <c:pt idx="142">
                  <c:v>1273.01856</c:v>
                </c:pt>
                <c:pt idx="143">
                  <c:v>1274.9473760000001</c:v>
                </c:pt>
                <c:pt idx="144">
                  <c:v>1276.8761919999999</c:v>
                </c:pt>
                <c:pt idx="145">
                  <c:v>1278.805008</c:v>
                </c:pt>
                <c:pt idx="146">
                  <c:v>1280.7338239999999</c:v>
                </c:pt>
                <c:pt idx="147">
                  <c:v>1282.66264</c:v>
                </c:pt>
                <c:pt idx="148">
                  <c:v>1284.5914560000001</c:v>
                </c:pt>
                <c:pt idx="149">
                  <c:v>1286.520272</c:v>
                </c:pt>
                <c:pt idx="150">
                  <c:v>1288.4490880000001</c:v>
                </c:pt>
                <c:pt idx="151">
                  <c:v>1290.3779039999999</c:v>
                </c:pt>
                <c:pt idx="152">
                  <c:v>1292.30672</c:v>
                </c:pt>
                <c:pt idx="153">
                  <c:v>1294.2355359999999</c:v>
                </c:pt>
                <c:pt idx="154">
                  <c:v>1296.164352</c:v>
                </c:pt>
                <c:pt idx="155">
                  <c:v>1298.0931680000001</c:v>
                </c:pt>
                <c:pt idx="156">
                  <c:v>1300.021984</c:v>
                </c:pt>
                <c:pt idx="157">
                  <c:v>1301.9508000000001</c:v>
                </c:pt>
                <c:pt idx="158">
                  <c:v>1303.8796159999999</c:v>
                </c:pt>
                <c:pt idx="159">
                  <c:v>1305.808432</c:v>
                </c:pt>
                <c:pt idx="160">
                  <c:v>1307.7372479999999</c:v>
                </c:pt>
                <c:pt idx="161">
                  <c:v>1309.666064</c:v>
                </c:pt>
                <c:pt idx="162">
                  <c:v>1311.5948800000001</c:v>
                </c:pt>
                <c:pt idx="163">
                  <c:v>1313.523696</c:v>
                </c:pt>
                <c:pt idx="164">
                  <c:v>1315.4525120000001</c:v>
                </c:pt>
                <c:pt idx="165">
                  <c:v>1317.3813279999999</c:v>
                </c:pt>
                <c:pt idx="166">
                  <c:v>1319.310144</c:v>
                </c:pt>
                <c:pt idx="167">
                  <c:v>1321.2389599999999</c:v>
                </c:pt>
                <c:pt idx="168">
                  <c:v>1323.167776</c:v>
                </c:pt>
                <c:pt idx="169">
                  <c:v>1325.0965920000001</c:v>
                </c:pt>
                <c:pt idx="170">
                  <c:v>1327.025408</c:v>
                </c:pt>
                <c:pt idx="171">
                  <c:v>1328.9542240000001</c:v>
                </c:pt>
                <c:pt idx="172">
                  <c:v>1330.8830399999999</c:v>
                </c:pt>
                <c:pt idx="173">
                  <c:v>1332.811856</c:v>
                </c:pt>
                <c:pt idx="174">
                  <c:v>1334.7406719999999</c:v>
                </c:pt>
                <c:pt idx="175">
                  <c:v>1336.669488</c:v>
                </c:pt>
                <c:pt idx="176">
                  <c:v>1338.5983040000001</c:v>
                </c:pt>
                <c:pt idx="177">
                  <c:v>1340.52712</c:v>
                </c:pt>
                <c:pt idx="178">
                  <c:v>1342.4559360000001</c:v>
                </c:pt>
                <c:pt idx="179">
                  <c:v>1344.3847519999999</c:v>
                </c:pt>
                <c:pt idx="180">
                  <c:v>1346.313568</c:v>
                </c:pt>
                <c:pt idx="181">
                  <c:v>1348.2423839999999</c:v>
                </c:pt>
                <c:pt idx="182">
                  <c:v>1350.1712</c:v>
                </c:pt>
                <c:pt idx="183">
                  <c:v>1352.1000160000001</c:v>
                </c:pt>
                <c:pt idx="184">
                  <c:v>1354.028832</c:v>
                </c:pt>
                <c:pt idx="185">
                  <c:v>1355.9576480000001</c:v>
                </c:pt>
                <c:pt idx="186">
                  <c:v>1357.8864639999999</c:v>
                </c:pt>
                <c:pt idx="187">
                  <c:v>1359.81528</c:v>
                </c:pt>
                <c:pt idx="188">
                  <c:v>1361.7440959999999</c:v>
                </c:pt>
                <c:pt idx="189">
                  <c:v>1363.672912</c:v>
                </c:pt>
                <c:pt idx="190">
                  <c:v>1365.6017280000001</c:v>
                </c:pt>
                <c:pt idx="191">
                  <c:v>1367.530544</c:v>
                </c:pt>
                <c:pt idx="192">
                  <c:v>1369.4593600000001</c:v>
                </c:pt>
                <c:pt idx="193">
                  <c:v>1371.3881759999999</c:v>
                </c:pt>
                <c:pt idx="194">
                  <c:v>1373.316992</c:v>
                </c:pt>
                <c:pt idx="195">
                  <c:v>1375.2458079999999</c:v>
                </c:pt>
                <c:pt idx="196">
                  <c:v>1377.174624</c:v>
                </c:pt>
                <c:pt idx="197">
                  <c:v>1379.1034400000001</c:v>
                </c:pt>
                <c:pt idx="198">
                  <c:v>1381.032256</c:v>
                </c:pt>
                <c:pt idx="199">
                  <c:v>1382.9610720000001</c:v>
                </c:pt>
                <c:pt idx="200">
                  <c:v>1384.8898879999999</c:v>
                </c:pt>
                <c:pt idx="201">
                  <c:v>1386.818704</c:v>
                </c:pt>
                <c:pt idx="202">
                  <c:v>1388.7475199999999</c:v>
                </c:pt>
                <c:pt idx="203">
                  <c:v>1390.676336</c:v>
                </c:pt>
                <c:pt idx="204">
                  <c:v>1392.6051520000001</c:v>
                </c:pt>
                <c:pt idx="205">
                  <c:v>1394.533968</c:v>
                </c:pt>
                <c:pt idx="206">
                  <c:v>1396.4627840000001</c:v>
                </c:pt>
                <c:pt idx="207">
                  <c:v>1398.3915999999999</c:v>
                </c:pt>
                <c:pt idx="208">
                  <c:v>1400.320416</c:v>
                </c:pt>
                <c:pt idx="209">
                  <c:v>1402.2492319999999</c:v>
                </c:pt>
                <c:pt idx="210">
                  <c:v>1404.178048</c:v>
                </c:pt>
                <c:pt idx="211">
                  <c:v>1406.1068640000001</c:v>
                </c:pt>
                <c:pt idx="212">
                  <c:v>1408.03568</c:v>
                </c:pt>
                <c:pt idx="213">
                  <c:v>1409.9644960000001</c:v>
                </c:pt>
                <c:pt idx="214">
                  <c:v>1411.8933119999999</c:v>
                </c:pt>
                <c:pt idx="215">
                  <c:v>1413.822128</c:v>
                </c:pt>
                <c:pt idx="216">
                  <c:v>1415.7509439999999</c:v>
                </c:pt>
                <c:pt idx="217">
                  <c:v>1417.67976</c:v>
                </c:pt>
                <c:pt idx="218">
                  <c:v>1419.6085760000001</c:v>
                </c:pt>
                <c:pt idx="219">
                  <c:v>1421.537392</c:v>
                </c:pt>
                <c:pt idx="220">
                  <c:v>1423.4662080000001</c:v>
                </c:pt>
                <c:pt idx="221">
                  <c:v>1425.3950239999999</c:v>
                </c:pt>
                <c:pt idx="222">
                  <c:v>1427.32384</c:v>
                </c:pt>
                <c:pt idx="223">
                  <c:v>1429.2526559999999</c:v>
                </c:pt>
                <c:pt idx="224">
                  <c:v>1431.181472</c:v>
                </c:pt>
                <c:pt idx="225">
                  <c:v>1433.1102880000001</c:v>
                </c:pt>
                <c:pt idx="226">
                  <c:v>1435.039104</c:v>
                </c:pt>
                <c:pt idx="227">
                  <c:v>1436.96792</c:v>
                </c:pt>
                <c:pt idx="228">
                  <c:v>1438.8967359999999</c:v>
                </c:pt>
                <c:pt idx="229">
                  <c:v>1440.825552</c:v>
                </c:pt>
                <c:pt idx="230">
                  <c:v>1442.7543680000001</c:v>
                </c:pt>
                <c:pt idx="231">
                  <c:v>1444.683184</c:v>
                </c:pt>
                <c:pt idx="232">
                  <c:v>1446.6120000000001</c:v>
                </c:pt>
                <c:pt idx="233">
                  <c:v>1448.5408159999999</c:v>
                </c:pt>
                <c:pt idx="234">
                  <c:v>1450.469632</c:v>
                </c:pt>
                <c:pt idx="235">
                  <c:v>1452.3984479999999</c:v>
                </c:pt>
                <c:pt idx="236">
                  <c:v>1454.327264</c:v>
                </c:pt>
                <c:pt idx="237">
                  <c:v>1456.2560800000001</c:v>
                </c:pt>
                <c:pt idx="238">
                  <c:v>1458.184896</c:v>
                </c:pt>
                <c:pt idx="239">
                  <c:v>1460.1137120000001</c:v>
                </c:pt>
                <c:pt idx="240">
                  <c:v>1462.0425279999999</c:v>
                </c:pt>
                <c:pt idx="241">
                  <c:v>1463.971344</c:v>
                </c:pt>
                <c:pt idx="242">
                  <c:v>1465.9001599999999</c:v>
                </c:pt>
                <c:pt idx="243">
                  <c:v>1467.828976</c:v>
                </c:pt>
                <c:pt idx="244">
                  <c:v>1469.7577920000001</c:v>
                </c:pt>
                <c:pt idx="245">
                  <c:v>1471.686608</c:v>
                </c:pt>
                <c:pt idx="246">
                  <c:v>1473.6154240000001</c:v>
                </c:pt>
                <c:pt idx="247">
                  <c:v>1475.5442399999999</c:v>
                </c:pt>
                <c:pt idx="248">
                  <c:v>1477.473056</c:v>
                </c:pt>
                <c:pt idx="249">
                  <c:v>1479.4018719999999</c:v>
                </c:pt>
                <c:pt idx="250">
                  <c:v>1481.330688</c:v>
                </c:pt>
                <c:pt idx="251">
                  <c:v>1483.2595040000001</c:v>
                </c:pt>
                <c:pt idx="252">
                  <c:v>1485.18832</c:v>
                </c:pt>
                <c:pt idx="253">
                  <c:v>1487.1171360000001</c:v>
                </c:pt>
                <c:pt idx="254">
                  <c:v>1489.0459519999999</c:v>
                </c:pt>
                <c:pt idx="255">
                  <c:v>1490.974768</c:v>
                </c:pt>
                <c:pt idx="256">
                  <c:v>1492.9035839999999</c:v>
                </c:pt>
                <c:pt idx="257">
                  <c:v>1494.8324</c:v>
                </c:pt>
                <c:pt idx="258">
                  <c:v>1496.7612160000001</c:v>
                </c:pt>
                <c:pt idx="259">
                  <c:v>1498.690032</c:v>
                </c:pt>
                <c:pt idx="260">
                  <c:v>1500.6188480000001</c:v>
                </c:pt>
                <c:pt idx="261">
                  <c:v>1502.5476639999999</c:v>
                </c:pt>
                <c:pt idx="262">
                  <c:v>1504.47648</c:v>
                </c:pt>
                <c:pt idx="263">
                  <c:v>1506.4052959999999</c:v>
                </c:pt>
                <c:pt idx="264">
                  <c:v>1508.334112</c:v>
                </c:pt>
                <c:pt idx="265">
                  <c:v>1510.2629280000001</c:v>
                </c:pt>
                <c:pt idx="266">
                  <c:v>1512.191744</c:v>
                </c:pt>
                <c:pt idx="267">
                  <c:v>1514.1205600000001</c:v>
                </c:pt>
                <c:pt idx="268">
                  <c:v>1516.0493759999999</c:v>
                </c:pt>
                <c:pt idx="269">
                  <c:v>1517.978192</c:v>
                </c:pt>
                <c:pt idx="270">
                  <c:v>1519.9070079999999</c:v>
                </c:pt>
                <c:pt idx="271">
                  <c:v>1521.835824</c:v>
                </c:pt>
                <c:pt idx="272">
                  <c:v>1523.7646400000001</c:v>
                </c:pt>
                <c:pt idx="273">
                  <c:v>1525.693456</c:v>
                </c:pt>
                <c:pt idx="274">
                  <c:v>1527.6222720000001</c:v>
                </c:pt>
                <c:pt idx="275">
                  <c:v>1529.5510879999999</c:v>
                </c:pt>
                <c:pt idx="276">
                  <c:v>1531.479904</c:v>
                </c:pt>
                <c:pt idx="277">
                  <c:v>1533.4087199999999</c:v>
                </c:pt>
                <c:pt idx="278">
                  <c:v>1535.337536</c:v>
                </c:pt>
                <c:pt idx="279">
                  <c:v>1537.2663520000001</c:v>
                </c:pt>
                <c:pt idx="280">
                  <c:v>1539.195168</c:v>
                </c:pt>
                <c:pt idx="281">
                  <c:v>1541.1239840000001</c:v>
                </c:pt>
                <c:pt idx="282">
                  <c:v>1543.0527999999999</c:v>
                </c:pt>
                <c:pt idx="283">
                  <c:v>1544.981616</c:v>
                </c:pt>
                <c:pt idx="284">
                  <c:v>1546.9104319999999</c:v>
                </c:pt>
                <c:pt idx="285">
                  <c:v>1548.839248</c:v>
                </c:pt>
                <c:pt idx="286">
                  <c:v>1550.7680640000001</c:v>
                </c:pt>
                <c:pt idx="287">
                  <c:v>1552.69688</c:v>
                </c:pt>
                <c:pt idx="288">
                  <c:v>1554.6256960000001</c:v>
                </c:pt>
                <c:pt idx="289">
                  <c:v>1556.5545119999999</c:v>
                </c:pt>
                <c:pt idx="290">
                  <c:v>1558.483328</c:v>
                </c:pt>
                <c:pt idx="291">
                  <c:v>1560.4121439999999</c:v>
                </c:pt>
                <c:pt idx="292">
                  <c:v>1562.34096</c:v>
                </c:pt>
                <c:pt idx="293">
                  <c:v>1564.2697760000001</c:v>
                </c:pt>
                <c:pt idx="294">
                  <c:v>1566.198592</c:v>
                </c:pt>
                <c:pt idx="295">
                  <c:v>1568.1274080000001</c:v>
                </c:pt>
                <c:pt idx="296">
                  <c:v>1570.0562239999999</c:v>
                </c:pt>
                <c:pt idx="297">
                  <c:v>1571.98504</c:v>
                </c:pt>
                <c:pt idx="298">
                  <c:v>1573.9138559999999</c:v>
                </c:pt>
                <c:pt idx="299">
                  <c:v>1575.842672</c:v>
                </c:pt>
                <c:pt idx="300">
                  <c:v>1577.7714880000001</c:v>
                </c:pt>
                <c:pt idx="301">
                  <c:v>1579.700304</c:v>
                </c:pt>
                <c:pt idx="302">
                  <c:v>1581.6291200000001</c:v>
                </c:pt>
                <c:pt idx="303">
                  <c:v>1583.5579359999999</c:v>
                </c:pt>
                <c:pt idx="304">
                  <c:v>1585.486752</c:v>
                </c:pt>
                <c:pt idx="305">
                  <c:v>1587.4155679999999</c:v>
                </c:pt>
                <c:pt idx="306">
                  <c:v>1589.344384</c:v>
                </c:pt>
                <c:pt idx="307">
                  <c:v>1591.2732000000001</c:v>
                </c:pt>
                <c:pt idx="308">
                  <c:v>1593.202016</c:v>
                </c:pt>
                <c:pt idx="309">
                  <c:v>1595.1308320000001</c:v>
                </c:pt>
                <c:pt idx="310">
                  <c:v>1597.0596479999999</c:v>
                </c:pt>
                <c:pt idx="311">
                  <c:v>1598.988464</c:v>
                </c:pt>
                <c:pt idx="312">
                  <c:v>1600.9172799999999</c:v>
                </c:pt>
                <c:pt idx="313">
                  <c:v>1602.846096</c:v>
                </c:pt>
                <c:pt idx="314">
                  <c:v>1604.7749120000001</c:v>
                </c:pt>
                <c:pt idx="315">
                  <c:v>1606.703728</c:v>
                </c:pt>
                <c:pt idx="316">
                  <c:v>1608.6325440000001</c:v>
                </c:pt>
                <c:pt idx="317">
                  <c:v>1610.5613599999999</c:v>
                </c:pt>
                <c:pt idx="318">
                  <c:v>1612.490176</c:v>
                </c:pt>
                <c:pt idx="319">
                  <c:v>1614.4189919999999</c:v>
                </c:pt>
                <c:pt idx="320">
                  <c:v>1616.347808</c:v>
                </c:pt>
                <c:pt idx="321">
                  <c:v>1618.2766240000001</c:v>
                </c:pt>
                <c:pt idx="322">
                  <c:v>1620.20544</c:v>
                </c:pt>
                <c:pt idx="323">
                  <c:v>1622.1342560000001</c:v>
                </c:pt>
                <c:pt idx="324">
                  <c:v>1624.0630719999999</c:v>
                </c:pt>
                <c:pt idx="325">
                  <c:v>1625.991888</c:v>
                </c:pt>
                <c:pt idx="326">
                  <c:v>1627.9207039999999</c:v>
                </c:pt>
                <c:pt idx="327">
                  <c:v>1629.84952</c:v>
                </c:pt>
                <c:pt idx="328">
                  <c:v>1631.7783360000001</c:v>
                </c:pt>
                <c:pt idx="329">
                  <c:v>1633.707152</c:v>
                </c:pt>
                <c:pt idx="330">
                  <c:v>1635.635968</c:v>
                </c:pt>
                <c:pt idx="331">
                  <c:v>1637.5647839999999</c:v>
                </c:pt>
                <c:pt idx="332">
                  <c:v>1639.4936</c:v>
                </c:pt>
                <c:pt idx="333">
                  <c:v>1641.4224160000001</c:v>
                </c:pt>
                <c:pt idx="334">
                  <c:v>1643.351232</c:v>
                </c:pt>
                <c:pt idx="335">
                  <c:v>1645.2800480000001</c:v>
                </c:pt>
                <c:pt idx="336">
                  <c:v>1647.2088639999999</c:v>
                </c:pt>
                <c:pt idx="337">
                  <c:v>1649.13768</c:v>
                </c:pt>
                <c:pt idx="338">
                  <c:v>1651.0664959999999</c:v>
                </c:pt>
                <c:pt idx="339">
                  <c:v>1652.995312</c:v>
                </c:pt>
                <c:pt idx="340">
                  <c:v>1654.9241280000001</c:v>
                </c:pt>
                <c:pt idx="341">
                  <c:v>1656.852944</c:v>
                </c:pt>
                <c:pt idx="342">
                  <c:v>1658.7817600000001</c:v>
                </c:pt>
                <c:pt idx="343">
                  <c:v>1660.7105759999999</c:v>
                </c:pt>
                <c:pt idx="344">
                  <c:v>1662.639392</c:v>
                </c:pt>
                <c:pt idx="345">
                  <c:v>1664.5682079999999</c:v>
                </c:pt>
                <c:pt idx="346">
                  <c:v>1666.497024</c:v>
                </c:pt>
                <c:pt idx="347">
                  <c:v>1668.4258400000001</c:v>
                </c:pt>
                <c:pt idx="348">
                  <c:v>1670.354656</c:v>
                </c:pt>
                <c:pt idx="349">
                  <c:v>1672.2834720000001</c:v>
                </c:pt>
                <c:pt idx="350">
                  <c:v>1674.2122879999999</c:v>
                </c:pt>
                <c:pt idx="351">
                  <c:v>1676.141104</c:v>
                </c:pt>
                <c:pt idx="352">
                  <c:v>1678.0699199999999</c:v>
                </c:pt>
                <c:pt idx="353">
                  <c:v>1679.998736</c:v>
                </c:pt>
                <c:pt idx="354">
                  <c:v>1681.9275520000001</c:v>
                </c:pt>
                <c:pt idx="355">
                  <c:v>1683.856368</c:v>
                </c:pt>
                <c:pt idx="356">
                  <c:v>1685.7851840000001</c:v>
                </c:pt>
                <c:pt idx="357">
                  <c:v>1687.7139999999999</c:v>
                </c:pt>
                <c:pt idx="358">
                  <c:v>1689.642816</c:v>
                </c:pt>
                <c:pt idx="359">
                  <c:v>1691.5716319999999</c:v>
                </c:pt>
                <c:pt idx="360">
                  <c:v>1693.500448</c:v>
                </c:pt>
                <c:pt idx="361">
                  <c:v>1695.4292640000001</c:v>
                </c:pt>
                <c:pt idx="362">
                  <c:v>1697.35808</c:v>
                </c:pt>
                <c:pt idx="363">
                  <c:v>1699.2868960000001</c:v>
                </c:pt>
                <c:pt idx="364">
                  <c:v>1701.2157119999999</c:v>
                </c:pt>
                <c:pt idx="365">
                  <c:v>1703.144528</c:v>
                </c:pt>
                <c:pt idx="366">
                  <c:v>1705.0733439999999</c:v>
                </c:pt>
                <c:pt idx="367">
                  <c:v>1707.00216</c:v>
                </c:pt>
                <c:pt idx="368">
                  <c:v>1708.9309760000001</c:v>
                </c:pt>
                <c:pt idx="369">
                  <c:v>1710.859792</c:v>
                </c:pt>
                <c:pt idx="370">
                  <c:v>1712.7886080000001</c:v>
                </c:pt>
                <c:pt idx="371">
                  <c:v>1714.7174239999999</c:v>
                </c:pt>
                <c:pt idx="372">
                  <c:v>1716.64624</c:v>
                </c:pt>
                <c:pt idx="373">
                  <c:v>1718.5750559999999</c:v>
                </c:pt>
                <c:pt idx="374">
                  <c:v>1720.503872</c:v>
                </c:pt>
                <c:pt idx="375">
                  <c:v>1722.4326880000001</c:v>
                </c:pt>
                <c:pt idx="376">
                  <c:v>1724.361504</c:v>
                </c:pt>
                <c:pt idx="377">
                  <c:v>1726.2903200000001</c:v>
                </c:pt>
                <c:pt idx="378">
                  <c:v>1728.2191359999999</c:v>
                </c:pt>
                <c:pt idx="379">
                  <c:v>1730.147952</c:v>
                </c:pt>
                <c:pt idx="380">
                  <c:v>1732.0767679999999</c:v>
                </c:pt>
                <c:pt idx="381">
                  <c:v>1734.005584</c:v>
                </c:pt>
                <c:pt idx="382">
                  <c:v>1735.9344000000001</c:v>
                </c:pt>
                <c:pt idx="383">
                  <c:v>1737.863216</c:v>
                </c:pt>
                <c:pt idx="384">
                  <c:v>1739.7920320000001</c:v>
                </c:pt>
                <c:pt idx="385">
                  <c:v>1741.7208479999999</c:v>
                </c:pt>
                <c:pt idx="386">
                  <c:v>1743.649664</c:v>
                </c:pt>
                <c:pt idx="387">
                  <c:v>1745.5784799999999</c:v>
                </c:pt>
                <c:pt idx="388">
                  <c:v>1747.507296</c:v>
                </c:pt>
                <c:pt idx="389">
                  <c:v>1749.4361120000001</c:v>
                </c:pt>
                <c:pt idx="390">
                  <c:v>1751.364928</c:v>
                </c:pt>
                <c:pt idx="391">
                  <c:v>1753.2937440000001</c:v>
                </c:pt>
                <c:pt idx="392">
                  <c:v>1755.2225599999999</c:v>
                </c:pt>
                <c:pt idx="393">
                  <c:v>1757.151376</c:v>
                </c:pt>
                <c:pt idx="394">
                  <c:v>1759.0801919999999</c:v>
                </c:pt>
                <c:pt idx="395">
                  <c:v>1761.009008</c:v>
                </c:pt>
                <c:pt idx="396">
                  <c:v>1762.9378240000001</c:v>
                </c:pt>
                <c:pt idx="397">
                  <c:v>1764.86664</c:v>
                </c:pt>
                <c:pt idx="398">
                  <c:v>1766.7954560000001</c:v>
                </c:pt>
                <c:pt idx="399">
                  <c:v>1768.7242719999999</c:v>
                </c:pt>
                <c:pt idx="400">
                  <c:v>1770.653088</c:v>
                </c:pt>
                <c:pt idx="401">
                  <c:v>1772.5819039999999</c:v>
                </c:pt>
                <c:pt idx="402">
                  <c:v>1774.51072</c:v>
                </c:pt>
                <c:pt idx="403">
                  <c:v>1776.4395360000001</c:v>
                </c:pt>
                <c:pt idx="404">
                  <c:v>1778.368352</c:v>
                </c:pt>
                <c:pt idx="405">
                  <c:v>1780.2971680000001</c:v>
                </c:pt>
                <c:pt idx="406">
                  <c:v>1782.2259839999999</c:v>
                </c:pt>
                <c:pt idx="407">
                  <c:v>1784.1548</c:v>
                </c:pt>
                <c:pt idx="408">
                  <c:v>1786.0836159999999</c:v>
                </c:pt>
                <c:pt idx="409">
                  <c:v>1788.012432</c:v>
                </c:pt>
                <c:pt idx="410">
                  <c:v>1789.9412480000001</c:v>
                </c:pt>
                <c:pt idx="411">
                  <c:v>1791.870064</c:v>
                </c:pt>
                <c:pt idx="412">
                  <c:v>1793.7988800000001</c:v>
                </c:pt>
                <c:pt idx="413">
                  <c:v>1795.7276959999999</c:v>
                </c:pt>
                <c:pt idx="414">
                  <c:v>1797.656512</c:v>
                </c:pt>
                <c:pt idx="415">
                  <c:v>1799.5853279999999</c:v>
                </c:pt>
                <c:pt idx="416">
                  <c:v>1801.514144</c:v>
                </c:pt>
                <c:pt idx="417">
                  <c:v>1803.4429600000001</c:v>
                </c:pt>
                <c:pt idx="418">
                  <c:v>1805.371776</c:v>
                </c:pt>
                <c:pt idx="419">
                  <c:v>1807.3005920000001</c:v>
                </c:pt>
                <c:pt idx="420">
                  <c:v>1809.2294079999999</c:v>
                </c:pt>
                <c:pt idx="421">
                  <c:v>1811.158224</c:v>
                </c:pt>
                <c:pt idx="422">
                  <c:v>1813.0870399999999</c:v>
                </c:pt>
                <c:pt idx="423">
                  <c:v>1815.015856</c:v>
                </c:pt>
                <c:pt idx="424">
                  <c:v>1816.9446720000001</c:v>
                </c:pt>
                <c:pt idx="425">
                  <c:v>1818.873488</c:v>
                </c:pt>
                <c:pt idx="426">
                  <c:v>1820.802304</c:v>
                </c:pt>
                <c:pt idx="427">
                  <c:v>1822.7311199999999</c:v>
                </c:pt>
                <c:pt idx="428">
                  <c:v>1824.659936</c:v>
                </c:pt>
                <c:pt idx="429">
                  <c:v>1826.5887520000001</c:v>
                </c:pt>
                <c:pt idx="430">
                  <c:v>1828.517568</c:v>
                </c:pt>
                <c:pt idx="431">
                  <c:v>1830.4463840000001</c:v>
                </c:pt>
                <c:pt idx="432">
                  <c:v>1832.3751999999999</c:v>
                </c:pt>
                <c:pt idx="433">
                  <c:v>1834.304016</c:v>
                </c:pt>
                <c:pt idx="434">
                  <c:v>1836.2328319999999</c:v>
                </c:pt>
                <c:pt idx="435">
                  <c:v>1838.161648</c:v>
                </c:pt>
                <c:pt idx="436">
                  <c:v>1840.0904640000001</c:v>
                </c:pt>
                <c:pt idx="437">
                  <c:v>1842.01928</c:v>
                </c:pt>
                <c:pt idx="438">
                  <c:v>1843.9480960000001</c:v>
                </c:pt>
                <c:pt idx="439">
                  <c:v>1845.8769119999999</c:v>
                </c:pt>
                <c:pt idx="440">
                  <c:v>1847.805728</c:v>
                </c:pt>
                <c:pt idx="441">
                  <c:v>1849.7345439999999</c:v>
                </c:pt>
                <c:pt idx="442">
                  <c:v>1851.66336</c:v>
                </c:pt>
                <c:pt idx="443">
                  <c:v>1853.5921760000001</c:v>
                </c:pt>
                <c:pt idx="444">
                  <c:v>1855.520992</c:v>
                </c:pt>
                <c:pt idx="445">
                  <c:v>1857.4498080000001</c:v>
                </c:pt>
                <c:pt idx="446">
                  <c:v>1859.3786239999999</c:v>
                </c:pt>
                <c:pt idx="447">
                  <c:v>1861.30744</c:v>
                </c:pt>
                <c:pt idx="448">
                  <c:v>1863.2362559999999</c:v>
                </c:pt>
                <c:pt idx="449">
                  <c:v>1865.165072</c:v>
                </c:pt>
                <c:pt idx="450">
                  <c:v>1867.0938880000001</c:v>
                </c:pt>
                <c:pt idx="451">
                  <c:v>1869.022704</c:v>
                </c:pt>
                <c:pt idx="452">
                  <c:v>1870.9515200000001</c:v>
                </c:pt>
                <c:pt idx="453">
                  <c:v>1872.8803359999999</c:v>
                </c:pt>
                <c:pt idx="454">
                  <c:v>1874.809152</c:v>
                </c:pt>
                <c:pt idx="455">
                  <c:v>1876.7379679999999</c:v>
                </c:pt>
                <c:pt idx="456">
                  <c:v>1878.666784</c:v>
                </c:pt>
                <c:pt idx="457">
                  <c:v>1880.5956000000001</c:v>
                </c:pt>
                <c:pt idx="458">
                  <c:v>1882.524416</c:v>
                </c:pt>
                <c:pt idx="459">
                  <c:v>1884.4532320000001</c:v>
                </c:pt>
                <c:pt idx="460">
                  <c:v>1886.3820479999999</c:v>
                </c:pt>
                <c:pt idx="461">
                  <c:v>1888.310864</c:v>
                </c:pt>
                <c:pt idx="462">
                  <c:v>1890.2396799999999</c:v>
                </c:pt>
                <c:pt idx="463">
                  <c:v>1892.168496</c:v>
                </c:pt>
                <c:pt idx="464">
                  <c:v>1894.0973120000001</c:v>
                </c:pt>
                <c:pt idx="465">
                  <c:v>1896.026128</c:v>
                </c:pt>
                <c:pt idx="466">
                  <c:v>1897.9549440000001</c:v>
                </c:pt>
                <c:pt idx="467">
                  <c:v>1899.8837599999999</c:v>
                </c:pt>
                <c:pt idx="468">
                  <c:v>1901.812576</c:v>
                </c:pt>
                <c:pt idx="469">
                  <c:v>1903.7413919999999</c:v>
                </c:pt>
                <c:pt idx="470">
                  <c:v>1905.670208</c:v>
                </c:pt>
                <c:pt idx="471">
                  <c:v>1907.5990240000001</c:v>
                </c:pt>
                <c:pt idx="472">
                  <c:v>1909.52784</c:v>
                </c:pt>
                <c:pt idx="473">
                  <c:v>1911.4566560000001</c:v>
                </c:pt>
                <c:pt idx="474">
                  <c:v>1913.3854719999999</c:v>
                </c:pt>
                <c:pt idx="475">
                  <c:v>1915.314288</c:v>
                </c:pt>
                <c:pt idx="476">
                  <c:v>1917.2431039999999</c:v>
                </c:pt>
                <c:pt idx="477">
                  <c:v>1919.17192</c:v>
                </c:pt>
                <c:pt idx="478">
                  <c:v>1921.1007360000001</c:v>
                </c:pt>
                <c:pt idx="479">
                  <c:v>1923.029552</c:v>
                </c:pt>
                <c:pt idx="480">
                  <c:v>1924.9583680000001</c:v>
                </c:pt>
                <c:pt idx="481">
                  <c:v>1926.8871839999999</c:v>
                </c:pt>
                <c:pt idx="482">
                  <c:v>1928.816</c:v>
                </c:pt>
                <c:pt idx="483">
                  <c:v>1930.7448159999999</c:v>
                </c:pt>
                <c:pt idx="484">
                  <c:v>1932.673632</c:v>
                </c:pt>
                <c:pt idx="485">
                  <c:v>1934.6024480000001</c:v>
                </c:pt>
                <c:pt idx="486">
                  <c:v>1936.531264</c:v>
                </c:pt>
                <c:pt idx="487">
                  <c:v>1938.4600800000001</c:v>
                </c:pt>
                <c:pt idx="488">
                  <c:v>1940.3888959999999</c:v>
                </c:pt>
                <c:pt idx="489">
                  <c:v>1942.317712</c:v>
                </c:pt>
                <c:pt idx="490">
                  <c:v>1944.2465279999999</c:v>
                </c:pt>
                <c:pt idx="491">
                  <c:v>1946.175344</c:v>
                </c:pt>
                <c:pt idx="492">
                  <c:v>1948.1041600000001</c:v>
                </c:pt>
                <c:pt idx="493">
                  <c:v>1950.032976</c:v>
                </c:pt>
                <c:pt idx="494">
                  <c:v>1951.9617920000001</c:v>
                </c:pt>
                <c:pt idx="495">
                  <c:v>1953.8906079999999</c:v>
                </c:pt>
                <c:pt idx="496">
                  <c:v>1955.819424</c:v>
                </c:pt>
                <c:pt idx="497">
                  <c:v>1957.7482399999999</c:v>
                </c:pt>
                <c:pt idx="498">
                  <c:v>1959.677056</c:v>
                </c:pt>
                <c:pt idx="499">
                  <c:v>1961.6058720000001</c:v>
                </c:pt>
                <c:pt idx="500">
                  <c:v>1963.534688</c:v>
                </c:pt>
                <c:pt idx="501">
                  <c:v>1965.4635040000001</c:v>
                </c:pt>
                <c:pt idx="502">
                  <c:v>1967.3923199999999</c:v>
                </c:pt>
                <c:pt idx="503">
                  <c:v>1969.321136</c:v>
                </c:pt>
                <c:pt idx="504">
                  <c:v>1971.2499519999999</c:v>
                </c:pt>
                <c:pt idx="505">
                  <c:v>1973.178768</c:v>
                </c:pt>
                <c:pt idx="506">
                  <c:v>1975.1075840000001</c:v>
                </c:pt>
                <c:pt idx="507">
                  <c:v>1977.0364</c:v>
                </c:pt>
                <c:pt idx="508">
                  <c:v>1978.9652160000001</c:v>
                </c:pt>
                <c:pt idx="509">
                  <c:v>1980.8940319999999</c:v>
                </c:pt>
                <c:pt idx="510">
                  <c:v>1982.822848</c:v>
                </c:pt>
                <c:pt idx="511">
                  <c:v>1984.7516639999999</c:v>
                </c:pt>
                <c:pt idx="512">
                  <c:v>1986.68048</c:v>
                </c:pt>
                <c:pt idx="513">
                  <c:v>1988.6092960000001</c:v>
                </c:pt>
                <c:pt idx="514">
                  <c:v>1990.538112</c:v>
                </c:pt>
                <c:pt idx="515">
                  <c:v>1992.4669280000001</c:v>
                </c:pt>
                <c:pt idx="516">
                  <c:v>1994.3957439999999</c:v>
                </c:pt>
                <c:pt idx="517">
                  <c:v>1996.32456</c:v>
                </c:pt>
                <c:pt idx="518">
                  <c:v>1998.2533759999999</c:v>
                </c:pt>
                <c:pt idx="519">
                  <c:v>2000.182192</c:v>
                </c:pt>
                <c:pt idx="520">
                  <c:v>2002.1110080000001</c:v>
                </c:pt>
                <c:pt idx="521">
                  <c:v>2004.039824</c:v>
                </c:pt>
                <c:pt idx="522">
                  <c:v>2005.9686400000001</c:v>
                </c:pt>
                <c:pt idx="523">
                  <c:v>2007.8974559999999</c:v>
                </c:pt>
                <c:pt idx="524">
                  <c:v>2009.826272</c:v>
                </c:pt>
                <c:pt idx="525">
                  <c:v>2011.7550879999999</c:v>
                </c:pt>
                <c:pt idx="526">
                  <c:v>2013.683904</c:v>
                </c:pt>
                <c:pt idx="527">
                  <c:v>2015.6127200000001</c:v>
                </c:pt>
                <c:pt idx="528">
                  <c:v>2017.541536</c:v>
                </c:pt>
                <c:pt idx="529">
                  <c:v>2019.470352</c:v>
                </c:pt>
                <c:pt idx="530">
                  <c:v>2021.3991679999999</c:v>
                </c:pt>
                <c:pt idx="531">
                  <c:v>2023.327984</c:v>
                </c:pt>
                <c:pt idx="532">
                  <c:v>2025.2568000000001</c:v>
                </c:pt>
                <c:pt idx="533">
                  <c:v>2027.185616</c:v>
                </c:pt>
                <c:pt idx="534">
                  <c:v>2029.1144320000001</c:v>
                </c:pt>
                <c:pt idx="535">
                  <c:v>2031.0432479999999</c:v>
                </c:pt>
                <c:pt idx="536">
                  <c:v>2032.972064</c:v>
                </c:pt>
                <c:pt idx="537">
                  <c:v>2034.9008799999999</c:v>
                </c:pt>
                <c:pt idx="538">
                  <c:v>2036.829696</c:v>
                </c:pt>
                <c:pt idx="539">
                  <c:v>2038.7585120000001</c:v>
                </c:pt>
                <c:pt idx="540">
                  <c:v>2040.687328</c:v>
                </c:pt>
                <c:pt idx="541">
                  <c:v>2042.6161440000001</c:v>
                </c:pt>
                <c:pt idx="542">
                  <c:v>2044.5449599999999</c:v>
                </c:pt>
                <c:pt idx="543">
                  <c:v>2046.473776</c:v>
                </c:pt>
                <c:pt idx="544">
                  <c:v>2048.4025919999999</c:v>
                </c:pt>
                <c:pt idx="545">
                  <c:v>2050.331408</c:v>
                </c:pt>
                <c:pt idx="546">
                  <c:v>2052.2602240000001</c:v>
                </c:pt>
                <c:pt idx="547">
                  <c:v>2054.1890400000002</c:v>
                </c:pt>
                <c:pt idx="548">
                  <c:v>2056.1178559999998</c:v>
                </c:pt>
                <c:pt idx="549">
                  <c:v>2058.0466719999999</c:v>
                </c:pt>
                <c:pt idx="550">
                  <c:v>2059.975488</c:v>
                </c:pt>
                <c:pt idx="551">
                  <c:v>2061.9043040000001</c:v>
                </c:pt>
                <c:pt idx="552">
                  <c:v>2063.8331199999998</c:v>
                </c:pt>
                <c:pt idx="553">
                  <c:v>2065.7619359999999</c:v>
                </c:pt>
                <c:pt idx="554">
                  <c:v>2067.690752</c:v>
                </c:pt>
                <c:pt idx="555">
                  <c:v>2069.6195680000001</c:v>
                </c:pt>
                <c:pt idx="556">
                  <c:v>2071.5483840000002</c:v>
                </c:pt>
                <c:pt idx="557">
                  <c:v>2073.4771999999998</c:v>
                </c:pt>
                <c:pt idx="558">
                  <c:v>2075.4060159999999</c:v>
                </c:pt>
                <c:pt idx="559">
                  <c:v>2077.334832</c:v>
                </c:pt>
                <c:pt idx="560">
                  <c:v>2079.2636480000001</c:v>
                </c:pt>
                <c:pt idx="561">
                  <c:v>2081.1924640000002</c:v>
                </c:pt>
                <c:pt idx="562">
                  <c:v>2083.1212799999998</c:v>
                </c:pt>
                <c:pt idx="563">
                  <c:v>2085.0500959999999</c:v>
                </c:pt>
                <c:pt idx="564">
                  <c:v>2086.978912</c:v>
                </c:pt>
                <c:pt idx="565">
                  <c:v>2088.9077280000001</c:v>
                </c:pt>
                <c:pt idx="566">
                  <c:v>2090.8365439999998</c:v>
                </c:pt>
                <c:pt idx="567">
                  <c:v>2092.7653599999999</c:v>
                </c:pt>
                <c:pt idx="568">
                  <c:v>2094.694176</c:v>
                </c:pt>
                <c:pt idx="569">
                  <c:v>2096.6229920000001</c:v>
                </c:pt>
                <c:pt idx="570">
                  <c:v>2098.5518080000002</c:v>
                </c:pt>
                <c:pt idx="571">
                  <c:v>2100.4806239999998</c:v>
                </c:pt>
                <c:pt idx="572">
                  <c:v>2102.4094399999999</c:v>
                </c:pt>
                <c:pt idx="573">
                  <c:v>2104.338256</c:v>
                </c:pt>
                <c:pt idx="574">
                  <c:v>2106.2670720000001</c:v>
                </c:pt>
                <c:pt idx="575">
                  <c:v>2108.1958880000002</c:v>
                </c:pt>
                <c:pt idx="576">
                  <c:v>2110.1247039999998</c:v>
                </c:pt>
                <c:pt idx="577">
                  <c:v>2112.0535199999999</c:v>
                </c:pt>
                <c:pt idx="578">
                  <c:v>2113.982336</c:v>
                </c:pt>
                <c:pt idx="579">
                  <c:v>2115.9111520000001</c:v>
                </c:pt>
                <c:pt idx="580">
                  <c:v>2117.8399680000002</c:v>
                </c:pt>
                <c:pt idx="581">
                  <c:v>2119.7687839999999</c:v>
                </c:pt>
                <c:pt idx="582">
                  <c:v>2121.6976</c:v>
                </c:pt>
                <c:pt idx="583">
                  <c:v>2123.6264160000001</c:v>
                </c:pt>
                <c:pt idx="584">
                  <c:v>2125.5552320000002</c:v>
                </c:pt>
                <c:pt idx="585">
                  <c:v>2127.4840479999998</c:v>
                </c:pt>
                <c:pt idx="586">
                  <c:v>2129.4128639999999</c:v>
                </c:pt>
                <c:pt idx="587">
                  <c:v>2131.34168</c:v>
                </c:pt>
                <c:pt idx="588">
                  <c:v>2133.2704960000001</c:v>
                </c:pt>
                <c:pt idx="589">
                  <c:v>2135.1993120000002</c:v>
                </c:pt>
                <c:pt idx="590">
                  <c:v>2137.1281279999998</c:v>
                </c:pt>
                <c:pt idx="591">
                  <c:v>2139.0569439999999</c:v>
                </c:pt>
                <c:pt idx="592">
                  <c:v>2140.98576</c:v>
                </c:pt>
                <c:pt idx="593">
                  <c:v>2142.9145760000001</c:v>
                </c:pt>
                <c:pt idx="594">
                  <c:v>2144.8433920000002</c:v>
                </c:pt>
                <c:pt idx="595">
                  <c:v>2146.7722079999999</c:v>
                </c:pt>
                <c:pt idx="596">
                  <c:v>2148.701024</c:v>
                </c:pt>
                <c:pt idx="597">
                  <c:v>2150.6298400000001</c:v>
                </c:pt>
                <c:pt idx="598">
                  <c:v>2152.5586560000002</c:v>
                </c:pt>
                <c:pt idx="599">
                  <c:v>2154.4874719999998</c:v>
                </c:pt>
                <c:pt idx="600">
                  <c:v>2156.4162879999999</c:v>
                </c:pt>
                <c:pt idx="601">
                  <c:v>2158.345104</c:v>
                </c:pt>
                <c:pt idx="602">
                  <c:v>2160.2739200000001</c:v>
                </c:pt>
                <c:pt idx="603">
                  <c:v>2162.2027360000002</c:v>
                </c:pt>
                <c:pt idx="604">
                  <c:v>2164.1315519999998</c:v>
                </c:pt>
                <c:pt idx="605">
                  <c:v>2166.0603679999999</c:v>
                </c:pt>
                <c:pt idx="606">
                  <c:v>2167.989184</c:v>
                </c:pt>
                <c:pt idx="607">
                  <c:v>2169.9180000000001</c:v>
                </c:pt>
                <c:pt idx="608">
                  <c:v>2171.8468160000002</c:v>
                </c:pt>
                <c:pt idx="609">
                  <c:v>2173.7756319999999</c:v>
                </c:pt>
                <c:pt idx="610">
                  <c:v>2175.704448</c:v>
                </c:pt>
                <c:pt idx="611">
                  <c:v>2177.6332640000001</c:v>
                </c:pt>
                <c:pt idx="612">
                  <c:v>2179.5620800000002</c:v>
                </c:pt>
                <c:pt idx="613">
                  <c:v>2181.4908959999998</c:v>
                </c:pt>
                <c:pt idx="614">
                  <c:v>2183.4197119999999</c:v>
                </c:pt>
                <c:pt idx="615">
                  <c:v>2185.348528</c:v>
                </c:pt>
                <c:pt idx="616">
                  <c:v>2187.2773440000001</c:v>
                </c:pt>
                <c:pt idx="617">
                  <c:v>2189.2061600000002</c:v>
                </c:pt>
                <c:pt idx="618">
                  <c:v>2191.1349759999998</c:v>
                </c:pt>
                <c:pt idx="619">
                  <c:v>2193.0637919999999</c:v>
                </c:pt>
                <c:pt idx="620">
                  <c:v>2194.992608</c:v>
                </c:pt>
                <c:pt idx="621">
                  <c:v>2196.9214240000001</c:v>
                </c:pt>
                <c:pt idx="622">
                  <c:v>2198.8502400000002</c:v>
                </c:pt>
                <c:pt idx="623">
                  <c:v>2200.7790559999999</c:v>
                </c:pt>
                <c:pt idx="624">
                  <c:v>2202.707872</c:v>
                </c:pt>
                <c:pt idx="625">
                  <c:v>2204.636688</c:v>
                </c:pt>
                <c:pt idx="626">
                  <c:v>2206.5655040000001</c:v>
                </c:pt>
                <c:pt idx="627">
                  <c:v>2208.4943199999998</c:v>
                </c:pt>
                <c:pt idx="628">
                  <c:v>2210.4231359999999</c:v>
                </c:pt>
                <c:pt idx="629">
                  <c:v>2212.351952</c:v>
                </c:pt>
                <c:pt idx="630">
                  <c:v>2214.2807680000001</c:v>
                </c:pt>
                <c:pt idx="631">
                  <c:v>2216.2095840000002</c:v>
                </c:pt>
                <c:pt idx="632">
                  <c:v>2218.1383999999998</c:v>
                </c:pt>
                <c:pt idx="633">
                  <c:v>2220.0672159999999</c:v>
                </c:pt>
                <c:pt idx="634">
                  <c:v>2221.996032</c:v>
                </c:pt>
                <c:pt idx="635">
                  <c:v>2223.9248480000001</c:v>
                </c:pt>
                <c:pt idx="636">
                  <c:v>2225.8536640000002</c:v>
                </c:pt>
                <c:pt idx="637">
                  <c:v>2227.7824799999999</c:v>
                </c:pt>
                <c:pt idx="638">
                  <c:v>2229.7112959999999</c:v>
                </c:pt>
                <c:pt idx="639">
                  <c:v>2231.640112</c:v>
                </c:pt>
                <c:pt idx="640">
                  <c:v>2233.5689280000001</c:v>
                </c:pt>
                <c:pt idx="641">
                  <c:v>2235.4977439999998</c:v>
                </c:pt>
                <c:pt idx="642">
                  <c:v>2237.4265599999999</c:v>
                </c:pt>
                <c:pt idx="643">
                  <c:v>2239.355376</c:v>
                </c:pt>
                <c:pt idx="644">
                  <c:v>2241.2841920000001</c:v>
                </c:pt>
                <c:pt idx="645">
                  <c:v>2243.2130080000002</c:v>
                </c:pt>
                <c:pt idx="646">
                  <c:v>2245.1418239999998</c:v>
                </c:pt>
                <c:pt idx="647">
                  <c:v>2247.0706399999999</c:v>
                </c:pt>
                <c:pt idx="648">
                  <c:v>2248.999456</c:v>
                </c:pt>
                <c:pt idx="649">
                  <c:v>2250.9282720000001</c:v>
                </c:pt>
                <c:pt idx="650">
                  <c:v>2252.8570880000002</c:v>
                </c:pt>
                <c:pt idx="651">
                  <c:v>2254.7859039999998</c:v>
                </c:pt>
                <c:pt idx="652">
                  <c:v>2256.7147199999999</c:v>
                </c:pt>
                <c:pt idx="653">
                  <c:v>2258.643536</c:v>
                </c:pt>
                <c:pt idx="654">
                  <c:v>2260.5723520000001</c:v>
                </c:pt>
                <c:pt idx="655">
                  <c:v>2262.5011679999998</c:v>
                </c:pt>
                <c:pt idx="656">
                  <c:v>2264.4299839999999</c:v>
                </c:pt>
                <c:pt idx="657">
                  <c:v>2266.3588</c:v>
                </c:pt>
                <c:pt idx="658">
                  <c:v>2268.2876160000001</c:v>
                </c:pt>
                <c:pt idx="659">
                  <c:v>2270.2164320000002</c:v>
                </c:pt>
                <c:pt idx="660">
                  <c:v>2272.1452479999998</c:v>
                </c:pt>
                <c:pt idx="661">
                  <c:v>2274.0740639999999</c:v>
                </c:pt>
                <c:pt idx="662">
                  <c:v>2276.00288</c:v>
                </c:pt>
                <c:pt idx="663">
                  <c:v>2277.9316960000001</c:v>
                </c:pt>
                <c:pt idx="664">
                  <c:v>2279.8605120000002</c:v>
                </c:pt>
                <c:pt idx="665">
                  <c:v>2281.7893279999998</c:v>
                </c:pt>
                <c:pt idx="666">
                  <c:v>2283.7181439999999</c:v>
                </c:pt>
                <c:pt idx="667">
                  <c:v>2285.64696</c:v>
                </c:pt>
                <c:pt idx="668">
                  <c:v>2287.5757760000001</c:v>
                </c:pt>
                <c:pt idx="669">
                  <c:v>2289.5045919999998</c:v>
                </c:pt>
                <c:pt idx="670">
                  <c:v>2291.4334079999999</c:v>
                </c:pt>
                <c:pt idx="671">
                  <c:v>2293.362224</c:v>
                </c:pt>
                <c:pt idx="672">
                  <c:v>2295.2910400000001</c:v>
                </c:pt>
                <c:pt idx="673">
                  <c:v>2297.2198560000002</c:v>
                </c:pt>
                <c:pt idx="674">
                  <c:v>2299.1486719999998</c:v>
                </c:pt>
                <c:pt idx="675">
                  <c:v>2301.0774879999999</c:v>
                </c:pt>
                <c:pt idx="676">
                  <c:v>2303.006304</c:v>
                </c:pt>
                <c:pt idx="677">
                  <c:v>2304.9351200000001</c:v>
                </c:pt>
                <c:pt idx="678">
                  <c:v>2306.8639360000002</c:v>
                </c:pt>
                <c:pt idx="679">
                  <c:v>2308.7927519999998</c:v>
                </c:pt>
                <c:pt idx="680">
                  <c:v>2310.7215679999999</c:v>
                </c:pt>
                <c:pt idx="681">
                  <c:v>2312.650384</c:v>
                </c:pt>
                <c:pt idx="682">
                  <c:v>2314.5792000000001</c:v>
                </c:pt>
                <c:pt idx="683">
                  <c:v>2316.5080160000002</c:v>
                </c:pt>
                <c:pt idx="684">
                  <c:v>2318.4368319999999</c:v>
                </c:pt>
                <c:pt idx="685">
                  <c:v>2320.365648</c:v>
                </c:pt>
                <c:pt idx="686">
                  <c:v>2322.2944640000001</c:v>
                </c:pt>
                <c:pt idx="687">
                  <c:v>2324.2232800000002</c:v>
                </c:pt>
                <c:pt idx="688">
                  <c:v>2326.1520959999998</c:v>
                </c:pt>
                <c:pt idx="689">
                  <c:v>2328.0809119999999</c:v>
                </c:pt>
                <c:pt idx="690">
                  <c:v>2330.009728</c:v>
                </c:pt>
                <c:pt idx="691">
                  <c:v>2331.9385440000001</c:v>
                </c:pt>
                <c:pt idx="692">
                  <c:v>2333.8673600000002</c:v>
                </c:pt>
                <c:pt idx="693">
                  <c:v>2335.7961759999998</c:v>
                </c:pt>
                <c:pt idx="694">
                  <c:v>2337.7249919999999</c:v>
                </c:pt>
                <c:pt idx="695">
                  <c:v>2339.653808</c:v>
                </c:pt>
                <c:pt idx="696">
                  <c:v>2341.5826240000001</c:v>
                </c:pt>
                <c:pt idx="697">
                  <c:v>2343.5114400000002</c:v>
                </c:pt>
                <c:pt idx="698">
                  <c:v>2345.4402559999999</c:v>
                </c:pt>
                <c:pt idx="699">
                  <c:v>2347.369072</c:v>
                </c:pt>
                <c:pt idx="700">
                  <c:v>2349.2978880000001</c:v>
                </c:pt>
                <c:pt idx="701">
                  <c:v>2351.2267040000002</c:v>
                </c:pt>
                <c:pt idx="702">
                  <c:v>2353.1555199999998</c:v>
                </c:pt>
                <c:pt idx="703">
                  <c:v>2355.0843359999999</c:v>
                </c:pt>
                <c:pt idx="704">
                  <c:v>2357.013152</c:v>
                </c:pt>
                <c:pt idx="705">
                  <c:v>2358.9419680000001</c:v>
                </c:pt>
                <c:pt idx="706">
                  <c:v>2360.8707840000002</c:v>
                </c:pt>
                <c:pt idx="707">
                  <c:v>2362.7995999999998</c:v>
                </c:pt>
                <c:pt idx="708">
                  <c:v>2364.7284159999999</c:v>
                </c:pt>
                <c:pt idx="709">
                  <c:v>2366.657232</c:v>
                </c:pt>
                <c:pt idx="710">
                  <c:v>2368.5860480000001</c:v>
                </c:pt>
                <c:pt idx="711">
                  <c:v>2370.5148640000002</c:v>
                </c:pt>
                <c:pt idx="712">
                  <c:v>2372.4436799999999</c:v>
                </c:pt>
                <c:pt idx="713">
                  <c:v>2374.372496</c:v>
                </c:pt>
                <c:pt idx="714">
                  <c:v>2376.3013120000001</c:v>
                </c:pt>
                <c:pt idx="715">
                  <c:v>2378.2301280000001</c:v>
                </c:pt>
                <c:pt idx="716">
                  <c:v>2380.1589439999998</c:v>
                </c:pt>
                <c:pt idx="717">
                  <c:v>2382.0877599999999</c:v>
                </c:pt>
                <c:pt idx="718">
                  <c:v>2384.016576</c:v>
                </c:pt>
                <c:pt idx="719">
                  <c:v>2385.9453920000001</c:v>
                </c:pt>
                <c:pt idx="720">
                  <c:v>2387.8742080000002</c:v>
                </c:pt>
                <c:pt idx="721">
                  <c:v>2389.8030239999998</c:v>
                </c:pt>
                <c:pt idx="722">
                  <c:v>2391.7318399999999</c:v>
                </c:pt>
                <c:pt idx="723">
                  <c:v>2393.660656</c:v>
                </c:pt>
                <c:pt idx="724">
                  <c:v>2395.5894720000001</c:v>
                </c:pt>
                <c:pt idx="725">
                  <c:v>2397.5182880000002</c:v>
                </c:pt>
                <c:pt idx="726">
                  <c:v>2399.4471039999999</c:v>
                </c:pt>
                <c:pt idx="727">
                  <c:v>2401.37592</c:v>
                </c:pt>
                <c:pt idx="728">
                  <c:v>2403.304736</c:v>
                </c:pt>
                <c:pt idx="729">
                  <c:v>2405.2335520000001</c:v>
                </c:pt>
                <c:pt idx="730">
                  <c:v>2407.1623679999998</c:v>
                </c:pt>
                <c:pt idx="731">
                  <c:v>2409.0911839999999</c:v>
                </c:pt>
                <c:pt idx="732">
                  <c:v>2411.02</c:v>
                </c:pt>
                <c:pt idx="733">
                  <c:v>2412.9488160000001</c:v>
                </c:pt>
                <c:pt idx="734">
                  <c:v>2414.8776320000002</c:v>
                </c:pt>
                <c:pt idx="735">
                  <c:v>2416.8064479999998</c:v>
                </c:pt>
                <c:pt idx="736">
                  <c:v>2418.7352639999999</c:v>
                </c:pt>
                <c:pt idx="737">
                  <c:v>2420.66408</c:v>
                </c:pt>
                <c:pt idx="738">
                  <c:v>2422.5928960000001</c:v>
                </c:pt>
                <c:pt idx="739">
                  <c:v>2424.5217120000002</c:v>
                </c:pt>
                <c:pt idx="740">
                  <c:v>2426.4505279999998</c:v>
                </c:pt>
                <c:pt idx="741">
                  <c:v>2428.3793439999999</c:v>
                </c:pt>
                <c:pt idx="742">
                  <c:v>2430.30816</c:v>
                </c:pt>
                <c:pt idx="743">
                  <c:v>2432.2369760000001</c:v>
                </c:pt>
                <c:pt idx="744">
                  <c:v>2434.1657919999998</c:v>
                </c:pt>
                <c:pt idx="745">
                  <c:v>2436.0946079999999</c:v>
                </c:pt>
                <c:pt idx="746">
                  <c:v>2438.023424</c:v>
                </c:pt>
                <c:pt idx="747">
                  <c:v>2439.9522400000001</c:v>
                </c:pt>
                <c:pt idx="748">
                  <c:v>2441.8810560000002</c:v>
                </c:pt>
                <c:pt idx="749">
                  <c:v>2443.8098719999998</c:v>
                </c:pt>
                <c:pt idx="750">
                  <c:v>2445.7386879999999</c:v>
                </c:pt>
                <c:pt idx="751">
                  <c:v>2447.667504</c:v>
                </c:pt>
                <c:pt idx="752">
                  <c:v>2449.5963200000001</c:v>
                </c:pt>
                <c:pt idx="753">
                  <c:v>2451.5251360000002</c:v>
                </c:pt>
                <c:pt idx="754">
                  <c:v>2453.4539519999998</c:v>
                </c:pt>
                <c:pt idx="755">
                  <c:v>2455.3827679999999</c:v>
                </c:pt>
                <c:pt idx="756">
                  <c:v>2457.311584</c:v>
                </c:pt>
                <c:pt idx="757">
                  <c:v>2459.2404000000001</c:v>
                </c:pt>
                <c:pt idx="758">
                  <c:v>2461.1692159999998</c:v>
                </c:pt>
                <c:pt idx="759">
                  <c:v>2463.0980319999999</c:v>
                </c:pt>
                <c:pt idx="760">
                  <c:v>2465.026848</c:v>
                </c:pt>
                <c:pt idx="761">
                  <c:v>2466.9556640000001</c:v>
                </c:pt>
                <c:pt idx="762">
                  <c:v>2468.8844800000002</c:v>
                </c:pt>
                <c:pt idx="763">
                  <c:v>2470.8132959999998</c:v>
                </c:pt>
                <c:pt idx="764">
                  <c:v>2472.7421119999999</c:v>
                </c:pt>
                <c:pt idx="765">
                  <c:v>2474.670928</c:v>
                </c:pt>
                <c:pt idx="766">
                  <c:v>2476.5997440000001</c:v>
                </c:pt>
                <c:pt idx="767">
                  <c:v>2478.5285600000002</c:v>
                </c:pt>
                <c:pt idx="768">
                  <c:v>2480.4573759999998</c:v>
                </c:pt>
                <c:pt idx="769">
                  <c:v>2482.3861919999999</c:v>
                </c:pt>
                <c:pt idx="770">
                  <c:v>2484.315008</c:v>
                </c:pt>
                <c:pt idx="771">
                  <c:v>2486.2438240000001</c:v>
                </c:pt>
                <c:pt idx="772">
                  <c:v>2488.1726399999998</c:v>
                </c:pt>
                <c:pt idx="773">
                  <c:v>2490.1014559999999</c:v>
                </c:pt>
                <c:pt idx="774">
                  <c:v>2492.030272</c:v>
                </c:pt>
                <c:pt idx="775">
                  <c:v>2493.9590880000001</c:v>
                </c:pt>
                <c:pt idx="776">
                  <c:v>2495.8879040000002</c:v>
                </c:pt>
                <c:pt idx="777">
                  <c:v>2497.8167199999998</c:v>
                </c:pt>
                <c:pt idx="778">
                  <c:v>2499.7455359999999</c:v>
                </c:pt>
                <c:pt idx="779">
                  <c:v>2501.674352</c:v>
                </c:pt>
                <c:pt idx="780">
                  <c:v>2503.6031680000001</c:v>
                </c:pt>
                <c:pt idx="781">
                  <c:v>2505.5319840000002</c:v>
                </c:pt>
                <c:pt idx="782">
                  <c:v>2507.4607999999998</c:v>
                </c:pt>
                <c:pt idx="783">
                  <c:v>2509.3896159999999</c:v>
                </c:pt>
                <c:pt idx="784">
                  <c:v>2511.318432</c:v>
                </c:pt>
                <c:pt idx="785">
                  <c:v>2513.2472480000001</c:v>
                </c:pt>
                <c:pt idx="786">
                  <c:v>2515.1760640000002</c:v>
                </c:pt>
                <c:pt idx="787">
                  <c:v>2517.1048799999999</c:v>
                </c:pt>
                <c:pt idx="788">
                  <c:v>2519.033696</c:v>
                </c:pt>
                <c:pt idx="789">
                  <c:v>2520.9625120000001</c:v>
                </c:pt>
                <c:pt idx="790">
                  <c:v>2522.8913280000002</c:v>
                </c:pt>
                <c:pt idx="791">
                  <c:v>2524.8201439999998</c:v>
                </c:pt>
                <c:pt idx="792">
                  <c:v>2526.7489599999999</c:v>
                </c:pt>
                <c:pt idx="793">
                  <c:v>2528.677776</c:v>
                </c:pt>
                <c:pt idx="794">
                  <c:v>2530.6065920000001</c:v>
                </c:pt>
                <c:pt idx="795">
                  <c:v>2532.5354080000002</c:v>
                </c:pt>
                <c:pt idx="796">
                  <c:v>2534.4642239999998</c:v>
                </c:pt>
                <c:pt idx="797">
                  <c:v>2536.3930399999999</c:v>
                </c:pt>
                <c:pt idx="798">
                  <c:v>2538.321856</c:v>
                </c:pt>
                <c:pt idx="799">
                  <c:v>2540.2506720000001</c:v>
                </c:pt>
                <c:pt idx="800">
                  <c:v>2542.1794880000002</c:v>
                </c:pt>
                <c:pt idx="801">
                  <c:v>2544.1083039999999</c:v>
                </c:pt>
                <c:pt idx="802">
                  <c:v>2546.03712</c:v>
                </c:pt>
                <c:pt idx="803">
                  <c:v>2547.9659360000001</c:v>
                </c:pt>
                <c:pt idx="804">
                  <c:v>2549.8947520000002</c:v>
                </c:pt>
                <c:pt idx="805">
                  <c:v>2551.8235679999998</c:v>
                </c:pt>
                <c:pt idx="806">
                  <c:v>2553.7523839999999</c:v>
                </c:pt>
                <c:pt idx="807">
                  <c:v>2555.6812</c:v>
                </c:pt>
                <c:pt idx="808">
                  <c:v>2557.6100160000001</c:v>
                </c:pt>
                <c:pt idx="809">
                  <c:v>2559.5388320000002</c:v>
                </c:pt>
                <c:pt idx="810">
                  <c:v>2561.4676479999998</c:v>
                </c:pt>
                <c:pt idx="811">
                  <c:v>2563.3964639999999</c:v>
                </c:pt>
                <c:pt idx="812">
                  <c:v>2565.32528</c:v>
                </c:pt>
                <c:pt idx="813">
                  <c:v>2567.2540960000001</c:v>
                </c:pt>
                <c:pt idx="814">
                  <c:v>2569.1829120000002</c:v>
                </c:pt>
                <c:pt idx="815">
                  <c:v>2571.1117279999999</c:v>
                </c:pt>
                <c:pt idx="816">
                  <c:v>2573.040544</c:v>
                </c:pt>
                <c:pt idx="817">
                  <c:v>2574.9693600000001</c:v>
                </c:pt>
                <c:pt idx="818">
                  <c:v>2576.8981760000001</c:v>
                </c:pt>
                <c:pt idx="819">
                  <c:v>2578.8269919999998</c:v>
                </c:pt>
                <c:pt idx="820">
                  <c:v>2580.7558079999999</c:v>
                </c:pt>
                <c:pt idx="821">
                  <c:v>2582.684624</c:v>
                </c:pt>
                <c:pt idx="822">
                  <c:v>2584.6134400000001</c:v>
                </c:pt>
                <c:pt idx="823">
                  <c:v>2586.5422560000002</c:v>
                </c:pt>
                <c:pt idx="824">
                  <c:v>2588.4710719999998</c:v>
                </c:pt>
                <c:pt idx="825">
                  <c:v>2590.3998879999999</c:v>
                </c:pt>
                <c:pt idx="826">
                  <c:v>2592.328704</c:v>
                </c:pt>
                <c:pt idx="827">
                  <c:v>2594.2575200000001</c:v>
                </c:pt>
                <c:pt idx="828">
                  <c:v>2596.1863360000002</c:v>
                </c:pt>
                <c:pt idx="829">
                  <c:v>2598.1151519999999</c:v>
                </c:pt>
                <c:pt idx="830">
                  <c:v>2600.0439679999999</c:v>
                </c:pt>
                <c:pt idx="831">
                  <c:v>2601.972784</c:v>
                </c:pt>
                <c:pt idx="832">
                  <c:v>2603.9016000000001</c:v>
                </c:pt>
                <c:pt idx="833">
                  <c:v>2605.8304159999998</c:v>
                </c:pt>
                <c:pt idx="834">
                  <c:v>2607.7592319999999</c:v>
                </c:pt>
                <c:pt idx="835">
                  <c:v>2609.688048</c:v>
                </c:pt>
                <c:pt idx="836">
                  <c:v>2611.6168640000001</c:v>
                </c:pt>
                <c:pt idx="837">
                  <c:v>2613.5456800000002</c:v>
                </c:pt>
                <c:pt idx="838">
                  <c:v>2615.4744959999998</c:v>
                </c:pt>
                <c:pt idx="839">
                  <c:v>2617.4033119999999</c:v>
                </c:pt>
                <c:pt idx="840">
                  <c:v>2619.332128</c:v>
                </c:pt>
                <c:pt idx="841">
                  <c:v>2621.2609440000001</c:v>
                </c:pt>
                <c:pt idx="842">
                  <c:v>2623.1897600000002</c:v>
                </c:pt>
                <c:pt idx="843">
                  <c:v>2625.1185759999998</c:v>
                </c:pt>
                <c:pt idx="844">
                  <c:v>2627.0473919999999</c:v>
                </c:pt>
                <c:pt idx="845">
                  <c:v>2628.976208</c:v>
                </c:pt>
                <c:pt idx="846">
                  <c:v>2630.9050240000001</c:v>
                </c:pt>
                <c:pt idx="847">
                  <c:v>2632.8338399999998</c:v>
                </c:pt>
                <c:pt idx="848">
                  <c:v>2634.7626559999999</c:v>
                </c:pt>
                <c:pt idx="849">
                  <c:v>2636.691472</c:v>
                </c:pt>
                <c:pt idx="850">
                  <c:v>2638.6202880000001</c:v>
                </c:pt>
                <c:pt idx="851">
                  <c:v>2640.5491040000002</c:v>
                </c:pt>
                <c:pt idx="852">
                  <c:v>2642.4779199999998</c:v>
                </c:pt>
                <c:pt idx="853">
                  <c:v>2644.4067359999999</c:v>
                </c:pt>
                <c:pt idx="854">
                  <c:v>2646.335552</c:v>
                </c:pt>
                <c:pt idx="855">
                  <c:v>2648.2643680000001</c:v>
                </c:pt>
                <c:pt idx="856">
                  <c:v>2650.1931840000002</c:v>
                </c:pt>
                <c:pt idx="857">
                  <c:v>2652.1219999999998</c:v>
                </c:pt>
                <c:pt idx="858">
                  <c:v>2654.0508159999999</c:v>
                </c:pt>
                <c:pt idx="859">
                  <c:v>2655.979632</c:v>
                </c:pt>
                <c:pt idx="860">
                  <c:v>2657.9084480000001</c:v>
                </c:pt>
                <c:pt idx="861">
                  <c:v>2659.8372639999998</c:v>
                </c:pt>
                <c:pt idx="862">
                  <c:v>2661.7660799999999</c:v>
                </c:pt>
                <c:pt idx="863">
                  <c:v>2663.694896</c:v>
                </c:pt>
                <c:pt idx="864">
                  <c:v>2665.6237120000001</c:v>
                </c:pt>
                <c:pt idx="865">
                  <c:v>2667.5525280000002</c:v>
                </c:pt>
                <c:pt idx="866">
                  <c:v>2669.4813439999998</c:v>
                </c:pt>
                <c:pt idx="867">
                  <c:v>2671.4101599999999</c:v>
                </c:pt>
                <c:pt idx="868">
                  <c:v>2673.338976</c:v>
                </c:pt>
                <c:pt idx="869">
                  <c:v>2675.2677920000001</c:v>
                </c:pt>
                <c:pt idx="870">
                  <c:v>2677.1966080000002</c:v>
                </c:pt>
                <c:pt idx="871">
                  <c:v>2679.1254239999998</c:v>
                </c:pt>
                <c:pt idx="872">
                  <c:v>2681.0542399999999</c:v>
                </c:pt>
                <c:pt idx="873">
                  <c:v>2682.983056</c:v>
                </c:pt>
                <c:pt idx="874">
                  <c:v>2684.9118720000001</c:v>
                </c:pt>
                <c:pt idx="875">
                  <c:v>2686.8406880000002</c:v>
                </c:pt>
                <c:pt idx="876">
                  <c:v>2688.7695039999999</c:v>
                </c:pt>
                <c:pt idx="877">
                  <c:v>2690.69832</c:v>
                </c:pt>
                <c:pt idx="878">
                  <c:v>2692.6271360000001</c:v>
                </c:pt>
                <c:pt idx="879">
                  <c:v>2694.5559520000002</c:v>
                </c:pt>
                <c:pt idx="880">
                  <c:v>2696.4847679999998</c:v>
                </c:pt>
                <c:pt idx="881">
                  <c:v>2698.4135839999999</c:v>
                </c:pt>
                <c:pt idx="882">
                  <c:v>2700.3424</c:v>
                </c:pt>
                <c:pt idx="883">
                  <c:v>2702.2712160000001</c:v>
                </c:pt>
                <c:pt idx="884">
                  <c:v>2704.2000320000002</c:v>
                </c:pt>
                <c:pt idx="885">
                  <c:v>2706.1288479999998</c:v>
                </c:pt>
                <c:pt idx="886">
                  <c:v>2708.0576639999999</c:v>
                </c:pt>
                <c:pt idx="887">
                  <c:v>2709.98648</c:v>
                </c:pt>
                <c:pt idx="888">
                  <c:v>2711.9152960000001</c:v>
                </c:pt>
                <c:pt idx="889">
                  <c:v>2713.8441120000002</c:v>
                </c:pt>
                <c:pt idx="890">
                  <c:v>2715.7729279999999</c:v>
                </c:pt>
                <c:pt idx="891">
                  <c:v>2717.701744</c:v>
                </c:pt>
                <c:pt idx="892">
                  <c:v>2719.6305600000001</c:v>
                </c:pt>
                <c:pt idx="893">
                  <c:v>2721.5593760000002</c:v>
                </c:pt>
                <c:pt idx="894">
                  <c:v>2723.4881919999998</c:v>
                </c:pt>
                <c:pt idx="895">
                  <c:v>2725.4170079999999</c:v>
                </c:pt>
                <c:pt idx="896">
                  <c:v>2727.345824</c:v>
                </c:pt>
                <c:pt idx="897">
                  <c:v>2729.2746400000001</c:v>
                </c:pt>
                <c:pt idx="898">
                  <c:v>2731.2034560000002</c:v>
                </c:pt>
                <c:pt idx="899">
                  <c:v>2733.1322719999998</c:v>
                </c:pt>
                <c:pt idx="900">
                  <c:v>2735.0610879999999</c:v>
                </c:pt>
                <c:pt idx="901">
                  <c:v>2736.989904</c:v>
                </c:pt>
                <c:pt idx="902">
                  <c:v>2738.9187200000001</c:v>
                </c:pt>
                <c:pt idx="903">
                  <c:v>2740.8475360000002</c:v>
                </c:pt>
                <c:pt idx="904">
                  <c:v>2742.7763519999999</c:v>
                </c:pt>
                <c:pt idx="905">
                  <c:v>2744.705168</c:v>
                </c:pt>
                <c:pt idx="906">
                  <c:v>2746.6339840000001</c:v>
                </c:pt>
                <c:pt idx="907">
                  <c:v>2748.5628000000002</c:v>
                </c:pt>
                <c:pt idx="908">
                  <c:v>2750.4916159999998</c:v>
                </c:pt>
                <c:pt idx="909">
                  <c:v>2752.4204319999999</c:v>
                </c:pt>
                <c:pt idx="910">
                  <c:v>2754.349248</c:v>
                </c:pt>
                <c:pt idx="911">
                  <c:v>2756.2780640000001</c:v>
                </c:pt>
                <c:pt idx="912">
                  <c:v>2758.2068800000002</c:v>
                </c:pt>
                <c:pt idx="913">
                  <c:v>2760.1356959999998</c:v>
                </c:pt>
                <c:pt idx="914">
                  <c:v>2762.0645119999999</c:v>
                </c:pt>
                <c:pt idx="915">
                  <c:v>2763.993328</c:v>
                </c:pt>
                <c:pt idx="916">
                  <c:v>2765.9221440000001</c:v>
                </c:pt>
                <c:pt idx="917">
                  <c:v>2767.8509600000002</c:v>
                </c:pt>
                <c:pt idx="918">
                  <c:v>2769.7797759999999</c:v>
                </c:pt>
                <c:pt idx="919">
                  <c:v>2771.708592</c:v>
                </c:pt>
                <c:pt idx="920">
                  <c:v>2773.6374080000001</c:v>
                </c:pt>
                <c:pt idx="921">
                  <c:v>2775.5662240000001</c:v>
                </c:pt>
                <c:pt idx="922">
                  <c:v>2777.4950399999998</c:v>
                </c:pt>
                <c:pt idx="923">
                  <c:v>2779.4238559999999</c:v>
                </c:pt>
                <c:pt idx="924">
                  <c:v>2781.352672</c:v>
                </c:pt>
                <c:pt idx="925">
                  <c:v>2783.2814880000001</c:v>
                </c:pt>
                <c:pt idx="926">
                  <c:v>2785.2103040000002</c:v>
                </c:pt>
                <c:pt idx="927">
                  <c:v>2787.1391199999998</c:v>
                </c:pt>
                <c:pt idx="928">
                  <c:v>2789.0679359999999</c:v>
                </c:pt>
                <c:pt idx="929">
                  <c:v>2790.996752</c:v>
                </c:pt>
                <c:pt idx="930">
                  <c:v>2792.9255680000001</c:v>
                </c:pt>
                <c:pt idx="931">
                  <c:v>2794.8543840000002</c:v>
                </c:pt>
                <c:pt idx="932">
                  <c:v>2796.7831999999999</c:v>
                </c:pt>
                <c:pt idx="933">
                  <c:v>2798.7120159999999</c:v>
                </c:pt>
                <c:pt idx="934">
                  <c:v>2800.640832</c:v>
                </c:pt>
                <c:pt idx="935">
                  <c:v>2802.5696480000001</c:v>
                </c:pt>
                <c:pt idx="936">
                  <c:v>2804.4984639999998</c:v>
                </c:pt>
                <c:pt idx="937">
                  <c:v>2806.4272799999999</c:v>
                </c:pt>
                <c:pt idx="938">
                  <c:v>2808.356096</c:v>
                </c:pt>
                <c:pt idx="939">
                  <c:v>2810.2849120000001</c:v>
                </c:pt>
                <c:pt idx="940">
                  <c:v>2812.2137280000002</c:v>
                </c:pt>
                <c:pt idx="941">
                  <c:v>2814.1425439999998</c:v>
                </c:pt>
                <c:pt idx="942">
                  <c:v>2816.0713599999999</c:v>
                </c:pt>
                <c:pt idx="943">
                  <c:v>2818.000176</c:v>
                </c:pt>
                <c:pt idx="944">
                  <c:v>2819.9289920000001</c:v>
                </c:pt>
                <c:pt idx="945">
                  <c:v>2821.8578080000002</c:v>
                </c:pt>
                <c:pt idx="946">
                  <c:v>2823.7866239999998</c:v>
                </c:pt>
                <c:pt idx="947">
                  <c:v>2825.7154399999999</c:v>
                </c:pt>
                <c:pt idx="948">
                  <c:v>2827.644256</c:v>
                </c:pt>
                <c:pt idx="949">
                  <c:v>2829.5730720000001</c:v>
                </c:pt>
                <c:pt idx="950">
                  <c:v>2831.5018879999998</c:v>
                </c:pt>
                <c:pt idx="951">
                  <c:v>2833.4307039999999</c:v>
                </c:pt>
                <c:pt idx="952">
                  <c:v>2835.35952</c:v>
                </c:pt>
                <c:pt idx="953">
                  <c:v>2837.2883360000001</c:v>
                </c:pt>
                <c:pt idx="954">
                  <c:v>2839.2171520000002</c:v>
                </c:pt>
                <c:pt idx="955">
                  <c:v>2841.1459679999998</c:v>
                </c:pt>
                <c:pt idx="956">
                  <c:v>2843.0747839999999</c:v>
                </c:pt>
                <c:pt idx="957">
                  <c:v>2845.0036</c:v>
                </c:pt>
                <c:pt idx="958">
                  <c:v>2846.9324160000001</c:v>
                </c:pt>
                <c:pt idx="959">
                  <c:v>2848.8612320000002</c:v>
                </c:pt>
                <c:pt idx="960">
                  <c:v>2850.7900479999998</c:v>
                </c:pt>
                <c:pt idx="961">
                  <c:v>2852.7188639999999</c:v>
                </c:pt>
                <c:pt idx="962">
                  <c:v>2854.64768</c:v>
                </c:pt>
                <c:pt idx="963">
                  <c:v>2856.5764960000001</c:v>
                </c:pt>
                <c:pt idx="964">
                  <c:v>2858.5053119999998</c:v>
                </c:pt>
                <c:pt idx="965">
                  <c:v>2860.4341279999999</c:v>
                </c:pt>
                <c:pt idx="966">
                  <c:v>2862.362944</c:v>
                </c:pt>
                <c:pt idx="967">
                  <c:v>2864.2917600000001</c:v>
                </c:pt>
                <c:pt idx="968">
                  <c:v>2866.2205760000002</c:v>
                </c:pt>
                <c:pt idx="969">
                  <c:v>2868.1493919999998</c:v>
                </c:pt>
                <c:pt idx="970">
                  <c:v>2870.0782079999999</c:v>
                </c:pt>
                <c:pt idx="971">
                  <c:v>2872.007024</c:v>
                </c:pt>
                <c:pt idx="972">
                  <c:v>2873.9358400000001</c:v>
                </c:pt>
                <c:pt idx="973">
                  <c:v>2875.8646560000002</c:v>
                </c:pt>
                <c:pt idx="974">
                  <c:v>2877.7934719999998</c:v>
                </c:pt>
                <c:pt idx="975">
                  <c:v>2879.7222879999999</c:v>
                </c:pt>
                <c:pt idx="976">
                  <c:v>2881.651104</c:v>
                </c:pt>
                <c:pt idx="977">
                  <c:v>2883.5799200000001</c:v>
                </c:pt>
                <c:pt idx="978">
                  <c:v>2885.5087360000002</c:v>
                </c:pt>
                <c:pt idx="979">
                  <c:v>2887.4375519999999</c:v>
                </c:pt>
                <c:pt idx="980">
                  <c:v>2889.366368</c:v>
                </c:pt>
                <c:pt idx="981">
                  <c:v>2891.2951840000001</c:v>
                </c:pt>
                <c:pt idx="982">
                  <c:v>2893.2240000000002</c:v>
                </c:pt>
                <c:pt idx="983">
                  <c:v>2895.1528159999998</c:v>
                </c:pt>
                <c:pt idx="984">
                  <c:v>2897.0816319999999</c:v>
                </c:pt>
                <c:pt idx="985">
                  <c:v>2899.010448</c:v>
                </c:pt>
                <c:pt idx="986">
                  <c:v>2900.9392640000001</c:v>
                </c:pt>
                <c:pt idx="987">
                  <c:v>2902.8680800000002</c:v>
                </c:pt>
                <c:pt idx="988">
                  <c:v>2904.7968959999998</c:v>
                </c:pt>
                <c:pt idx="989">
                  <c:v>2906.7257119999999</c:v>
                </c:pt>
                <c:pt idx="990">
                  <c:v>2908.654528</c:v>
                </c:pt>
                <c:pt idx="991">
                  <c:v>2910.5833440000001</c:v>
                </c:pt>
                <c:pt idx="992">
                  <c:v>2912.5121600000002</c:v>
                </c:pt>
                <c:pt idx="993">
                  <c:v>2914.4409759999999</c:v>
                </c:pt>
                <c:pt idx="994">
                  <c:v>2916.369792</c:v>
                </c:pt>
                <c:pt idx="995">
                  <c:v>2918.2986080000001</c:v>
                </c:pt>
                <c:pt idx="996">
                  <c:v>2920.2274240000002</c:v>
                </c:pt>
                <c:pt idx="997">
                  <c:v>2922.1562399999998</c:v>
                </c:pt>
                <c:pt idx="998">
                  <c:v>2924.0850559999999</c:v>
                </c:pt>
                <c:pt idx="999">
                  <c:v>2926.013872</c:v>
                </c:pt>
                <c:pt idx="1000">
                  <c:v>2927.9426880000001</c:v>
                </c:pt>
                <c:pt idx="1001">
                  <c:v>2929.8715040000002</c:v>
                </c:pt>
                <c:pt idx="1002">
                  <c:v>2931.8003199999998</c:v>
                </c:pt>
                <c:pt idx="1003">
                  <c:v>2933.7291359999999</c:v>
                </c:pt>
                <c:pt idx="1004">
                  <c:v>2935.657952</c:v>
                </c:pt>
                <c:pt idx="1005">
                  <c:v>2937.5867680000001</c:v>
                </c:pt>
                <c:pt idx="1006">
                  <c:v>2939.5155840000002</c:v>
                </c:pt>
                <c:pt idx="1007">
                  <c:v>2941.4443999999999</c:v>
                </c:pt>
                <c:pt idx="1008">
                  <c:v>2943.373216</c:v>
                </c:pt>
                <c:pt idx="1009">
                  <c:v>2945.3020320000001</c:v>
                </c:pt>
                <c:pt idx="1010">
                  <c:v>2947.2308480000002</c:v>
                </c:pt>
                <c:pt idx="1011">
                  <c:v>2949.1596639999998</c:v>
                </c:pt>
                <c:pt idx="1012">
                  <c:v>2951.0884799999999</c:v>
                </c:pt>
                <c:pt idx="1013">
                  <c:v>2953.017296</c:v>
                </c:pt>
                <c:pt idx="1014">
                  <c:v>2954.9461120000001</c:v>
                </c:pt>
                <c:pt idx="1015">
                  <c:v>2956.8749280000002</c:v>
                </c:pt>
                <c:pt idx="1016">
                  <c:v>2958.8037439999998</c:v>
                </c:pt>
                <c:pt idx="1017">
                  <c:v>2960.7325599999999</c:v>
                </c:pt>
                <c:pt idx="1018">
                  <c:v>2962.661376</c:v>
                </c:pt>
                <c:pt idx="1019">
                  <c:v>2964.5901920000001</c:v>
                </c:pt>
                <c:pt idx="1020">
                  <c:v>2966.5190080000002</c:v>
                </c:pt>
                <c:pt idx="1021">
                  <c:v>2968.4478239999999</c:v>
                </c:pt>
                <c:pt idx="1022">
                  <c:v>2970.37664</c:v>
                </c:pt>
                <c:pt idx="1023">
                  <c:v>2972.305456</c:v>
                </c:pt>
                <c:pt idx="1024">
                  <c:v>2974.2342720000001</c:v>
                </c:pt>
                <c:pt idx="1025">
                  <c:v>2976.1630879999998</c:v>
                </c:pt>
                <c:pt idx="1026">
                  <c:v>2978.0919039999999</c:v>
                </c:pt>
                <c:pt idx="1027">
                  <c:v>2980.02072</c:v>
                </c:pt>
                <c:pt idx="1028">
                  <c:v>2981.9495360000001</c:v>
                </c:pt>
                <c:pt idx="1029">
                  <c:v>2983.8783520000002</c:v>
                </c:pt>
                <c:pt idx="1030">
                  <c:v>2985.8071679999998</c:v>
                </c:pt>
                <c:pt idx="1031">
                  <c:v>2987.7359839999999</c:v>
                </c:pt>
                <c:pt idx="1032">
                  <c:v>2989.6648</c:v>
                </c:pt>
                <c:pt idx="1033">
                  <c:v>2991.5936160000001</c:v>
                </c:pt>
                <c:pt idx="1034">
                  <c:v>2993.5224320000002</c:v>
                </c:pt>
                <c:pt idx="1035">
                  <c:v>2995.4512479999999</c:v>
                </c:pt>
                <c:pt idx="1036">
                  <c:v>2997.3800639999999</c:v>
                </c:pt>
                <c:pt idx="1037">
                  <c:v>2999.30888</c:v>
                </c:pt>
                <c:pt idx="1038">
                  <c:v>3001.2376960000001</c:v>
                </c:pt>
                <c:pt idx="1039">
                  <c:v>3003.1665119999998</c:v>
                </c:pt>
                <c:pt idx="1040">
                  <c:v>3005.0953279999999</c:v>
                </c:pt>
                <c:pt idx="1041">
                  <c:v>3007.024144</c:v>
                </c:pt>
                <c:pt idx="1042">
                  <c:v>3008.9529600000001</c:v>
                </c:pt>
                <c:pt idx="1043">
                  <c:v>3010.8817760000002</c:v>
                </c:pt>
                <c:pt idx="1044">
                  <c:v>3012.8105919999998</c:v>
                </c:pt>
                <c:pt idx="1045">
                  <c:v>3014.7394079999999</c:v>
                </c:pt>
                <c:pt idx="1046">
                  <c:v>3016.668224</c:v>
                </c:pt>
                <c:pt idx="1047">
                  <c:v>3018.5970400000001</c:v>
                </c:pt>
                <c:pt idx="1048">
                  <c:v>3020.5258560000002</c:v>
                </c:pt>
                <c:pt idx="1049">
                  <c:v>3022.4546719999998</c:v>
                </c:pt>
                <c:pt idx="1050">
                  <c:v>3024.3834879999999</c:v>
                </c:pt>
                <c:pt idx="1051">
                  <c:v>3026.312304</c:v>
                </c:pt>
                <c:pt idx="1052">
                  <c:v>3028.2411200000001</c:v>
                </c:pt>
                <c:pt idx="1053">
                  <c:v>3030.1699359999998</c:v>
                </c:pt>
                <c:pt idx="1054">
                  <c:v>3032.0987519999999</c:v>
                </c:pt>
                <c:pt idx="1055">
                  <c:v>3034.027568</c:v>
                </c:pt>
                <c:pt idx="1056">
                  <c:v>3035.9563840000001</c:v>
                </c:pt>
                <c:pt idx="1057">
                  <c:v>3037.8852000000002</c:v>
                </c:pt>
                <c:pt idx="1058">
                  <c:v>3039.8140159999998</c:v>
                </c:pt>
                <c:pt idx="1059">
                  <c:v>3041.7428319999999</c:v>
                </c:pt>
                <c:pt idx="1060">
                  <c:v>3043.671648</c:v>
                </c:pt>
                <c:pt idx="1061">
                  <c:v>3045.6004640000001</c:v>
                </c:pt>
                <c:pt idx="1062">
                  <c:v>3047.5292800000002</c:v>
                </c:pt>
                <c:pt idx="1063">
                  <c:v>3049.4580959999998</c:v>
                </c:pt>
                <c:pt idx="1064">
                  <c:v>3051.3869119999999</c:v>
                </c:pt>
                <c:pt idx="1065">
                  <c:v>3053.315728</c:v>
                </c:pt>
                <c:pt idx="1066">
                  <c:v>3055.2445440000001</c:v>
                </c:pt>
                <c:pt idx="1067">
                  <c:v>3057.1733599999998</c:v>
                </c:pt>
                <c:pt idx="1068">
                  <c:v>3059.1021759999999</c:v>
                </c:pt>
                <c:pt idx="1069">
                  <c:v>3061.030992</c:v>
                </c:pt>
                <c:pt idx="1070">
                  <c:v>3062.9598080000001</c:v>
                </c:pt>
                <c:pt idx="1071">
                  <c:v>3064.8886240000002</c:v>
                </c:pt>
                <c:pt idx="1072">
                  <c:v>3066.8174399999998</c:v>
                </c:pt>
                <c:pt idx="1073">
                  <c:v>3068.7462559999999</c:v>
                </c:pt>
                <c:pt idx="1074">
                  <c:v>3070.675072</c:v>
                </c:pt>
                <c:pt idx="1075">
                  <c:v>3072.6038880000001</c:v>
                </c:pt>
                <c:pt idx="1076">
                  <c:v>3074.5327040000002</c:v>
                </c:pt>
                <c:pt idx="1077">
                  <c:v>3076.4615199999998</c:v>
                </c:pt>
                <c:pt idx="1078">
                  <c:v>3078.3903359999999</c:v>
                </c:pt>
                <c:pt idx="1079">
                  <c:v>3080.319152</c:v>
                </c:pt>
                <c:pt idx="1080">
                  <c:v>3082.2479680000001</c:v>
                </c:pt>
                <c:pt idx="1081">
                  <c:v>3084.1767840000002</c:v>
                </c:pt>
                <c:pt idx="1082">
                  <c:v>3086.1055999999999</c:v>
                </c:pt>
                <c:pt idx="1083">
                  <c:v>3088.034416</c:v>
                </c:pt>
                <c:pt idx="1084">
                  <c:v>3089.9632320000001</c:v>
                </c:pt>
                <c:pt idx="1085">
                  <c:v>3091.8920480000002</c:v>
                </c:pt>
                <c:pt idx="1086">
                  <c:v>3093.8208639999998</c:v>
                </c:pt>
                <c:pt idx="1087">
                  <c:v>3095.7496799999999</c:v>
                </c:pt>
                <c:pt idx="1088">
                  <c:v>3097.678496</c:v>
                </c:pt>
                <c:pt idx="1089">
                  <c:v>3099.6073120000001</c:v>
                </c:pt>
                <c:pt idx="1090">
                  <c:v>3101.5361280000002</c:v>
                </c:pt>
                <c:pt idx="1091">
                  <c:v>3103.4649439999998</c:v>
                </c:pt>
                <c:pt idx="1092">
                  <c:v>3105.3937599999999</c:v>
                </c:pt>
                <c:pt idx="1093">
                  <c:v>3107.322576</c:v>
                </c:pt>
                <c:pt idx="1094">
                  <c:v>3109.2513920000001</c:v>
                </c:pt>
                <c:pt idx="1095">
                  <c:v>3111.1802080000002</c:v>
                </c:pt>
                <c:pt idx="1096">
                  <c:v>3113.1090239999999</c:v>
                </c:pt>
                <c:pt idx="1097">
                  <c:v>3115.03784</c:v>
                </c:pt>
                <c:pt idx="1098">
                  <c:v>3116.9666560000001</c:v>
                </c:pt>
                <c:pt idx="1099">
                  <c:v>3118.8954720000002</c:v>
                </c:pt>
                <c:pt idx="1100">
                  <c:v>3120.8242879999998</c:v>
                </c:pt>
                <c:pt idx="1101">
                  <c:v>3122.7531039999999</c:v>
                </c:pt>
                <c:pt idx="1102">
                  <c:v>3124.68192</c:v>
                </c:pt>
                <c:pt idx="1103">
                  <c:v>3126.6107360000001</c:v>
                </c:pt>
                <c:pt idx="1104">
                  <c:v>3128.5395520000002</c:v>
                </c:pt>
                <c:pt idx="1105">
                  <c:v>3130.4683679999998</c:v>
                </c:pt>
                <c:pt idx="1106">
                  <c:v>3132.3971839999999</c:v>
                </c:pt>
                <c:pt idx="1107">
                  <c:v>3134.326</c:v>
                </c:pt>
                <c:pt idx="1108">
                  <c:v>3136.2548160000001</c:v>
                </c:pt>
                <c:pt idx="1109">
                  <c:v>3138.1836320000002</c:v>
                </c:pt>
                <c:pt idx="1110">
                  <c:v>3140.1124479999999</c:v>
                </c:pt>
                <c:pt idx="1111">
                  <c:v>3142.041264</c:v>
                </c:pt>
                <c:pt idx="1112">
                  <c:v>3143.9700800000001</c:v>
                </c:pt>
                <c:pt idx="1113">
                  <c:v>3145.8988960000001</c:v>
                </c:pt>
                <c:pt idx="1114">
                  <c:v>3147.8277119999998</c:v>
                </c:pt>
                <c:pt idx="1115">
                  <c:v>3149.7565279999999</c:v>
                </c:pt>
                <c:pt idx="1116">
                  <c:v>3151.685344</c:v>
                </c:pt>
                <c:pt idx="1117">
                  <c:v>3153.6141600000001</c:v>
                </c:pt>
                <c:pt idx="1118">
                  <c:v>3155.5429760000002</c:v>
                </c:pt>
                <c:pt idx="1119">
                  <c:v>3157.4717919999998</c:v>
                </c:pt>
                <c:pt idx="1120">
                  <c:v>3159.4006079999999</c:v>
                </c:pt>
                <c:pt idx="1121">
                  <c:v>3161.329424</c:v>
                </c:pt>
                <c:pt idx="1122">
                  <c:v>3163.2582400000001</c:v>
                </c:pt>
                <c:pt idx="1123">
                  <c:v>3165.1870560000002</c:v>
                </c:pt>
                <c:pt idx="1124">
                  <c:v>3167.1158719999999</c:v>
                </c:pt>
                <c:pt idx="1125">
                  <c:v>3169.044688</c:v>
                </c:pt>
                <c:pt idx="1126">
                  <c:v>3170.973504</c:v>
                </c:pt>
                <c:pt idx="1127">
                  <c:v>3172.9023200000001</c:v>
                </c:pt>
                <c:pt idx="1128">
                  <c:v>3174.8311359999998</c:v>
                </c:pt>
                <c:pt idx="1129">
                  <c:v>3176.7599519999999</c:v>
                </c:pt>
                <c:pt idx="1130">
                  <c:v>3178.688768</c:v>
                </c:pt>
                <c:pt idx="1131">
                  <c:v>3180.6175840000001</c:v>
                </c:pt>
                <c:pt idx="1132">
                  <c:v>3182.5464000000002</c:v>
                </c:pt>
                <c:pt idx="1133">
                  <c:v>3184.4752159999998</c:v>
                </c:pt>
                <c:pt idx="1134">
                  <c:v>3186.4040319999999</c:v>
                </c:pt>
                <c:pt idx="1135">
                  <c:v>3188.332848</c:v>
                </c:pt>
                <c:pt idx="1136">
                  <c:v>3190.2616640000001</c:v>
                </c:pt>
                <c:pt idx="1137">
                  <c:v>3192.1904800000002</c:v>
                </c:pt>
                <c:pt idx="1138">
                  <c:v>3194.1192959999998</c:v>
                </c:pt>
                <c:pt idx="1139">
                  <c:v>3196.0481119999999</c:v>
                </c:pt>
                <c:pt idx="1140">
                  <c:v>3197.976928</c:v>
                </c:pt>
                <c:pt idx="1141">
                  <c:v>3199.9057440000001</c:v>
                </c:pt>
                <c:pt idx="1142">
                  <c:v>3201.8345599999998</c:v>
                </c:pt>
                <c:pt idx="1143">
                  <c:v>3203.7633759999999</c:v>
                </c:pt>
                <c:pt idx="1144">
                  <c:v>3205.692192</c:v>
                </c:pt>
                <c:pt idx="1145">
                  <c:v>3207.6210080000001</c:v>
                </c:pt>
                <c:pt idx="1146">
                  <c:v>3209.5498240000002</c:v>
                </c:pt>
                <c:pt idx="1147">
                  <c:v>3211.4786399999998</c:v>
                </c:pt>
                <c:pt idx="1148">
                  <c:v>3213.4074559999999</c:v>
                </c:pt>
                <c:pt idx="1149">
                  <c:v>3215.336272</c:v>
                </c:pt>
                <c:pt idx="1150">
                  <c:v>3217.2650880000001</c:v>
                </c:pt>
                <c:pt idx="1151">
                  <c:v>3219.1939040000002</c:v>
                </c:pt>
                <c:pt idx="1152">
                  <c:v>3221.1227199999998</c:v>
                </c:pt>
                <c:pt idx="1153">
                  <c:v>3223.0515359999999</c:v>
                </c:pt>
                <c:pt idx="1154">
                  <c:v>3224.980352</c:v>
                </c:pt>
                <c:pt idx="1155">
                  <c:v>3226.9091680000001</c:v>
                </c:pt>
                <c:pt idx="1156">
                  <c:v>3228.8379839999998</c:v>
                </c:pt>
                <c:pt idx="1157">
                  <c:v>3230.7667999999999</c:v>
                </c:pt>
                <c:pt idx="1158">
                  <c:v>3232.695616</c:v>
                </c:pt>
                <c:pt idx="1159">
                  <c:v>3234.6244320000001</c:v>
                </c:pt>
                <c:pt idx="1160">
                  <c:v>3236.5532480000002</c:v>
                </c:pt>
                <c:pt idx="1161">
                  <c:v>3238.4820639999998</c:v>
                </c:pt>
                <c:pt idx="1162">
                  <c:v>3240.4108799999999</c:v>
                </c:pt>
                <c:pt idx="1163">
                  <c:v>3242.339696</c:v>
                </c:pt>
                <c:pt idx="1164">
                  <c:v>3244.2685120000001</c:v>
                </c:pt>
                <c:pt idx="1165">
                  <c:v>3246.1973280000002</c:v>
                </c:pt>
                <c:pt idx="1166">
                  <c:v>3248.1261439999998</c:v>
                </c:pt>
                <c:pt idx="1167">
                  <c:v>3250.0549599999999</c:v>
                </c:pt>
                <c:pt idx="1168">
                  <c:v>3251.983776</c:v>
                </c:pt>
                <c:pt idx="1169">
                  <c:v>3253.9125920000001</c:v>
                </c:pt>
                <c:pt idx="1170">
                  <c:v>3255.8414079999998</c:v>
                </c:pt>
                <c:pt idx="1171">
                  <c:v>3257.7702239999999</c:v>
                </c:pt>
                <c:pt idx="1172">
                  <c:v>3259.69904</c:v>
                </c:pt>
                <c:pt idx="1173">
                  <c:v>3261.6278560000001</c:v>
                </c:pt>
                <c:pt idx="1174">
                  <c:v>3263.5566720000002</c:v>
                </c:pt>
                <c:pt idx="1175">
                  <c:v>3265.4854879999998</c:v>
                </c:pt>
                <c:pt idx="1176">
                  <c:v>3267.4143039999999</c:v>
                </c:pt>
                <c:pt idx="1177">
                  <c:v>3269.34312</c:v>
                </c:pt>
                <c:pt idx="1178">
                  <c:v>3271.2719360000001</c:v>
                </c:pt>
                <c:pt idx="1179">
                  <c:v>3273.2007520000002</c:v>
                </c:pt>
                <c:pt idx="1180">
                  <c:v>3275.1295679999998</c:v>
                </c:pt>
                <c:pt idx="1181">
                  <c:v>3277.0583839999999</c:v>
                </c:pt>
                <c:pt idx="1182">
                  <c:v>3278.9872</c:v>
                </c:pt>
                <c:pt idx="1183">
                  <c:v>3280.9160160000001</c:v>
                </c:pt>
                <c:pt idx="1184">
                  <c:v>3282.8448320000002</c:v>
                </c:pt>
                <c:pt idx="1185">
                  <c:v>3284.7736479999999</c:v>
                </c:pt>
                <c:pt idx="1186">
                  <c:v>3286.702464</c:v>
                </c:pt>
                <c:pt idx="1187">
                  <c:v>3288.6312800000001</c:v>
                </c:pt>
                <c:pt idx="1188">
                  <c:v>3290.5600960000002</c:v>
                </c:pt>
                <c:pt idx="1189">
                  <c:v>3292.4889119999998</c:v>
                </c:pt>
                <c:pt idx="1190">
                  <c:v>3294.4177279999999</c:v>
                </c:pt>
                <c:pt idx="1191">
                  <c:v>3296.346544</c:v>
                </c:pt>
                <c:pt idx="1192">
                  <c:v>3298.2753600000001</c:v>
                </c:pt>
                <c:pt idx="1193">
                  <c:v>3300.2041760000002</c:v>
                </c:pt>
                <c:pt idx="1194">
                  <c:v>3302.1329919999998</c:v>
                </c:pt>
                <c:pt idx="1195">
                  <c:v>3304.0618079999999</c:v>
                </c:pt>
                <c:pt idx="1196">
                  <c:v>3305.990624</c:v>
                </c:pt>
                <c:pt idx="1197">
                  <c:v>3307.9194400000001</c:v>
                </c:pt>
                <c:pt idx="1198">
                  <c:v>3309.8482560000002</c:v>
                </c:pt>
                <c:pt idx="1199">
                  <c:v>3311.7770719999999</c:v>
                </c:pt>
                <c:pt idx="1200">
                  <c:v>3313.705888</c:v>
                </c:pt>
                <c:pt idx="1201">
                  <c:v>3315.6347040000001</c:v>
                </c:pt>
                <c:pt idx="1202">
                  <c:v>3317.5635200000002</c:v>
                </c:pt>
                <c:pt idx="1203">
                  <c:v>3319.4923359999998</c:v>
                </c:pt>
                <c:pt idx="1204">
                  <c:v>3321.4211519999999</c:v>
                </c:pt>
                <c:pt idx="1205">
                  <c:v>3323.349968</c:v>
                </c:pt>
                <c:pt idx="1206">
                  <c:v>3325.2787840000001</c:v>
                </c:pt>
                <c:pt idx="1207">
                  <c:v>3327.2076000000002</c:v>
                </c:pt>
                <c:pt idx="1208">
                  <c:v>3329.1364159999998</c:v>
                </c:pt>
                <c:pt idx="1209">
                  <c:v>3331.0652319999999</c:v>
                </c:pt>
                <c:pt idx="1210">
                  <c:v>3332.994048</c:v>
                </c:pt>
                <c:pt idx="1211">
                  <c:v>3334.9228640000001</c:v>
                </c:pt>
                <c:pt idx="1212">
                  <c:v>3336.8516800000002</c:v>
                </c:pt>
                <c:pt idx="1213">
                  <c:v>3338.7804959999999</c:v>
                </c:pt>
                <c:pt idx="1214">
                  <c:v>3340.709312</c:v>
                </c:pt>
                <c:pt idx="1215">
                  <c:v>3342.6381280000001</c:v>
                </c:pt>
                <c:pt idx="1216">
                  <c:v>3344.5669440000001</c:v>
                </c:pt>
                <c:pt idx="1217">
                  <c:v>3346.4957599999998</c:v>
                </c:pt>
                <c:pt idx="1218">
                  <c:v>3348.4245759999999</c:v>
                </c:pt>
                <c:pt idx="1219">
                  <c:v>3350.353392</c:v>
                </c:pt>
                <c:pt idx="1220">
                  <c:v>3352.2822080000001</c:v>
                </c:pt>
                <c:pt idx="1221">
                  <c:v>3354.2110240000002</c:v>
                </c:pt>
                <c:pt idx="1222">
                  <c:v>3356.1398399999998</c:v>
                </c:pt>
                <c:pt idx="1223">
                  <c:v>3358.0686559999999</c:v>
                </c:pt>
                <c:pt idx="1224">
                  <c:v>3359.997472</c:v>
                </c:pt>
                <c:pt idx="1225">
                  <c:v>3361.9262880000001</c:v>
                </c:pt>
                <c:pt idx="1226">
                  <c:v>3363.8551040000002</c:v>
                </c:pt>
                <c:pt idx="1227">
                  <c:v>3365.7839199999999</c:v>
                </c:pt>
                <c:pt idx="1228">
                  <c:v>3367.7127359999999</c:v>
                </c:pt>
                <c:pt idx="1229">
                  <c:v>3369.641552</c:v>
                </c:pt>
                <c:pt idx="1230">
                  <c:v>3371.5703680000001</c:v>
                </c:pt>
                <c:pt idx="1231">
                  <c:v>3373.4991839999998</c:v>
                </c:pt>
                <c:pt idx="1232">
                  <c:v>3375.4279999999999</c:v>
                </c:pt>
                <c:pt idx="1233">
                  <c:v>3377.356816</c:v>
                </c:pt>
                <c:pt idx="1234">
                  <c:v>3379.2856320000001</c:v>
                </c:pt>
                <c:pt idx="1235">
                  <c:v>3381.2144480000002</c:v>
                </c:pt>
                <c:pt idx="1236">
                  <c:v>3383.1432639999998</c:v>
                </c:pt>
                <c:pt idx="1237">
                  <c:v>3385.0720799999999</c:v>
                </c:pt>
                <c:pt idx="1238">
                  <c:v>3387.000896</c:v>
                </c:pt>
                <c:pt idx="1239">
                  <c:v>3388.9297120000001</c:v>
                </c:pt>
                <c:pt idx="1240">
                  <c:v>3390.8585280000002</c:v>
                </c:pt>
                <c:pt idx="1241">
                  <c:v>3392.7873439999998</c:v>
                </c:pt>
                <c:pt idx="1242">
                  <c:v>3394.7161599999999</c:v>
                </c:pt>
                <c:pt idx="1243">
                  <c:v>3396.644976</c:v>
                </c:pt>
                <c:pt idx="1244">
                  <c:v>3398.5737920000001</c:v>
                </c:pt>
                <c:pt idx="1245">
                  <c:v>3400.5026079999998</c:v>
                </c:pt>
                <c:pt idx="1246">
                  <c:v>3402.4314239999999</c:v>
                </c:pt>
                <c:pt idx="1247">
                  <c:v>3404.36024</c:v>
                </c:pt>
                <c:pt idx="1248">
                  <c:v>3406.2890560000001</c:v>
                </c:pt>
                <c:pt idx="1249">
                  <c:v>3408.2178720000002</c:v>
                </c:pt>
                <c:pt idx="1250">
                  <c:v>3410.1466879999998</c:v>
                </c:pt>
                <c:pt idx="1251">
                  <c:v>3412.0755039999999</c:v>
                </c:pt>
                <c:pt idx="1252">
                  <c:v>3414.00432</c:v>
                </c:pt>
                <c:pt idx="1253">
                  <c:v>3415.9331360000001</c:v>
                </c:pt>
                <c:pt idx="1254">
                  <c:v>3417.8619520000002</c:v>
                </c:pt>
                <c:pt idx="1255">
                  <c:v>3419.7907679999998</c:v>
                </c:pt>
                <c:pt idx="1256">
                  <c:v>3421.7195839999999</c:v>
                </c:pt>
                <c:pt idx="1257">
                  <c:v>3423.6484</c:v>
                </c:pt>
                <c:pt idx="1258">
                  <c:v>3425.5772160000001</c:v>
                </c:pt>
                <c:pt idx="1259">
                  <c:v>3427.5060319999998</c:v>
                </c:pt>
                <c:pt idx="1260">
                  <c:v>3429.4348479999999</c:v>
                </c:pt>
                <c:pt idx="1261">
                  <c:v>3431.363664</c:v>
                </c:pt>
                <c:pt idx="1262">
                  <c:v>3433.2924800000001</c:v>
                </c:pt>
                <c:pt idx="1263">
                  <c:v>3435.2212960000002</c:v>
                </c:pt>
                <c:pt idx="1264">
                  <c:v>3437.1501119999998</c:v>
                </c:pt>
                <c:pt idx="1265">
                  <c:v>3439.0789279999999</c:v>
                </c:pt>
                <c:pt idx="1266">
                  <c:v>3441.007744</c:v>
                </c:pt>
                <c:pt idx="1267">
                  <c:v>3442.9365600000001</c:v>
                </c:pt>
                <c:pt idx="1268">
                  <c:v>3444.8653760000002</c:v>
                </c:pt>
                <c:pt idx="1269">
                  <c:v>3446.7941919999998</c:v>
                </c:pt>
                <c:pt idx="1270">
                  <c:v>3448.7230079999999</c:v>
                </c:pt>
                <c:pt idx="1271">
                  <c:v>3450.651824</c:v>
                </c:pt>
                <c:pt idx="1272">
                  <c:v>3452.5806400000001</c:v>
                </c:pt>
                <c:pt idx="1273">
                  <c:v>3454.5094559999998</c:v>
                </c:pt>
                <c:pt idx="1274">
                  <c:v>3456.4382719999999</c:v>
                </c:pt>
                <c:pt idx="1275">
                  <c:v>3458.367088</c:v>
                </c:pt>
                <c:pt idx="1276">
                  <c:v>3460.2959040000001</c:v>
                </c:pt>
                <c:pt idx="1277">
                  <c:v>3462.2247200000002</c:v>
                </c:pt>
                <c:pt idx="1278">
                  <c:v>3464.1535359999998</c:v>
                </c:pt>
                <c:pt idx="1279">
                  <c:v>3466.0823519999999</c:v>
                </c:pt>
                <c:pt idx="1280">
                  <c:v>3468.011168</c:v>
                </c:pt>
                <c:pt idx="1281">
                  <c:v>3469.9399840000001</c:v>
                </c:pt>
                <c:pt idx="1282">
                  <c:v>3471.8688000000002</c:v>
                </c:pt>
                <c:pt idx="1283">
                  <c:v>3473.7976159999998</c:v>
                </c:pt>
                <c:pt idx="1284">
                  <c:v>3475.7264319999999</c:v>
                </c:pt>
                <c:pt idx="1285">
                  <c:v>3477.655248</c:v>
                </c:pt>
                <c:pt idx="1286">
                  <c:v>3479.5840640000001</c:v>
                </c:pt>
                <c:pt idx="1287">
                  <c:v>3481.5128800000002</c:v>
                </c:pt>
                <c:pt idx="1288">
                  <c:v>3483.4416959999999</c:v>
                </c:pt>
                <c:pt idx="1289">
                  <c:v>3485.370512</c:v>
                </c:pt>
                <c:pt idx="1290">
                  <c:v>3487.2993280000001</c:v>
                </c:pt>
                <c:pt idx="1291">
                  <c:v>3489.2281440000002</c:v>
                </c:pt>
                <c:pt idx="1292">
                  <c:v>3491.1569599999998</c:v>
                </c:pt>
                <c:pt idx="1293">
                  <c:v>3493.0857759999999</c:v>
                </c:pt>
                <c:pt idx="1294">
                  <c:v>3495.014592</c:v>
                </c:pt>
                <c:pt idx="1295">
                  <c:v>3496.9434080000001</c:v>
                </c:pt>
                <c:pt idx="1296">
                  <c:v>3498.8722240000002</c:v>
                </c:pt>
                <c:pt idx="1297">
                  <c:v>3500.8010399999998</c:v>
                </c:pt>
                <c:pt idx="1298">
                  <c:v>3502.7298559999999</c:v>
                </c:pt>
                <c:pt idx="1299">
                  <c:v>3504.658672</c:v>
                </c:pt>
                <c:pt idx="1300">
                  <c:v>3506.5874880000001</c:v>
                </c:pt>
                <c:pt idx="1301">
                  <c:v>3508.5163040000002</c:v>
                </c:pt>
                <c:pt idx="1302">
                  <c:v>3510.4451199999999</c:v>
                </c:pt>
                <c:pt idx="1303">
                  <c:v>3512.373936</c:v>
                </c:pt>
                <c:pt idx="1304">
                  <c:v>3514.3027520000001</c:v>
                </c:pt>
                <c:pt idx="1305">
                  <c:v>3516.2315680000002</c:v>
                </c:pt>
                <c:pt idx="1306">
                  <c:v>3518.1603839999998</c:v>
                </c:pt>
                <c:pt idx="1307">
                  <c:v>3520.0891999999999</c:v>
                </c:pt>
                <c:pt idx="1308">
                  <c:v>3522.018016</c:v>
                </c:pt>
                <c:pt idx="1309">
                  <c:v>3523.9468320000001</c:v>
                </c:pt>
                <c:pt idx="1310">
                  <c:v>3525.8756480000002</c:v>
                </c:pt>
                <c:pt idx="1311">
                  <c:v>3527.8044639999998</c:v>
                </c:pt>
                <c:pt idx="1312">
                  <c:v>3529.7332799999999</c:v>
                </c:pt>
                <c:pt idx="1313">
                  <c:v>3531.662096</c:v>
                </c:pt>
                <c:pt idx="1314">
                  <c:v>3533.5909120000001</c:v>
                </c:pt>
                <c:pt idx="1315">
                  <c:v>3535.5197280000002</c:v>
                </c:pt>
                <c:pt idx="1316">
                  <c:v>3537.4485439999999</c:v>
                </c:pt>
                <c:pt idx="1317">
                  <c:v>3539.37736</c:v>
                </c:pt>
                <c:pt idx="1318">
                  <c:v>3541.3061760000001</c:v>
                </c:pt>
                <c:pt idx="1319">
                  <c:v>3543.2349920000001</c:v>
                </c:pt>
                <c:pt idx="1320">
                  <c:v>3545.1638079999998</c:v>
                </c:pt>
                <c:pt idx="1321">
                  <c:v>3547.0926239999999</c:v>
                </c:pt>
                <c:pt idx="1322">
                  <c:v>3549.02144</c:v>
                </c:pt>
                <c:pt idx="1323">
                  <c:v>3550.9502560000001</c:v>
                </c:pt>
                <c:pt idx="1324">
                  <c:v>3552.8790720000002</c:v>
                </c:pt>
                <c:pt idx="1325">
                  <c:v>3554.8078879999998</c:v>
                </c:pt>
                <c:pt idx="1326">
                  <c:v>3556.7367039999999</c:v>
                </c:pt>
                <c:pt idx="1327">
                  <c:v>3558.66552</c:v>
                </c:pt>
                <c:pt idx="1328">
                  <c:v>3560.5943360000001</c:v>
                </c:pt>
                <c:pt idx="1329">
                  <c:v>3562.5231520000002</c:v>
                </c:pt>
                <c:pt idx="1330">
                  <c:v>3564.4519679999999</c:v>
                </c:pt>
                <c:pt idx="1331">
                  <c:v>3566.3807839999999</c:v>
                </c:pt>
                <c:pt idx="1332">
                  <c:v>3568.3096</c:v>
                </c:pt>
                <c:pt idx="1333">
                  <c:v>3570.2384160000001</c:v>
                </c:pt>
                <c:pt idx="1334">
                  <c:v>3572.1672319999998</c:v>
                </c:pt>
                <c:pt idx="1335">
                  <c:v>3574.0960479999999</c:v>
                </c:pt>
                <c:pt idx="1336">
                  <c:v>3576.024864</c:v>
                </c:pt>
                <c:pt idx="1337">
                  <c:v>3577.9536800000001</c:v>
                </c:pt>
                <c:pt idx="1338">
                  <c:v>3579.8824960000002</c:v>
                </c:pt>
                <c:pt idx="1339">
                  <c:v>3581.8113119999998</c:v>
                </c:pt>
                <c:pt idx="1340">
                  <c:v>3583.7401279999999</c:v>
                </c:pt>
                <c:pt idx="1341">
                  <c:v>3585.668944</c:v>
                </c:pt>
                <c:pt idx="1342">
                  <c:v>3587.5977600000001</c:v>
                </c:pt>
                <c:pt idx="1343">
                  <c:v>3589.5265760000002</c:v>
                </c:pt>
                <c:pt idx="1344">
                  <c:v>3591.4553919999998</c:v>
                </c:pt>
                <c:pt idx="1345">
                  <c:v>3593.3842079999999</c:v>
                </c:pt>
                <c:pt idx="1346">
                  <c:v>3595.313024</c:v>
                </c:pt>
                <c:pt idx="1347">
                  <c:v>3597.2418400000001</c:v>
                </c:pt>
                <c:pt idx="1348">
                  <c:v>3599.1706559999998</c:v>
                </c:pt>
                <c:pt idx="1349">
                  <c:v>3601.0994719999999</c:v>
                </c:pt>
                <c:pt idx="1350">
                  <c:v>3603.028288</c:v>
                </c:pt>
                <c:pt idx="1351">
                  <c:v>3604.9571040000001</c:v>
                </c:pt>
                <c:pt idx="1352">
                  <c:v>3606.8859200000002</c:v>
                </c:pt>
                <c:pt idx="1353">
                  <c:v>3608.8147359999998</c:v>
                </c:pt>
                <c:pt idx="1354">
                  <c:v>3610.7435519999999</c:v>
                </c:pt>
                <c:pt idx="1355">
                  <c:v>3612.672368</c:v>
                </c:pt>
                <c:pt idx="1356">
                  <c:v>3614.6011840000001</c:v>
                </c:pt>
                <c:pt idx="1357">
                  <c:v>3616.53</c:v>
                </c:pt>
                <c:pt idx="1358">
                  <c:v>3618.4588159999998</c:v>
                </c:pt>
                <c:pt idx="1359">
                  <c:v>3620.3876319999999</c:v>
                </c:pt>
                <c:pt idx="1360">
                  <c:v>3622.316448</c:v>
                </c:pt>
                <c:pt idx="1361">
                  <c:v>3624.2452640000001</c:v>
                </c:pt>
                <c:pt idx="1362">
                  <c:v>3626.1740799999998</c:v>
                </c:pt>
                <c:pt idx="1363">
                  <c:v>3628.1028959999999</c:v>
                </c:pt>
                <c:pt idx="1364">
                  <c:v>3630.031712</c:v>
                </c:pt>
                <c:pt idx="1365">
                  <c:v>3631.9605280000001</c:v>
                </c:pt>
                <c:pt idx="1366">
                  <c:v>3633.8893440000002</c:v>
                </c:pt>
                <c:pt idx="1367">
                  <c:v>3635.8181599999998</c:v>
                </c:pt>
                <c:pt idx="1368">
                  <c:v>3637.7469759999999</c:v>
                </c:pt>
                <c:pt idx="1369">
                  <c:v>3639.675792</c:v>
                </c:pt>
                <c:pt idx="1370">
                  <c:v>3641.6046080000001</c:v>
                </c:pt>
                <c:pt idx="1371">
                  <c:v>3643.5334240000002</c:v>
                </c:pt>
                <c:pt idx="1372">
                  <c:v>3645.4622399999998</c:v>
                </c:pt>
                <c:pt idx="1373">
                  <c:v>3647.3910559999999</c:v>
                </c:pt>
                <c:pt idx="1374">
                  <c:v>3649.319872</c:v>
                </c:pt>
                <c:pt idx="1375">
                  <c:v>3651.2486880000001</c:v>
                </c:pt>
                <c:pt idx="1376">
                  <c:v>3653.1775040000002</c:v>
                </c:pt>
                <c:pt idx="1377">
                  <c:v>3655.1063199999999</c:v>
                </c:pt>
                <c:pt idx="1378">
                  <c:v>3657.035136</c:v>
                </c:pt>
                <c:pt idx="1379">
                  <c:v>3658.9639520000001</c:v>
                </c:pt>
                <c:pt idx="1380">
                  <c:v>3660.8927680000002</c:v>
                </c:pt>
                <c:pt idx="1381">
                  <c:v>3662.8215839999998</c:v>
                </c:pt>
                <c:pt idx="1382">
                  <c:v>3664.7503999999999</c:v>
                </c:pt>
                <c:pt idx="1383">
                  <c:v>3666.679216</c:v>
                </c:pt>
                <c:pt idx="1384">
                  <c:v>3668.6080320000001</c:v>
                </c:pt>
                <c:pt idx="1385">
                  <c:v>3670.5368480000002</c:v>
                </c:pt>
                <c:pt idx="1386">
                  <c:v>3672.4656639999998</c:v>
                </c:pt>
                <c:pt idx="1387">
                  <c:v>3674.3944799999999</c:v>
                </c:pt>
                <c:pt idx="1388">
                  <c:v>3676.323296</c:v>
                </c:pt>
                <c:pt idx="1389">
                  <c:v>3678.2521120000001</c:v>
                </c:pt>
                <c:pt idx="1390">
                  <c:v>3680.1809280000002</c:v>
                </c:pt>
                <c:pt idx="1391">
                  <c:v>3682.1097439999999</c:v>
                </c:pt>
                <c:pt idx="1392">
                  <c:v>3684.03856</c:v>
                </c:pt>
                <c:pt idx="1393">
                  <c:v>3685.9673760000001</c:v>
                </c:pt>
                <c:pt idx="1394">
                  <c:v>3687.8961920000002</c:v>
                </c:pt>
                <c:pt idx="1395">
                  <c:v>3689.8250079999998</c:v>
                </c:pt>
                <c:pt idx="1396">
                  <c:v>3691.7538239999999</c:v>
                </c:pt>
                <c:pt idx="1397">
                  <c:v>3693.68264</c:v>
                </c:pt>
                <c:pt idx="1398">
                  <c:v>3695.6114560000001</c:v>
                </c:pt>
                <c:pt idx="1399">
                  <c:v>3697.5402720000002</c:v>
                </c:pt>
                <c:pt idx="1400">
                  <c:v>3699.4690879999998</c:v>
                </c:pt>
                <c:pt idx="1401">
                  <c:v>3701.3979039999999</c:v>
                </c:pt>
                <c:pt idx="1402">
                  <c:v>3703.32672</c:v>
                </c:pt>
                <c:pt idx="1403">
                  <c:v>3705.2555360000001</c:v>
                </c:pt>
                <c:pt idx="1404">
                  <c:v>3707.1843520000002</c:v>
                </c:pt>
                <c:pt idx="1405">
                  <c:v>3709.1131679999999</c:v>
                </c:pt>
                <c:pt idx="1406">
                  <c:v>3711.041984</c:v>
                </c:pt>
                <c:pt idx="1407">
                  <c:v>3712.9708000000001</c:v>
                </c:pt>
                <c:pt idx="1408">
                  <c:v>3714.8996160000002</c:v>
                </c:pt>
                <c:pt idx="1409">
                  <c:v>3716.8284319999998</c:v>
                </c:pt>
                <c:pt idx="1410">
                  <c:v>3718.7572479999999</c:v>
                </c:pt>
                <c:pt idx="1411">
                  <c:v>3720.686064</c:v>
                </c:pt>
                <c:pt idx="1412">
                  <c:v>3722.6148800000001</c:v>
                </c:pt>
                <c:pt idx="1413">
                  <c:v>3724.5436960000002</c:v>
                </c:pt>
                <c:pt idx="1414">
                  <c:v>3726.4725119999998</c:v>
                </c:pt>
                <c:pt idx="1415">
                  <c:v>3728.4013279999999</c:v>
                </c:pt>
                <c:pt idx="1416">
                  <c:v>3730.330144</c:v>
                </c:pt>
                <c:pt idx="1417">
                  <c:v>3732.2589600000001</c:v>
                </c:pt>
                <c:pt idx="1418">
                  <c:v>3734.1877760000002</c:v>
                </c:pt>
                <c:pt idx="1419">
                  <c:v>3736.1165919999999</c:v>
                </c:pt>
                <c:pt idx="1420">
                  <c:v>3738.045408</c:v>
                </c:pt>
                <c:pt idx="1421">
                  <c:v>3739.974224</c:v>
                </c:pt>
                <c:pt idx="1422">
                  <c:v>3741.9030400000001</c:v>
                </c:pt>
                <c:pt idx="1423">
                  <c:v>3743.8318559999998</c:v>
                </c:pt>
                <c:pt idx="1424">
                  <c:v>3745.7606719999999</c:v>
                </c:pt>
                <c:pt idx="1425">
                  <c:v>3747.689488</c:v>
                </c:pt>
                <c:pt idx="1426">
                  <c:v>3749.6183040000001</c:v>
                </c:pt>
                <c:pt idx="1427">
                  <c:v>3751.5471200000002</c:v>
                </c:pt>
                <c:pt idx="1428">
                  <c:v>3753.4759359999998</c:v>
                </c:pt>
                <c:pt idx="1429">
                  <c:v>3755.4047519999999</c:v>
                </c:pt>
                <c:pt idx="1430">
                  <c:v>3757.333568</c:v>
                </c:pt>
                <c:pt idx="1431">
                  <c:v>3759.2623840000001</c:v>
                </c:pt>
                <c:pt idx="1432">
                  <c:v>3761.1912000000002</c:v>
                </c:pt>
                <c:pt idx="1433">
                  <c:v>3763.1200159999999</c:v>
                </c:pt>
                <c:pt idx="1434">
                  <c:v>3765.0488319999999</c:v>
                </c:pt>
                <c:pt idx="1435">
                  <c:v>3766.977648</c:v>
                </c:pt>
                <c:pt idx="1436">
                  <c:v>3768.9064640000001</c:v>
                </c:pt>
                <c:pt idx="1437">
                  <c:v>3770.8352799999998</c:v>
                </c:pt>
                <c:pt idx="1438">
                  <c:v>3772.7640959999999</c:v>
                </c:pt>
                <c:pt idx="1439">
                  <c:v>3774.692912</c:v>
                </c:pt>
                <c:pt idx="1440">
                  <c:v>3776.6217280000001</c:v>
                </c:pt>
                <c:pt idx="1441">
                  <c:v>3778.5505440000002</c:v>
                </c:pt>
                <c:pt idx="1442">
                  <c:v>3780.4793599999998</c:v>
                </c:pt>
                <c:pt idx="1443">
                  <c:v>3782.4081759999999</c:v>
                </c:pt>
                <c:pt idx="1444">
                  <c:v>3784.336992</c:v>
                </c:pt>
                <c:pt idx="1445">
                  <c:v>3786.2658080000001</c:v>
                </c:pt>
                <c:pt idx="1446">
                  <c:v>3788.1946240000002</c:v>
                </c:pt>
                <c:pt idx="1447">
                  <c:v>3790.1234399999998</c:v>
                </c:pt>
                <c:pt idx="1448">
                  <c:v>3792.0522559999999</c:v>
                </c:pt>
                <c:pt idx="1449">
                  <c:v>3793.981072</c:v>
                </c:pt>
                <c:pt idx="1450">
                  <c:v>3795.9098880000001</c:v>
                </c:pt>
                <c:pt idx="1451">
                  <c:v>3797.8387039999998</c:v>
                </c:pt>
                <c:pt idx="1452">
                  <c:v>3799.7675199999999</c:v>
                </c:pt>
                <c:pt idx="1453">
                  <c:v>3801.696336</c:v>
                </c:pt>
                <c:pt idx="1454">
                  <c:v>3803.6251520000001</c:v>
                </c:pt>
                <c:pt idx="1455">
                  <c:v>3805.5539680000002</c:v>
                </c:pt>
                <c:pt idx="1456">
                  <c:v>3807.4827839999998</c:v>
                </c:pt>
                <c:pt idx="1457">
                  <c:v>3809.4115999999999</c:v>
                </c:pt>
                <c:pt idx="1458">
                  <c:v>3811.340416</c:v>
                </c:pt>
                <c:pt idx="1459">
                  <c:v>3813.2692320000001</c:v>
                </c:pt>
                <c:pt idx="1460">
                  <c:v>3815.1980480000002</c:v>
                </c:pt>
                <c:pt idx="1461">
                  <c:v>3817.1268639999998</c:v>
                </c:pt>
                <c:pt idx="1462">
                  <c:v>3819.0556799999999</c:v>
                </c:pt>
                <c:pt idx="1463">
                  <c:v>3820.984496</c:v>
                </c:pt>
                <c:pt idx="1464">
                  <c:v>3822.9133120000001</c:v>
                </c:pt>
                <c:pt idx="1465">
                  <c:v>3824.8421279999998</c:v>
                </c:pt>
                <c:pt idx="1466">
                  <c:v>3826.7709439999999</c:v>
                </c:pt>
                <c:pt idx="1467">
                  <c:v>3828.69976</c:v>
                </c:pt>
                <c:pt idx="1468">
                  <c:v>3830.6285760000001</c:v>
                </c:pt>
                <c:pt idx="1469">
                  <c:v>3832.5573920000002</c:v>
                </c:pt>
                <c:pt idx="1470">
                  <c:v>3834.4862079999998</c:v>
                </c:pt>
                <c:pt idx="1471">
                  <c:v>3836.4150239999999</c:v>
                </c:pt>
                <c:pt idx="1472">
                  <c:v>3838.34384</c:v>
                </c:pt>
                <c:pt idx="1473">
                  <c:v>3840.2726560000001</c:v>
                </c:pt>
                <c:pt idx="1474">
                  <c:v>3842.2014720000002</c:v>
                </c:pt>
                <c:pt idx="1475">
                  <c:v>3844.1302879999998</c:v>
                </c:pt>
                <c:pt idx="1476">
                  <c:v>3846.0591039999999</c:v>
                </c:pt>
                <c:pt idx="1477">
                  <c:v>3847.98792</c:v>
                </c:pt>
                <c:pt idx="1478">
                  <c:v>3849.9167360000001</c:v>
                </c:pt>
                <c:pt idx="1479">
                  <c:v>3851.8455520000002</c:v>
                </c:pt>
                <c:pt idx="1480">
                  <c:v>3853.7743679999999</c:v>
                </c:pt>
                <c:pt idx="1481">
                  <c:v>3855.703184</c:v>
                </c:pt>
                <c:pt idx="1482">
                  <c:v>3857.6320000000001</c:v>
                </c:pt>
                <c:pt idx="1483">
                  <c:v>3859.5608160000002</c:v>
                </c:pt>
                <c:pt idx="1484">
                  <c:v>3861.4896319999998</c:v>
                </c:pt>
                <c:pt idx="1485">
                  <c:v>3863.4184479999999</c:v>
                </c:pt>
                <c:pt idx="1486">
                  <c:v>3865.347264</c:v>
                </c:pt>
                <c:pt idx="1487">
                  <c:v>3867.2760800000001</c:v>
                </c:pt>
                <c:pt idx="1488">
                  <c:v>3869.2048960000002</c:v>
                </c:pt>
                <c:pt idx="1489">
                  <c:v>3871.1337119999998</c:v>
                </c:pt>
                <c:pt idx="1490">
                  <c:v>3873.0625279999999</c:v>
                </c:pt>
                <c:pt idx="1491">
                  <c:v>3874.991344</c:v>
                </c:pt>
                <c:pt idx="1492">
                  <c:v>3876.9201600000001</c:v>
                </c:pt>
                <c:pt idx="1493">
                  <c:v>3878.8489760000002</c:v>
                </c:pt>
                <c:pt idx="1494">
                  <c:v>3880.7777919999999</c:v>
                </c:pt>
                <c:pt idx="1495">
                  <c:v>3882.706608</c:v>
                </c:pt>
                <c:pt idx="1496">
                  <c:v>3884.6354240000001</c:v>
                </c:pt>
                <c:pt idx="1497">
                  <c:v>3886.5642400000002</c:v>
                </c:pt>
                <c:pt idx="1498">
                  <c:v>3888.4930559999998</c:v>
                </c:pt>
                <c:pt idx="1499">
                  <c:v>3890.4218719999999</c:v>
                </c:pt>
                <c:pt idx="1500">
                  <c:v>3892.350688</c:v>
                </c:pt>
                <c:pt idx="1501">
                  <c:v>3894.2795040000001</c:v>
                </c:pt>
                <c:pt idx="1502">
                  <c:v>3896.2083200000002</c:v>
                </c:pt>
                <c:pt idx="1503">
                  <c:v>3898.1371359999998</c:v>
                </c:pt>
                <c:pt idx="1504">
                  <c:v>3900.0659519999999</c:v>
                </c:pt>
                <c:pt idx="1505">
                  <c:v>3901.994768</c:v>
                </c:pt>
                <c:pt idx="1506">
                  <c:v>3903.9235840000001</c:v>
                </c:pt>
                <c:pt idx="1507">
                  <c:v>3905.8524000000002</c:v>
                </c:pt>
                <c:pt idx="1508">
                  <c:v>3907.7812159999999</c:v>
                </c:pt>
                <c:pt idx="1509">
                  <c:v>3909.710032</c:v>
                </c:pt>
                <c:pt idx="1510">
                  <c:v>3911.6388480000001</c:v>
                </c:pt>
                <c:pt idx="1511">
                  <c:v>3913.5676640000001</c:v>
                </c:pt>
                <c:pt idx="1512">
                  <c:v>3915.4964799999998</c:v>
                </c:pt>
                <c:pt idx="1513">
                  <c:v>3917.4252959999999</c:v>
                </c:pt>
                <c:pt idx="1514">
                  <c:v>3919.354112</c:v>
                </c:pt>
                <c:pt idx="1515">
                  <c:v>3921.2829280000001</c:v>
                </c:pt>
                <c:pt idx="1516">
                  <c:v>3923.2117440000002</c:v>
                </c:pt>
                <c:pt idx="1517">
                  <c:v>3925.1405599999998</c:v>
                </c:pt>
                <c:pt idx="1518">
                  <c:v>3927.0693759999999</c:v>
                </c:pt>
                <c:pt idx="1519">
                  <c:v>3928.998192</c:v>
                </c:pt>
                <c:pt idx="1520">
                  <c:v>3930.9270080000001</c:v>
                </c:pt>
                <c:pt idx="1521">
                  <c:v>3932.8558240000002</c:v>
                </c:pt>
                <c:pt idx="1522">
                  <c:v>3934.7846399999999</c:v>
                </c:pt>
                <c:pt idx="1523">
                  <c:v>3936.713456</c:v>
                </c:pt>
                <c:pt idx="1524">
                  <c:v>3938.642272</c:v>
                </c:pt>
                <c:pt idx="1525">
                  <c:v>3940.5710880000001</c:v>
                </c:pt>
                <c:pt idx="1526">
                  <c:v>3942.4999039999998</c:v>
                </c:pt>
                <c:pt idx="1527">
                  <c:v>3944.4287199999999</c:v>
                </c:pt>
                <c:pt idx="1528">
                  <c:v>3946.357536</c:v>
                </c:pt>
                <c:pt idx="1529">
                  <c:v>3948.2863520000001</c:v>
                </c:pt>
                <c:pt idx="1530">
                  <c:v>3950.2151680000002</c:v>
                </c:pt>
                <c:pt idx="1531">
                  <c:v>3952.1439839999998</c:v>
                </c:pt>
                <c:pt idx="1532">
                  <c:v>3954.0727999999999</c:v>
                </c:pt>
                <c:pt idx="1533">
                  <c:v>3956.001616</c:v>
                </c:pt>
                <c:pt idx="1534">
                  <c:v>3957.9304320000001</c:v>
                </c:pt>
                <c:pt idx="1535">
                  <c:v>3959.8592480000002</c:v>
                </c:pt>
                <c:pt idx="1536">
                  <c:v>3961.7880639999998</c:v>
                </c:pt>
                <c:pt idx="1537">
                  <c:v>3963.7168799999999</c:v>
                </c:pt>
                <c:pt idx="1538">
                  <c:v>3965.645696</c:v>
                </c:pt>
                <c:pt idx="1539">
                  <c:v>3967.5745120000001</c:v>
                </c:pt>
                <c:pt idx="1540">
                  <c:v>3969.5033279999998</c:v>
                </c:pt>
                <c:pt idx="1541">
                  <c:v>3971.4321439999999</c:v>
                </c:pt>
                <c:pt idx="1542">
                  <c:v>3973.36096</c:v>
                </c:pt>
                <c:pt idx="1543">
                  <c:v>3975.2897760000001</c:v>
                </c:pt>
                <c:pt idx="1544">
                  <c:v>3977.2185920000002</c:v>
                </c:pt>
                <c:pt idx="1545">
                  <c:v>3979.1474079999998</c:v>
                </c:pt>
                <c:pt idx="1546">
                  <c:v>3981.0762239999999</c:v>
                </c:pt>
                <c:pt idx="1547">
                  <c:v>3983.00504</c:v>
                </c:pt>
                <c:pt idx="1548">
                  <c:v>3984.9338560000001</c:v>
                </c:pt>
                <c:pt idx="1549">
                  <c:v>3986.8626720000002</c:v>
                </c:pt>
                <c:pt idx="1550">
                  <c:v>3988.7914879999998</c:v>
                </c:pt>
                <c:pt idx="1551">
                  <c:v>3990.7203039999999</c:v>
                </c:pt>
                <c:pt idx="1552">
                  <c:v>3992.64912</c:v>
                </c:pt>
                <c:pt idx="1553">
                  <c:v>3994.5779360000001</c:v>
                </c:pt>
                <c:pt idx="1554">
                  <c:v>3996.5067519999998</c:v>
                </c:pt>
                <c:pt idx="1555">
                  <c:v>3998.4355679999999</c:v>
                </c:pt>
                <c:pt idx="1556">
                  <c:v>4000.364384</c:v>
                </c:pt>
              </c:numCache>
            </c:numRef>
          </c:xVal>
          <c:yVal>
            <c:numRef>
              <c:f>'Fig 2 a'!$M$11:$M$1567</c:f>
              <c:numCache>
                <c:formatCode>General</c:formatCode>
                <c:ptCount val="1557"/>
                <c:pt idx="0">
                  <c:v>80.278493999999995</c:v>
                </c:pt>
                <c:pt idx="1">
                  <c:v>77.731577999999999</c:v>
                </c:pt>
                <c:pt idx="2">
                  <c:v>75.019672999999997</c:v>
                </c:pt>
                <c:pt idx="3">
                  <c:v>72.250530999999995</c:v>
                </c:pt>
                <c:pt idx="4">
                  <c:v>69.550245000000004</c:v>
                </c:pt>
                <c:pt idx="5">
                  <c:v>66.795105000000007</c:v>
                </c:pt>
                <c:pt idx="6">
                  <c:v>64.148621000000006</c:v>
                </c:pt>
                <c:pt idx="7">
                  <c:v>61.435526000000003</c:v>
                </c:pt>
                <c:pt idx="8">
                  <c:v>58.814529</c:v>
                </c:pt>
                <c:pt idx="9">
                  <c:v>56.278230999999998</c:v>
                </c:pt>
                <c:pt idx="10">
                  <c:v>53.950775999999998</c:v>
                </c:pt>
                <c:pt idx="11">
                  <c:v>51.734605999999999</c:v>
                </c:pt>
                <c:pt idx="12">
                  <c:v>49.725614999999998</c:v>
                </c:pt>
                <c:pt idx="13">
                  <c:v>47.857861</c:v>
                </c:pt>
                <c:pt idx="14">
                  <c:v>46.229439999999997</c:v>
                </c:pt>
                <c:pt idx="15">
                  <c:v>44.738776000000001</c:v>
                </c:pt>
                <c:pt idx="16">
                  <c:v>43.500484999999998</c:v>
                </c:pt>
                <c:pt idx="17">
                  <c:v>42.321452999999998</c:v>
                </c:pt>
                <c:pt idx="18">
                  <c:v>41.456524999999999</c:v>
                </c:pt>
                <c:pt idx="19">
                  <c:v>40.767220999999999</c:v>
                </c:pt>
                <c:pt idx="20">
                  <c:v>40.209521000000002</c:v>
                </c:pt>
                <c:pt idx="21">
                  <c:v>39.717106000000001</c:v>
                </c:pt>
                <c:pt idx="22">
                  <c:v>39.439095999999999</c:v>
                </c:pt>
                <c:pt idx="23">
                  <c:v>39.226717000000001</c:v>
                </c:pt>
                <c:pt idx="24">
                  <c:v>39.186123000000002</c:v>
                </c:pt>
                <c:pt idx="25">
                  <c:v>39.122821000000002</c:v>
                </c:pt>
                <c:pt idx="26">
                  <c:v>39.263815999999998</c:v>
                </c:pt>
                <c:pt idx="27">
                  <c:v>39.406368000000001</c:v>
                </c:pt>
                <c:pt idx="28">
                  <c:v>39.697671</c:v>
                </c:pt>
                <c:pt idx="29">
                  <c:v>39.967436999999997</c:v>
                </c:pt>
                <c:pt idx="30">
                  <c:v>40.387551999999999</c:v>
                </c:pt>
                <c:pt idx="31">
                  <c:v>40.729635000000002</c:v>
                </c:pt>
                <c:pt idx="32">
                  <c:v>41.241117000000003</c:v>
                </c:pt>
                <c:pt idx="33">
                  <c:v>41.737608000000002</c:v>
                </c:pt>
                <c:pt idx="34">
                  <c:v>42.449415000000002</c:v>
                </c:pt>
                <c:pt idx="35">
                  <c:v>43.066417999999999</c:v>
                </c:pt>
                <c:pt idx="36">
                  <c:v>43.798113999999998</c:v>
                </c:pt>
                <c:pt idx="37">
                  <c:v>44.520924999999998</c:v>
                </c:pt>
                <c:pt idx="38">
                  <c:v>45.349516000000001</c:v>
                </c:pt>
                <c:pt idx="39">
                  <c:v>46.128799000000001</c:v>
                </c:pt>
                <c:pt idx="40">
                  <c:v>47.016706999999997</c:v>
                </c:pt>
                <c:pt idx="41">
                  <c:v>47.880958999999997</c:v>
                </c:pt>
                <c:pt idx="42">
                  <c:v>48.895710000000001</c:v>
                </c:pt>
                <c:pt idx="43">
                  <c:v>49.966445999999998</c:v>
                </c:pt>
                <c:pt idx="44">
                  <c:v>51.109395999999997</c:v>
                </c:pt>
                <c:pt idx="45">
                  <c:v>52.124578999999997</c:v>
                </c:pt>
                <c:pt idx="46">
                  <c:v>53.326081000000002</c:v>
                </c:pt>
                <c:pt idx="47">
                  <c:v>54.625183999999997</c:v>
                </c:pt>
                <c:pt idx="48">
                  <c:v>56.056505000000001</c:v>
                </c:pt>
                <c:pt idx="49">
                  <c:v>57.329323000000002</c:v>
                </c:pt>
                <c:pt idx="50">
                  <c:v>58.650247</c:v>
                </c:pt>
                <c:pt idx="51">
                  <c:v>60.045516999999997</c:v>
                </c:pt>
                <c:pt idx="52">
                  <c:v>61.614322999999999</c:v>
                </c:pt>
                <c:pt idx="53">
                  <c:v>63.136212999999998</c:v>
                </c:pt>
                <c:pt idx="54">
                  <c:v>64.676180000000002</c:v>
                </c:pt>
                <c:pt idx="55">
                  <c:v>66.191012000000001</c:v>
                </c:pt>
                <c:pt idx="56">
                  <c:v>67.801070999999993</c:v>
                </c:pt>
                <c:pt idx="57">
                  <c:v>69.168512000000007</c:v>
                </c:pt>
                <c:pt idx="58">
                  <c:v>70.545516000000006</c:v>
                </c:pt>
                <c:pt idx="59">
                  <c:v>71.883979999999994</c:v>
                </c:pt>
                <c:pt idx="60">
                  <c:v>73.145430000000005</c:v>
                </c:pt>
                <c:pt idx="61">
                  <c:v>74.209658000000005</c:v>
                </c:pt>
                <c:pt idx="62">
                  <c:v>75.276358000000002</c:v>
                </c:pt>
                <c:pt idx="63">
                  <c:v>76.192233999999999</c:v>
                </c:pt>
                <c:pt idx="64">
                  <c:v>77.053233000000006</c:v>
                </c:pt>
                <c:pt idx="65">
                  <c:v>77.875093000000007</c:v>
                </c:pt>
                <c:pt idx="66">
                  <c:v>78.632862000000003</c:v>
                </c:pt>
                <c:pt idx="67">
                  <c:v>79.304321999999999</c:v>
                </c:pt>
                <c:pt idx="68">
                  <c:v>80.055733000000004</c:v>
                </c:pt>
                <c:pt idx="69">
                  <c:v>80.539186000000001</c:v>
                </c:pt>
                <c:pt idx="70">
                  <c:v>81.137742000000003</c:v>
                </c:pt>
                <c:pt idx="71">
                  <c:v>81.815385000000006</c:v>
                </c:pt>
                <c:pt idx="72">
                  <c:v>82.487392999999997</c:v>
                </c:pt>
                <c:pt idx="73">
                  <c:v>82.961072000000001</c:v>
                </c:pt>
                <c:pt idx="74">
                  <c:v>83.435928000000004</c:v>
                </c:pt>
                <c:pt idx="75">
                  <c:v>83.991726</c:v>
                </c:pt>
                <c:pt idx="76">
                  <c:v>84.547747999999999</c:v>
                </c:pt>
                <c:pt idx="77">
                  <c:v>85.031612999999993</c:v>
                </c:pt>
                <c:pt idx="78">
                  <c:v>85.591761000000005</c:v>
                </c:pt>
                <c:pt idx="79">
                  <c:v>86.100789000000006</c:v>
                </c:pt>
                <c:pt idx="80">
                  <c:v>86.537053999999998</c:v>
                </c:pt>
                <c:pt idx="81">
                  <c:v>87.000836000000007</c:v>
                </c:pt>
                <c:pt idx="82">
                  <c:v>87.542062999999999</c:v>
                </c:pt>
                <c:pt idx="83">
                  <c:v>88.003861000000001</c:v>
                </c:pt>
                <c:pt idx="84">
                  <c:v>88.416113999999993</c:v>
                </c:pt>
                <c:pt idx="85">
                  <c:v>88.767173</c:v>
                </c:pt>
                <c:pt idx="86">
                  <c:v>89.264832999999996</c:v>
                </c:pt>
                <c:pt idx="87">
                  <c:v>89.689623999999995</c:v>
                </c:pt>
                <c:pt idx="88">
                  <c:v>90.102288999999999</c:v>
                </c:pt>
                <c:pt idx="89">
                  <c:v>90.461224999999999</c:v>
                </c:pt>
                <c:pt idx="90">
                  <c:v>90.884619000000001</c:v>
                </c:pt>
                <c:pt idx="91">
                  <c:v>91.282985999999994</c:v>
                </c:pt>
                <c:pt idx="92">
                  <c:v>91.642593000000005</c:v>
                </c:pt>
                <c:pt idx="93">
                  <c:v>91.934972999999999</c:v>
                </c:pt>
                <c:pt idx="94">
                  <c:v>92.208402000000007</c:v>
                </c:pt>
                <c:pt idx="95">
                  <c:v>92.474742000000006</c:v>
                </c:pt>
                <c:pt idx="96">
                  <c:v>92.831383000000002</c:v>
                </c:pt>
                <c:pt idx="97">
                  <c:v>93.137078000000002</c:v>
                </c:pt>
                <c:pt idx="98">
                  <c:v>93.409548999999998</c:v>
                </c:pt>
                <c:pt idx="99">
                  <c:v>93.709592999999998</c:v>
                </c:pt>
                <c:pt idx="100">
                  <c:v>94.082452000000004</c:v>
                </c:pt>
                <c:pt idx="101">
                  <c:v>94.462732000000003</c:v>
                </c:pt>
                <c:pt idx="102">
                  <c:v>94.879219000000006</c:v>
                </c:pt>
                <c:pt idx="103">
                  <c:v>95.315996999999996</c:v>
                </c:pt>
                <c:pt idx="104">
                  <c:v>95.665255000000002</c:v>
                </c:pt>
                <c:pt idx="105">
                  <c:v>95.951459999999997</c:v>
                </c:pt>
                <c:pt idx="106">
                  <c:v>96.348056999999997</c:v>
                </c:pt>
                <c:pt idx="107">
                  <c:v>96.693036000000006</c:v>
                </c:pt>
                <c:pt idx="108">
                  <c:v>97.090074000000001</c:v>
                </c:pt>
                <c:pt idx="109">
                  <c:v>97.594384000000005</c:v>
                </c:pt>
                <c:pt idx="110">
                  <c:v>98.162019000000001</c:v>
                </c:pt>
                <c:pt idx="111">
                  <c:v>98.662037999999995</c:v>
                </c:pt>
                <c:pt idx="112">
                  <c:v>99.096457000000001</c:v>
                </c:pt>
                <c:pt idx="113">
                  <c:v>99.537068000000005</c:v>
                </c:pt>
                <c:pt idx="114">
                  <c:v>100.02337199999999</c:v>
                </c:pt>
                <c:pt idx="115">
                  <c:v>100.48629699999999</c:v>
                </c:pt>
                <c:pt idx="116">
                  <c:v>101.005734</c:v>
                </c:pt>
                <c:pt idx="117">
                  <c:v>101.54047300000001</c:v>
                </c:pt>
                <c:pt idx="118">
                  <c:v>102.05289999999999</c:v>
                </c:pt>
                <c:pt idx="119">
                  <c:v>102.597459</c:v>
                </c:pt>
                <c:pt idx="120">
                  <c:v>103.218678</c:v>
                </c:pt>
                <c:pt idx="121">
                  <c:v>103.839246</c:v>
                </c:pt>
                <c:pt idx="122">
                  <c:v>104.478696</c:v>
                </c:pt>
                <c:pt idx="123">
                  <c:v>105.12128</c:v>
                </c:pt>
                <c:pt idx="124">
                  <c:v>105.784837</c:v>
                </c:pt>
                <c:pt idx="125">
                  <c:v>106.43899</c:v>
                </c:pt>
                <c:pt idx="126">
                  <c:v>107.178054</c:v>
                </c:pt>
                <c:pt idx="127">
                  <c:v>107.932802</c:v>
                </c:pt>
                <c:pt idx="128">
                  <c:v>108.784344</c:v>
                </c:pt>
                <c:pt idx="129">
                  <c:v>109.665075</c:v>
                </c:pt>
                <c:pt idx="130">
                  <c:v>110.617127</c:v>
                </c:pt>
                <c:pt idx="131">
                  <c:v>111.547212</c:v>
                </c:pt>
                <c:pt idx="132">
                  <c:v>112.406036</c:v>
                </c:pt>
                <c:pt idx="133">
                  <c:v>113.211107</c:v>
                </c:pt>
                <c:pt idx="134">
                  <c:v>114.052044</c:v>
                </c:pt>
                <c:pt idx="135">
                  <c:v>114.797799</c:v>
                </c:pt>
                <c:pt idx="136">
                  <c:v>115.439706</c:v>
                </c:pt>
                <c:pt idx="137">
                  <c:v>116.074433</c:v>
                </c:pt>
                <c:pt idx="138">
                  <c:v>116.629149</c:v>
                </c:pt>
                <c:pt idx="139">
                  <c:v>117.03716300000001</c:v>
                </c:pt>
                <c:pt idx="140">
                  <c:v>117.38629899999999</c:v>
                </c:pt>
                <c:pt idx="141">
                  <c:v>117.70613400000001</c:v>
                </c:pt>
                <c:pt idx="142">
                  <c:v>117.926463</c:v>
                </c:pt>
                <c:pt idx="143">
                  <c:v>118.08906399999999</c:v>
                </c:pt>
                <c:pt idx="144">
                  <c:v>118.245771</c:v>
                </c:pt>
                <c:pt idx="145">
                  <c:v>118.32881</c:v>
                </c:pt>
                <c:pt idx="146">
                  <c:v>118.435945</c:v>
                </c:pt>
                <c:pt idx="147">
                  <c:v>118.53554200000001</c:v>
                </c:pt>
                <c:pt idx="148">
                  <c:v>118.613204</c:v>
                </c:pt>
                <c:pt idx="149">
                  <c:v>118.678776</c:v>
                </c:pt>
                <c:pt idx="150">
                  <c:v>118.722795</c:v>
                </c:pt>
                <c:pt idx="151">
                  <c:v>118.75436999999999</c:v>
                </c:pt>
                <c:pt idx="152">
                  <c:v>118.761224</c:v>
                </c:pt>
                <c:pt idx="153">
                  <c:v>118.777371</c:v>
                </c:pt>
                <c:pt idx="154">
                  <c:v>118.818591</c:v>
                </c:pt>
                <c:pt idx="155">
                  <c:v>118.76508</c:v>
                </c:pt>
                <c:pt idx="156">
                  <c:v>118.75692600000001</c:v>
                </c:pt>
                <c:pt idx="157">
                  <c:v>118.778605</c:v>
                </c:pt>
                <c:pt idx="158">
                  <c:v>118.778116</c:v>
                </c:pt>
                <c:pt idx="159">
                  <c:v>118.76895500000001</c:v>
                </c:pt>
                <c:pt idx="160">
                  <c:v>118.745873</c:v>
                </c:pt>
                <c:pt idx="161">
                  <c:v>118.775963</c:v>
                </c:pt>
                <c:pt idx="162">
                  <c:v>118.787454</c:v>
                </c:pt>
                <c:pt idx="163">
                  <c:v>118.762153</c:v>
                </c:pt>
                <c:pt idx="164">
                  <c:v>118.82993999999999</c:v>
                </c:pt>
                <c:pt idx="165">
                  <c:v>118.960582</c:v>
                </c:pt>
                <c:pt idx="166">
                  <c:v>118.99203</c:v>
                </c:pt>
                <c:pt idx="167">
                  <c:v>119.05987</c:v>
                </c:pt>
                <c:pt idx="168">
                  <c:v>119.13878800000001</c:v>
                </c:pt>
                <c:pt idx="169">
                  <c:v>119.203248</c:v>
                </c:pt>
                <c:pt idx="170">
                  <c:v>119.303049</c:v>
                </c:pt>
                <c:pt idx="171">
                  <c:v>119.41686900000001</c:v>
                </c:pt>
                <c:pt idx="172">
                  <c:v>119.530722</c:v>
                </c:pt>
                <c:pt idx="173">
                  <c:v>119.64266499999999</c:v>
                </c:pt>
                <c:pt idx="174">
                  <c:v>119.68464899999999</c:v>
                </c:pt>
                <c:pt idx="175">
                  <c:v>119.70177099999999</c:v>
                </c:pt>
                <c:pt idx="176">
                  <c:v>119.684803</c:v>
                </c:pt>
                <c:pt idx="177">
                  <c:v>119.63158</c:v>
                </c:pt>
                <c:pt idx="178">
                  <c:v>119.67207999999999</c:v>
                </c:pt>
                <c:pt idx="179">
                  <c:v>119.672369</c:v>
                </c:pt>
                <c:pt idx="180">
                  <c:v>119.619045</c:v>
                </c:pt>
                <c:pt idx="181">
                  <c:v>119.611428</c:v>
                </c:pt>
                <c:pt idx="182">
                  <c:v>119.658704</c:v>
                </c:pt>
                <c:pt idx="183">
                  <c:v>119.72243</c:v>
                </c:pt>
                <c:pt idx="184">
                  <c:v>119.751113</c:v>
                </c:pt>
                <c:pt idx="185">
                  <c:v>119.76669200000001</c:v>
                </c:pt>
                <c:pt idx="186">
                  <c:v>119.767269</c:v>
                </c:pt>
                <c:pt idx="187">
                  <c:v>119.77872000000001</c:v>
                </c:pt>
                <c:pt idx="188">
                  <c:v>119.759834</c:v>
                </c:pt>
                <c:pt idx="189">
                  <c:v>119.75443300000001</c:v>
                </c:pt>
                <c:pt idx="190">
                  <c:v>119.77063800000001</c:v>
                </c:pt>
                <c:pt idx="191">
                  <c:v>119.80888899999999</c:v>
                </c:pt>
                <c:pt idx="192">
                  <c:v>119.794082</c:v>
                </c:pt>
                <c:pt idx="193">
                  <c:v>119.757413</c:v>
                </c:pt>
                <c:pt idx="194">
                  <c:v>119.677559</c:v>
                </c:pt>
                <c:pt idx="195">
                  <c:v>119.62282500000001</c:v>
                </c:pt>
                <c:pt idx="196">
                  <c:v>119.640793</c:v>
                </c:pt>
                <c:pt idx="197">
                  <c:v>119.64640199999999</c:v>
                </c:pt>
                <c:pt idx="198">
                  <c:v>119.62120299999999</c:v>
                </c:pt>
                <c:pt idx="199">
                  <c:v>119.61788799999999</c:v>
                </c:pt>
                <c:pt idx="200">
                  <c:v>119.608093</c:v>
                </c:pt>
                <c:pt idx="201">
                  <c:v>119.566962</c:v>
                </c:pt>
                <c:pt idx="202">
                  <c:v>119.497347</c:v>
                </c:pt>
                <c:pt idx="203">
                  <c:v>119.508323</c:v>
                </c:pt>
                <c:pt idx="204">
                  <c:v>119.509029</c:v>
                </c:pt>
                <c:pt idx="205">
                  <c:v>119.487973</c:v>
                </c:pt>
                <c:pt idx="206">
                  <c:v>119.403425</c:v>
                </c:pt>
                <c:pt idx="207">
                  <c:v>119.31233400000001</c:v>
                </c:pt>
                <c:pt idx="208">
                  <c:v>119.14950899999999</c:v>
                </c:pt>
                <c:pt idx="209">
                  <c:v>119.117485</c:v>
                </c:pt>
                <c:pt idx="210">
                  <c:v>119.008454</c:v>
                </c:pt>
                <c:pt idx="211">
                  <c:v>118.780402</c:v>
                </c:pt>
                <c:pt idx="212">
                  <c:v>118.623632</c:v>
                </c:pt>
                <c:pt idx="213">
                  <c:v>118.51119300000001</c:v>
                </c:pt>
                <c:pt idx="214">
                  <c:v>118.367904</c:v>
                </c:pt>
                <c:pt idx="215">
                  <c:v>118.345034</c:v>
                </c:pt>
                <c:pt idx="216">
                  <c:v>118.41233</c:v>
                </c:pt>
                <c:pt idx="217">
                  <c:v>118.52222399999999</c:v>
                </c:pt>
                <c:pt idx="218">
                  <c:v>118.471861</c:v>
                </c:pt>
                <c:pt idx="219">
                  <c:v>118.53695999999999</c:v>
                </c:pt>
                <c:pt idx="220">
                  <c:v>118.603601</c:v>
                </c:pt>
                <c:pt idx="221">
                  <c:v>118.587613</c:v>
                </c:pt>
                <c:pt idx="222">
                  <c:v>118.571854</c:v>
                </c:pt>
                <c:pt idx="223">
                  <c:v>118.500821</c:v>
                </c:pt>
                <c:pt idx="224">
                  <c:v>118.37927000000001</c:v>
                </c:pt>
                <c:pt idx="225">
                  <c:v>118.317115</c:v>
                </c:pt>
                <c:pt idx="226">
                  <c:v>118.26467</c:v>
                </c:pt>
                <c:pt idx="227">
                  <c:v>118.07227899999999</c:v>
                </c:pt>
                <c:pt idx="228">
                  <c:v>117.973972</c:v>
                </c:pt>
                <c:pt idx="229">
                  <c:v>117.960791</c:v>
                </c:pt>
                <c:pt idx="230">
                  <c:v>117.88037</c:v>
                </c:pt>
                <c:pt idx="231">
                  <c:v>117.796915</c:v>
                </c:pt>
                <c:pt idx="232">
                  <c:v>117.633707</c:v>
                </c:pt>
                <c:pt idx="233">
                  <c:v>117.477108</c:v>
                </c:pt>
                <c:pt idx="234">
                  <c:v>117.375799</c:v>
                </c:pt>
                <c:pt idx="235">
                  <c:v>117.31374599999999</c:v>
                </c:pt>
                <c:pt idx="236">
                  <c:v>117.25760699999999</c:v>
                </c:pt>
                <c:pt idx="237">
                  <c:v>117.01466600000001</c:v>
                </c:pt>
                <c:pt idx="238">
                  <c:v>116.450766</c:v>
                </c:pt>
                <c:pt idx="239">
                  <c:v>116.444982</c:v>
                </c:pt>
                <c:pt idx="240">
                  <c:v>116.467465</c:v>
                </c:pt>
                <c:pt idx="241">
                  <c:v>116.391508</c:v>
                </c:pt>
                <c:pt idx="242">
                  <c:v>116.117543</c:v>
                </c:pt>
                <c:pt idx="243">
                  <c:v>116.03217600000001</c:v>
                </c:pt>
                <c:pt idx="244">
                  <c:v>116.02094700000001</c:v>
                </c:pt>
                <c:pt idx="245">
                  <c:v>115.906261</c:v>
                </c:pt>
                <c:pt idx="246">
                  <c:v>115.66082</c:v>
                </c:pt>
                <c:pt idx="247">
                  <c:v>115.671902</c:v>
                </c:pt>
                <c:pt idx="248">
                  <c:v>115.728647</c:v>
                </c:pt>
                <c:pt idx="249">
                  <c:v>115.875255</c:v>
                </c:pt>
                <c:pt idx="250">
                  <c:v>115.969318</c:v>
                </c:pt>
                <c:pt idx="251">
                  <c:v>116.039777</c:v>
                </c:pt>
                <c:pt idx="252">
                  <c:v>116.188953</c:v>
                </c:pt>
                <c:pt idx="253">
                  <c:v>116.330697</c:v>
                </c:pt>
                <c:pt idx="254">
                  <c:v>116.357494</c:v>
                </c:pt>
                <c:pt idx="255">
                  <c:v>116.321704</c:v>
                </c:pt>
                <c:pt idx="256">
                  <c:v>116.492195</c:v>
                </c:pt>
                <c:pt idx="257">
                  <c:v>116.67525500000001</c:v>
                </c:pt>
                <c:pt idx="258">
                  <c:v>116.717978</c:v>
                </c:pt>
                <c:pt idx="259">
                  <c:v>116.740388</c:v>
                </c:pt>
                <c:pt idx="260">
                  <c:v>116.851372</c:v>
                </c:pt>
                <c:pt idx="261">
                  <c:v>116.952061</c:v>
                </c:pt>
                <c:pt idx="262">
                  <c:v>117.017309</c:v>
                </c:pt>
                <c:pt idx="263">
                  <c:v>116.88703700000001</c:v>
                </c:pt>
                <c:pt idx="264">
                  <c:v>116.734752</c:v>
                </c:pt>
                <c:pt idx="265">
                  <c:v>116.955983</c:v>
                </c:pt>
                <c:pt idx="266">
                  <c:v>117.045355</c:v>
                </c:pt>
                <c:pt idx="267">
                  <c:v>117.12297599999999</c:v>
                </c:pt>
                <c:pt idx="268">
                  <c:v>117.110844</c:v>
                </c:pt>
                <c:pt idx="269">
                  <c:v>117.02385599999999</c:v>
                </c:pt>
                <c:pt idx="270">
                  <c:v>117.04207</c:v>
                </c:pt>
                <c:pt idx="271">
                  <c:v>116.82012899999999</c:v>
                </c:pt>
                <c:pt idx="272">
                  <c:v>116.860888</c:v>
                </c:pt>
                <c:pt idx="273">
                  <c:v>116.923968</c:v>
                </c:pt>
                <c:pt idx="274">
                  <c:v>116.841644</c:v>
                </c:pt>
                <c:pt idx="275">
                  <c:v>116.801427</c:v>
                </c:pt>
                <c:pt idx="276">
                  <c:v>116.829025</c:v>
                </c:pt>
                <c:pt idx="277">
                  <c:v>116.692684</c:v>
                </c:pt>
                <c:pt idx="278">
                  <c:v>116.577352</c:v>
                </c:pt>
                <c:pt idx="279">
                  <c:v>116.592416</c:v>
                </c:pt>
                <c:pt idx="280">
                  <c:v>116.399601</c:v>
                </c:pt>
                <c:pt idx="281">
                  <c:v>116.118764</c:v>
                </c:pt>
                <c:pt idx="282">
                  <c:v>116.075249</c:v>
                </c:pt>
                <c:pt idx="283">
                  <c:v>115.914805</c:v>
                </c:pt>
                <c:pt idx="284">
                  <c:v>115.948047</c:v>
                </c:pt>
                <c:pt idx="285">
                  <c:v>115.98563900000001</c:v>
                </c:pt>
                <c:pt idx="286">
                  <c:v>115.89420200000001</c:v>
                </c:pt>
                <c:pt idx="287">
                  <c:v>115.859261</c:v>
                </c:pt>
                <c:pt idx="288">
                  <c:v>115.79300600000001</c:v>
                </c:pt>
                <c:pt idx="289">
                  <c:v>115.891907</c:v>
                </c:pt>
                <c:pt idx="290">
                  <c:v>115.911755</c:v>
                </c:pt>
                <c:pt idx="291">
                  <c:v>115.354195</c:v>
                </c:pt>
                <c:pt idx="292">
                  <c:v>115.41247300000001</c:v>
                </c:pt>
                <c:pt idx="293">
                  <c:v>115.402891</c:v>
                </c:pt>
                <c:pt idx="294">
                  <c:v>115.420897</c:v>
                </c:pt>
                <c:pt idx="295">
                  <c:v>115.473032</c:v>
                </c:pt>
                <c:pt idx="296">
                  <c:v>115.46808299999999</c:v>
                </c:pt>
                <c:pt idx="297">
                  <c:v>115.530261</c:v>
                </c:pt>
                <c:pt idx="298">
                  <c:v>115.640232</c:v>
                </c:pt>
                <c:pt idx="299">
                  <c:v>115.693691</c:v>
                </c:pt>
                <c:pt idx="300">
                  <c:v>115.59730500000001</c:v>
                </c:pt>
                <c:pt idx="301">
                  <c:v>115.685935</c:v>
                </c:pt>
                <c:pt idx="302">
                  <c:v>115.783693</c:v>
                </c:pt>
                <c:pt idx="303">
                  <c:v>115.87618000000001</c:v>
                </c:pt>
                <c:pt idx="304">
                  <c:v>115.944199</c:v>
                </c:pt>
                <c:pt idx="305">
                  <c:v>115.960285</c:v>
                </c:pt>
                <c:pt idx="306">
                  <c:v>116.000013</c:v>
                </c:pt>
                <c:pt idx="307">
                  <c:v>116.07960199999999</c:v>
                </c:pt>
                <c:pt idx="308">
                  <c:v>116.151589</c:v>
                </c:pt>
                <c:pt idx="309">
                  <c:v>116.209288</c:v>
                </c:pt>
                <c:pt idx="310">
                  <c:v>116.268913</c:v>
                </c:pt>
                <c:pt idx="311">
                  <c:v>116.302189</c:v>
                </c:pt>
                <c:pt idx="312">
                  <c:v>116.386804</c:v>
                </c:pt>
                <c:pt idx="313">
                  <c:v>116.46197100000001</c:v>
                </c:pt>
                <c:pt idx="314">
                  <c:v>116.484402</c:v>
                </c:pt>
                <c:pt idx="315">
                  <c:v>116.486745</c:v>
                </c:pt>
                <c:pt idx="316">
                  <c:v>116.425276</c:v>
                </c:pt>
                <c:pt idx="317">
                  <c:v>116.39737</c:v>
                </c:pt>
                <c:pt idx="318">
                  <c:v>116.40857</c:v>
                </c:pt>
                <c:pt idx="319">
                  <c:v>116.457537</c:v>
                </c:pt>
                <c:pt idx="320">
                  <c:v>116.463134</c:v>
                </c:pt>
                <c:pt idx="321">
                  <c:v>116.337445</c:v>
                </c:pt>
                <c:pt idx="322">
                  <c:v>116.332185</c:v>
                </c:pt>
                <c:pt idx="323">
                  <c:v>116.354181</c:v>
                </c:pt>
                <c:pt idx="324">
                  <c:v>116.26125999999999</c:v>
                </c:pt>
                <c:pt idx="325">
                  <c:v>116.14657</c:v>
                </c:pt>
                <c:pt idx="326">
                  <c:v>116.054574</c:v>
                </c:pt>
                <c:pt idx="327">
                  <c:v>116.040463</c:v>
                </c:pt>
                <c:pt idx="328">
                  <c:v>116.09058899999999</c:v>
                </c:pt>
                <c:pt idx="329">
                  <c:v>116.11897500000001</c:v>
                </c:pt>
                <c:pt idx="330">
                  <c:v>116.030676</c:v>
                </c:pt>
                <c:pt idx="331">
                  <c:v>115.865584</c:v>
                </c:pt>
                <c:pt idx="332">
                  <c:v>115.95017300000001</c:v>
                </c:pt>
                <c:pt idx="333">
                  <c:v>116.072166</c:v>
                </c:pt>
                <c:pt idx="334">
                  <c:v>116.194756</c:v>
                </c:pt>
                <c:pt idx="335">
                  <c:v>116.210217</c:v>
                </c:pt>
                <c:pt idx="336">
                  <c:v>116.054075</c:v>
                </c:pt>
                <c:pt idx="337">
                  <c:v>116.08865400000001</c:v>
                </c:pt>
                <c:pt idx="338">
                  <c:v>116.305165</c:v>
                </c:pt>
                <c:pt idx="339">
                  <c:v>116.16762</c:v>
                </c:pt>
                <c:pt idx="340">
                  <c:v>116.011229</c:v>
                </c:pt>
                <c:pt idx="341">
                  <c:v>116.193805</c:v>
                </c:pt>
                <c:pt idx="342">
                  <c:v>116.300614</c:v>
                </c:pt>
                <c:pt idx="343">
                  <c:v>116.42018400000001</c:v>
                </c:pt>
                <c:pt idx="344">
                  <c:v>116.516367</c:v>
                </c:pt>
                <c:pt idx="345">
                  <c:v>116.588368</c:v>
                </c:pt>
                <c:pt idx="346">
                  <c:v>116.710567</c:v>
                </c:pt>
                <c:pt idx="347">
                  <c:v>116.736566</c:v>
                </c:pt>
                <c:pt idx="348">
                  <c:v>116.69125099999999</c:v>
                </c:pt>
                <c:pt idx="349">
                  <c:v>116.837029</c:v>
                </c:pt>
                <c:pt idx="350">
                  <c:v>116.962655</c:v>
                </c:pt>
                <c:pt idx="351">
                  <c:v>116.957071</c:v>
                </c:pt>
                <c:pt idx="352">
                  <c:v>117.096587</c:v>
                </c:pt>
                <c:pt idx="353">
                  <c:v>117.226561</c:v>
                </c:pt>
                <c:pt idx="354">
                  <c:v>117.400137</c:v>
                </c:pt>
                <c:pt idx="355">
                  <c:v>117.409475</c:v>
                </c:pt>
                <c:pt idx="356">
                  <c:v>117.27793800000001</c:v>
                </c:pt>
                <c:pt idx="357">
                  <c:v>117.405209</c:v>
                </c:pt>
                <c:pt idx="358">
                  <c:v>117.52114400000001</c:v>
                </c:pt>
                <c:pt idx="359">
                  <c:v>117.646959</c:v>
                </c:pt>
                <c:pt idx="360">
                  <c:v>117.780007</c:v>
                </c:pt>
                <c:pt idx="361">
                  <c:v>117.802859</c:v>
                </c:pt>
                <c:pt idx="362">
                  <c:v>117.856906</c:v>
                </c:pt>
                <c:pt idx="363">
                  <c:v>117.945193</c:v>
                </c:pt>
                <c:pt idx="364">
                  <c:v>117.797173</c:v>
                </c:pt>
                <c:pt idx="365">
                  <c:v>117.85137899999999</c:v>
                </c:pt>
                <c:pt idx="366">
                  <c:v>117.801928</c:v>
                </c:pt>
                <c:pt idx="367">
                  <c:v>117.820604</c:v>
                </c:pt>
                <c:pt idx="368">
                  <c:v>117.961045</c:v>
                </c:pt>
                <c:pt idx="369">
                  <c:v>118.02257</c:v>
                </c:pt>
                <c:pt idx="370">
                  <c:v>118.14195100000001</c:v>
                </c:pt>
                <c:pt idx="371">
                  <c:v>118.292064</c:v>
                </c:pt>
                <c:pt idx="372">
                  <c:v>118.325487</c:v>
                </c:pt>
                <c:pt idx="373">
                  <c:v>118.087878</c:v>
                </c:pt>
                <c:pt idx="374">
                  <c:v>118.14254200000001</c:v>
                </c:pt>
                <c:pt idx="375">
                  <c:v>118.262349</c:v>
                </c:pt>
                <c:pt idx="376">
                  <c:v>118.315117</c:v>
                </c:pt>
                <c:pt idx="377">
                  <c:v>118.345247</c:v>
                </c:pt>
                <c:pt idx="378">
                  <c:v>118.39160099999999</c:v>
                </c:pt>
                <c:pt idx="379">
                  <c:v>118.41139</c:v>
                </c:pt>
                <c:pt idx="380">
                  <c:v>118.474765</c:v>
                </c:pt>
                <c:pt idx="381">
                  <c:v>118.382634</c:v>
                </c:pt>
                <c:pt idx="382">
                  <c:v>118.275121</c:v>
                </c:pt>
                <c:pt idx="383">
                  <c:v>118.39930099999999</c:v>
                </c:pt>
                <c:pt idx="384">
                  <c:v>118.37704100000001</c:v>
                </c:pt>
                <c:pt idx="385">
                  <c:v>118.33950900000001</c:v>
                </c:pt>
                <c:pt idx="386">
                  <c:v>118.371718</c:v>
                </c:pt>
                <c:pt idx="387">
                  <c:v>118.35273599999999</c:v>
                </c:pt>
                <c:pt idx="388">
                  <c:v>118.298316</c:v>
                </c:pt>
                <c:pt idx="389">
                  <c:v>118.167506</c:v>
                </c:pt>
                <c:pt idx="390">
                  <c:v>118.106146</c:v>
                </c:pt>
                <c:pt idx="391">
                  <c:v>118.121461</c:v>
                </c:pt>
                <c:pt idx="392">
                  <c:v>118.15811100000001</c:v>
                </c:pt>
                <c:pt idx="393">
                  <c:v>118.056737</c:v>
                </c:pt>
                <c:pt idx="394">
                  <c:v>118.05005199999999</c:v>
                </c:pt>
                <c:pt idx="395">
                  <c:v>118.044961</c:v>
                </c:pt>
                <c:pt idx="396">
                  <c:v>117.979733</c:v>
                </c:pt>
                <c:pt idx="397">
                  <c:v>118.00148799999999</c:v>
                </c:pt>
                <c:pt idx="398">
                  <c:v>118.04253</c:v>
                </c:pt>
                <c:pt idx="399">
                  <c:v>117.98739399999999</c:v>
                </c:pt>
                <c:pt idx="400">
                  <c:v>117.91124600000001</c:v>
                </c:pt>
                <c:pt idx="401">
                  <c:v>117.64349199999999</c:v>
                </c:pt>
                <c:pt idx="402">
                  <c:v>117.668162</c:v>
                </c:pt>
                <c:pt idx="403">
                  <c:v>117.741156</c:v>
                </c:pt>
                <c:pt idx="404">
                  <c:v>117.743287</c:v>
                </c:pt>
                <c:pt idx="405">
                  <c:v>117.65481800000001</c:v>
                </c:pt>
                <c:pt idx="406">
                  <c:v>117.663023</c:v>
                </c:pt>
                <c:pt idx="407">
                  <c:v>117.77987</c:v>
                </c:pt>
                <c:pt idx="408">
                  <c:v>117.781688</c:v>
                </c:pt>
                <c:pt idx="409">
                  <c:v>117.728562</c:v>
                </c:pt>
                <c:pt idx="410">
                  <c:v>117.63935499999999</c:v>
                </c:pt>
                <c:pt idx="411">
                  <c:v>117.531048</c:v>
                </c:pt>
                <c:pt idx="412">
                  <c:v>117.505437</c:v>
                </c:pt>
                <c:pt idx="413">
                  <c:v>117.583691</c:v>
                </c:pt>
                <c:pt idx="414">
                  <c:v>117.573275</c:v>
                </c:pt>
                <c:pt idx="415">
                  <c:v>117.538273</c:v>
                </c:pt>
                <c:pt idx="416">
                  <c:v>117.46128899999999</c:v>
                </c:pt>
                <c:pt idx="417">
                  <c:v>117.384652</c:v>
                </c:pt>
                <c:pt idx="418">
                  <c:v>117.435142</c:v>
                </c:pt>
                <c:pt idx="419">
                  <c:v>117.455536</c:v>
                </c:pt>
                <c:pt idx="420">
                  <c:v>117.396539</c:v>
                </c:pt>
                <c:pt idx="421">
                  <c:v>117.33021100000001</c:v>
                </c:pt>
                <c:pt idx="422">
                  <c:v>117.178634</c:v>
                </c:pt>
                <c:pt idx="423">
                  <c:v>117.215137</c:v>
                </c:pt>
                <c:pt idx="424">
                  <c:v>117.29349999999999</c:v>
                </c:pt>
                <c:pt idx="425">
                  <c:v>117.283469</c:v>
                </c:pt>
                <c:pt idx="426">
                  <c:v>117.211788</c:v>
                </c:pt>
                <c:pt idx="427">
                  <c:v>117.232625</c:v>
                </c:pt>
                <c:pt idx="428">
                  <c:v>117.179766</c:v>
                </c:pt>
                <c:pt idx="429">
                  <c:v>117.12114200000001</c:v>
                </c:pt>
                <c:pt idx="430">
                  <c:v>117.15953500000001</c:v>
                </c:pt>
                <c:pt idx="431">
                  <c:v>117.077428</c:v>
                </c:pt>
                <c:pt idx="432">
                  <c:v>117.096231</c:v>
                </c:pt>
                <c:pt idx="433">
                  <c:v>117.13195399999999</c:v>
                </c:pt>
                <c:pt idx="434">
                  <c:v>117.09181599999999</c:v>
                </c:pt>
                <c:pt idx="435">
                  <c:v>117.03783300000001</c:v>
                </c:pt>
                <c:pt idx="436">
                  <c:v>116.987433</c:v>
                </c:pt>
                <c:pt idx="437">
                  <c:v>117.02750899999999</c:v>
                </c:pt>
                <c:pt idx="438">
                  <c:v>116.95235700000001</c:v>
                </c:pt>
                <c:pt idx="439">
                  <c:v>116.941103</c:v>
                </c:pt>
                <c:pt idx="440">
                  <c:v>117.05007000000001</c:v>
                </c:pt>
                <c:pt idx="441">
                  <c:v>116.92277799999999</c:v>
                </c:pt>
                <c:pt idx="442">
                  <c:v>116.82069799999999</c:v>
                </c:pt>
                <c:pt idx="443">
                  <c:v>116.892104</c:v>
                </c:pt>
                <c:pt idx="444">
                  <c:v>116.931881</c:v>
                </c:pt>
                <c:pt idx="445">
                  <c:v>116.860749</c:v>
                </c:pt>
                <c:pt idx="446">
                  <c:v>116.798198</c:v>
                </c:pt>
                <c:pt idx="447">
                  <c:v>116.82528499999999</c:v>
                </c:pt>
                <c:pt idx="448">
                  <c:v>116.78175899999999</c:v>
                </c:pt>
                <c:pt idx="449">
                  <c:v>116.73042599999999</c:v>
                </c:pt>
                <c:pt idx="450">
                  <c:v>116.67198</c:v>
                </c:pt>
                <c:pt idx="451">
                  <c:v>116.588026</c:v>
                </c:pt>
                <c:pt idx="452">
                  <c:v>116.687956</c:v>
                </c:pt>
                <c:pt idx="453">
                  <c:v>116.768658</c:v>
                </c:pt>
                <c:pt idx="454">
                  <c:v>116.720158</c:v>
                </c:pt>
                <c:pt idx="455">
                  <c:v>116.75625700000001</c:v>
                </c:pt>
                <c:pt idx="456">
                  <c:v>116.82742500000001</c:v>
                </c:pt>
                <c:pt idx="457">
                  <c:v>116.951711</c:v>
                </c:pt>
                <c:pt idx="458">
                  <c:v>116.954651</c:v>
                </c:pt>
                <c:pt idx="459">
                  <c:v>116.917832</c:v>
                </c:pt>
                <c:pt idx="460">
                  <c:v>116.885784</c:v>
                </c:pt>
                <c:pt idx="461">
                  <c:v>116.78691499999999</c:v>
                </c:pt>
                <c:pt idx="462">
                  <c:v>116.72087999999999</c:v>
                </c:pt>
                <c:pt idx="463">
                  <c:v>116.77725</c:v>
                </c:pt>
                <c:pt idx="464">
                  <c:v>116.71675</c:v>
                </c:pt>
                <c:pt idx="465">
                  <c:v>116.760831</c:v>
                </c:pt>
                <c:pt idx="466">
                  <c:v>116.76910599999999</c:v>
                </c:pt>
                <c:pt idx="467">
                  <c:v>116.86506799999999</c:v>
                </c:pt>
                <c:pt idx="468">
                  <c:v>116.88468399999999</c:v>
                </c:pt>
                <c:pt idx="469">
                  <c:v>116.912008</c:v>
                </c:pt>
                <c:pt idx="470">
                  <c:v>116.97447200000001</c:v>
                </c:pt>
                <c:pt idx="471">
                  <c:v>116.946309</c:v>
                </c:pt>
                <c:pt idx="472">
                  <c:v>116.888411</c:v>
                </c:pt>
                <c:pt idx="473">
                  <c:v>116.816357</c:v>
                </c:pt>
                <c:pt idx="474">
                  <c:v>116.670828</c:v>
                </c:pt>
                <c:pt idx="475">
                  <c:v>116.740847</c:v>
                </c:pt>
                <c:pt idx="476">
                  <c:v>116.891064</c:v>
                </c:pt>
                <c:pt idx="477">
                  <c:v>116.84096</c:v>
                </c:pt>
                <c:pt idx="478">
                  <c:v>116.664247</c:v>
                </c:pt>
                <c:pt idx="479">
                  <c:v>116.464223</c:v>
                </c:pt>
                <c:pt idx="480">
                  <c:v>116.47265299999999</c:v>
                </c:pt>
                <c:pt idx="481">
                  <c:v>116.655045</c:v>
                </c:pt>
                <c:pt idx="482">
                  <c:v>116.560191</c:v>
                </c:pt>
                <c:pt idx="483">
                  <c:v>116.394316</c:v>
                </c:pt>
                <c:pt idx="484">
                  <c:v>116.249415</c:v>
                </c:pt>
                <c:pt idx="485">
                  <c:v>116.163517</c:v>
                </c:pt>
                <c:pt idx="486">
                  <c:v>116.08757900000001</c:v>
                </c:pt>
                <c:pt idx="487">
                  <c:v>116.315168</c:v>
                </c:pt>
                <c:pt idx="488">
                  <c:v>116.341346</c:v>
                </c:pt>
                <c:pt idx="489">
                  <c:v>116.212739</c:v>
                </c:pt>
                <c:pt idx="490">
                  <c:v>116.05109299999999</c:v>
                </c:pt>
                <c:pt idx="491">
                  <c:v>115.751338</c:v>
                </c:pt>
                <c:pt idx="492">
                  <c:v>115.620408</c:v>
                </c:pt>
                <c:pt idx="493">
                  <c:v>115.46711999999999</c:v>
                </c:pt>
                <c:pt idx="494">
                  <c:v>115.526887</c:v>
                </c:pt>
                <c:pt idx="495">
                  <c:v>115.733008</c:v>
                </c:pt>
                <c:pt idx="496">
                  <c:v>115.860196</c:v>
                </c:pt>
                <c:pt idx="497">
                  <c:v>115.813068</c:v>
                </c:pt>
                <c:pt idx="498">
                  <c:v>115.77772</c:v>
                </c:pt>
                <c:pt idx="499">
                  <c:v>115.81176499999999</c:v>
                </c:pt>
                <c:pt idx="500">
                  <c:v>115.45582400000001</c:v>
                </c:pt>
                <c:pt idx="501">
                  <c:v>114.943352</c:v>
                </c:pt>
                <c:pt idx="502">
                  <c:v>115.08485</c:v>
                </c:pt>
                <c:pt idx="503">
                  <c:v>115.80950300000001</c:v>
                </c:pt>
                <c:pt idx="504">
                  <c:v>116.007687</c:v>
                </c:pt>
                <c:pt idx="505">
                  <c:v>115.70490100000001</c:v>
                </c:pt>
                <c:pt idx="506">
                  <c:v>115.002404</c:v>
                </c:pt>
                <c:pt idx="507">
                  <c:v>114.56332</c:v>
                </c:pt>
                <c:pt idx="508">
                  <c:v>114.51844199999999</c:v>
                </c:pt>
                <c:pt idx="509">
                  <c:v>114.739273</c:v>
                </c:pt>
                <c:pt idx="510">
                  <c:v>115.064904</c:v>
                </c:pt>
                <c:pt idx="511">
                  <c:v>115.302993</c:v>
                </c:pt>
                <c:pt idx="512">
                  <c:v>114.995237</c:v>
                </c:pt>
                <c:pt idx="513">
                  <c:v>115.007462</c:v>
                </c:pt>
                <c:pt idx="514">
                  <c:v>114.873212</c:v>
                </c:pt>
                <c:pt idx="515">
                  <c:v>114.612627</c:v>
                </c:pt>
                <c:pt idx="516">
                  <c:v>114.877099</c:v>
                </c:pt>
                <c:pt idx="517">
                  <c:v>115.340335</c:v>
                </c:pt>
                <c:pt idx="518">
                  <c:v>115.37282</c:v>
                </c:pt>
                <c:pt idx="519">
                  <c:v>115.40473900000001</c:v>
                </c:pt>
                <c:pt idx="520">
                  <c:v>115.295474</c:v>
                </c:pt>
                <c:pt idx="521">
                  <c:v>115.681549</c:v>
                </c:pt>
                <c:pt idx="522">
                  <c:v>115.27753199999999</c:v>
                </c:pt>
                <c:pt idx="523">
                  <c:v>115.024501</c:v>
                </c:pt>
                <c:pt idx="524">
                  <c:v>115.072165</c:v>
                </c:pt>
                <c:pt idx="525">
                  <c:v>115.415272</c:v>
                </c:pt>
                <c:pt idx="526">
                  <c:v>115.927798</c:v>
                </c:pt>
                <c:pt idx="527">
                  <c:v>116.204122</c:v>
                </c:pt>
                <c:pt idx="528">
                  <c:v>115.91882099999999</c:v>
                </c:pt>
                <c:pt idx="529">
                  <c:v>116.04231</c:v>
                </c:pt>
                <c:pt idx="530">
                  <c:v>115.618927</c:v>
                </c:pt>
                <c:pt idx="531">
                  <c:v>115.323021</c:v>
                </c:pt>
                <c:pt idx="532">
                  <c:v>115.60803</c:v>
                </c:pt>
                <c:pt idx="533">
                  <c:v>116.15466000000001</c:v>
                </c:pt>
                <c:pt idx="534">
                  <c:v>116.169392</c:v>
                </c:pt>
                <c:pt idx="535">
                  <c:v>115.645495</c:v>
                </c:pt>
                <c:pt idx="536">
                  <c:v>115.504206</c:v>
                </c:pt>
                <c:pt idx="537">
                  <c:v>116.59867199999999</c:v>
                </c:pt>
                <c:pt idx="538">
                  <c:v>116.835092</c:v>
                </c:pt>
                <c:pt idx="539">
                  <c:v>116.613005</c:v>
                </c:pt>
                <c:pt idx="540">
                  <c:v>116.930429</c:v>
                </c:pt>
                <c:pt idx="541">
                  <c:v>116.53265399999999</c:v>
                </c:pt>
                <c:pt idx="542">
                  <c:v>116.192869</c:v>
                </c:pt>
                <c:pt idx="543">
                  <c:v>116.529642</c:v>
                </c:pt>
                <c:pt idx="544">
                  <c:v>116.806736</c:v>
                </c:pt>
                <c:pt idx="545">
                  <c:v>116.80995900000001</c:v>
                </c:pt>
                <c:pt idx="546">
                  <c:v>116.952927</c:v>
                </c:pt>
                <c:pt idx="547">
                  <c:v>117.04666899999999</c:v>
                </c:pt>
                <c:pt idx="548">
                  <c:v>116.766733</c:v>
                </c:pt>
                <c:pt idx="549">
                  <c:v>116.798969</c:v>
                </c:pt>
                <c:pt idx="550">
                  <c:v>117.02170599999999</c:v>
                </c:pt>
                <c:pt idx="551">
                  <c:v>117.07871900000001</c:v>
                </c:pt>
                <c:pt idx="552">
                  <c:v>117.025048</c:v>
                </c:pt>
                <c:pt idx="553">
                  <c:v>117.226941</c:v>
                </c:pt>
                <c:pt idx="554">
                  <c:v>117.34164</c:v>
                </c:pt>
                <c:pt idx="555">
                  <c:v>117.296244</c:v>
                </c:pt>
                <c:pt idx="556">
                  <c:v>116.978058</c:v>
                </c:pt>
                <c:pt idx="557">
                  <c:v>116.764122</c:v>
                </c:pt>
                <c:pt idx="558">
                  <c:v>116.577646</c:v>
                </c:pt>
                <c:pt idx="559">
                  <c:v>116.717516</c:v>
                </c:pt>
                <c:pt idx="560">
                  <c:v>116.665531</c:v>
                </c:pt>
                <c:pt idx="561">
                  <c:v>116.584287</c:v>
                </c:pt>
                <c:pt idx="562">
                  <c:v>116.590765</c:v>
                </c:pt>
                <c:pt idx="563">
                  <c:v>116.51459199999999</c:v>
                </c:pt>
                <c:pt idx="564">
                  <c:v>116.516263</c:v>
                </c:pt>
                <c:pt idx="565">
                  <c:v>116.58429</c:v>
                </c:pt>
                <c:pt idx="566">
                  <c:v>116.726</c:v>
                </c:pt>
                <c:pt idx="567">
                  <c:v>116.942775</c:v>
                </c:pt>
                <c:pt idx="568">
                  <c:v>116.94999799999999</c:v>
                </c:pt>
                <c:pt idx="569">
                  <c:v>116.82382800000001</c:v>
                </c:pt>
                <c:pt idx="570">
                  <c:v>116.609365</c:v>
                </c:pt>
                <c:pt idx="571">
                  <c:v>116.41207900000001</c:v>
                </c:pt>
                <c:pt idx="572">
                  <c:v>116.488727</c:v>
                </c:pt>
                <c:pt idx="573">
                  <c:v>116.629835</c:v>
                </c:pt>
                <c:pt idx="574">
                  <c:v>116.533205</c:v>
                </c:pt>
                <c:pt idx="575">
                  <c:v>116.35177400000001</c:v>
                </c:pt>
                <c:pt idx="576">
                  <c:v>116.23825100000001</c:v>
                </c:pt>
                <c:pt idx="577">
                  <c:v>116.258629</c:v>
                </c:pt>
                <c:pt idx="578">
                  <c:v>116.282275</c:v>
                </c:pt>
                <c:pt idx="579">
                  <c:v>116.2384</c:v>
                </c:pt>
                <c:pt idx="580">
                  <c:v>116.30914799999999</c:v>
                </c:pt>
                <c:pt idx="581">
                  <c:v>116.33312100000001</c:v>
                </c:pt>
                <c:pt idx="582">
                  <c:v>116.268947</c:v>
                </c:pt>
                <c:pt idx="583">
                  <c:v>116.41452700000001</c:v>
                </c:pt>
                <c:pt idx="584">
                  <c:v>116.565499</c:v>
                </c:pt>
                <c:pt idx="585">
                  <c:v>116.542219</c:v>
                </c:pt>
                <c:pt idx="586">
                  <c:v>116.626175</c:v>
                </c:pt>
                <c:pt idx="587">
                  <c:v>116.80255699999999</c:v>
                </c:pt>
                <c:pt idx="588">
                  <c:v>116.804068</c:v>
                </c:pt>
                <c:pt idx="589">
                  <c:v>116.678695</c:v>
                </c:pt>
                <c:pt idx="590">
                  <c:v>116.348254</c:v>
                </c:pt>
                <c:pt idx="591">
                  <c:v>116.303237</c:v>
                </c:pt>
                <c:pt idx="592">
                  <c:v>116.833001</c:v>
                </c:pt>
                <c:pt idx="593">
                  <c:v>117.245019</c:v>
                </c:pt>
                <c:pt idx="594">
                  <c:v>117.788937</c:v>
                </c:pt>
                <c:pt idx="595">
                  <c:v>117.941981</c:v>
                </c:pt>
                <c:pt idx="596">
                  <c:v>117.481517</c:v>
                </c:pt>
                <c:pt idx="597">
                  <c:v>116.871211</c:v>
                </c:pt>
                <c:pt idx="598">
                  <c:v>117.150718</c:v>
                </c:pt>
                <c:pt idx="599">
                  <c:v>117.65222300000001</c:v>
                </c:pt>
                <c:pt idx="600">
                  <c:v>117.62406</c:v>
                </c:pt>
                <c:pt idx="601">
                  <c:v>117.601119</c:v>
                </c:pt>
                <c:pt idx="602">
                  <c:v>117.94480299999999</c:v>
                </c:pt>
                <c:pt idx="603">
                  <c:v>118.11497300000001</c:v>
                </c:pt>
                <c:pt idx="604">
                  <c:v>117.40654000000001</c:v>
                </c:pt>
                <c:pt idx="605">
                  <c:v>116.498509</c:v>
                </c:pt>
                <c:pt idx="606">
                  <c:v>115.99904100000001</c:v>
                </c:pt>
                <c:pt idx="607">
                  <c:v>115.86909900000001</c:v>
                </c:pt>
                <c:pt idx="608">
                  <c:v>116.495465</c:v>
                </c:pt>
                <c:pt idx="609">
                  <c:v>116.851623</c:v>
                </c:pt>
                <c:pt idx="610">
                  <c:v>116.226478</c:v>
                </c:pt>
                <c:pt idx="611">
                  <c:v>115.481899</c:v>
                </c:pt>
                <c:pt idx="612">
                  <c:v>115.487694</c:v>
                </c:pt>
                <c:pt idx="613">
                  <c:v>115.779967</c:v>
                </c:pt>
                <c:pt idx="614">
                  <c:v>116.008189</c:v>
                </c:pt>
                <c:pt idx="615">
                  <c:v>115.927137</c:v>
                </c:pt>
                <c:pt idx="616">
                  <c:v>115.82604000000001</c:v>
                </c:pt>
                <c:pt idx="617">
                  <c:v>115.544528</c:v>
                </c:pt>
                <c:pt idx="618">
                  <c:v>115.41234300000001</c:v>
                </c:pt>
                <c:pt idx="619">
                  <c:v>115.456637</c:v>
                </c:pt>
                <c:pt idx="620">
                  <c:v>115.088733</c:v>
                </c:pt>
                <c:pt idx="621">
                  <c:v>115.281926</c:v>
                </c:pt>
                <c:pt idx="622">
                  <c:v>115.20690399999999</c:v>
                </c:pt>
                <c:pt idx="623">
                  <c:v>114.464377</c:v>
                </c:pt>
                <c:pt idx="624">
                  <c:v>114.35422199999999</c:v>
                </c:pt>
                <c:pt idx="625">
                  <c:v>114.799582</c:v>
                </c:pt>
                <c:pt idx="626">
                  <c:v>114.725459</c:v>
                </c:pt>
                <c:pt idx="627">
                  <c:v>114.50563</c:v>
                </c:pt>
                <c:pt idx="628">
                  <c:v>114.73072999999999</c:v>
                </c:pt>
                <c:pt idx="629">
                  <c:v>114.611616</c:v>
                </c:pt>
                <c:pt idx="630">
                  <c:v>114.06887999999999</c:v>
                </c:pt>
                <c:pt idx="631">
                  <c:v>113.833448</c:v>
                </c:pt>
                <c:pt idx="632">
                  <c:v>114.157545</c:v>
                </c:pt>
                <c:pt idx="633">
                  <c:v>114.380039</c:v>
                </c:pt>
                <c:pt idx="634">
                  <c:v>114.35793099999999</c:v>
                </c:pt>
                <c:pt idx="635">
                  <c:v>114.181462</c:v>
                </c:pt>
                <c:pt idx="636">
                  <c:v>113.912882</c:v>
                </c:pt>
                <c:pt idx="637">
                  <c:v>113.929957</c:v>
                </c:pt>
                <c:pt idx="638">
                  <c:v>113.985427</c:v>
                </c:pt>
                <c:pt idx="639">
                  <c:v>114.008319</c:v>
                </c:pt>
                <c:pt idx="640">
                  <c:v>113.920615</c:v>
                </c:pt>
                <c:pt idx="641">
                  <c:v>113.95743400000001</c:v>
                </c:pt>
                <c:pt idx="642">
                  <c:v>114.19399900000001</c:v>
                </c:pt>
                <c:pt idx="643">
                  <c:v>114.279205</c:v>
                </c:pt>
                <c:pt idx="644">
                  <c:v>114.152327</c:v>
                </c:pt>
                <c:pt idx="645">
                  <c:v>114.076605</c:v>
                </c:pt>
                <c:pt idx="646">
                  <c:v>114.178067</c:v>
                </c:pt>
                <c:pt idx="647">
                  <c:v>114.232665</c:v>
                </c:pt>
                <c:pt idx="648">
                  <c:v>113.97202299999999</c:v>
                </c:pt>
                <c:pt idx="649">
                  <c:v>113.94450000000001</c:v>
                </c:pt>
                <c:pt idx="650">
                  <c:v>114.080251</c:v>
                </c:pt>
                <c:pt idx="651">
                  <c:v>114.167942</c:v>
                </c:pt>
                <c:pt idx="652">
                  <c:v>114.038684</c:v>
                </c:pt>
                <c:pt idx="653">
                  <c:v>114.003913</c:v>
                </c:pt>
                <c:pt idx="654">
                  <c:v>114.000055</c:v>
                </c:pt>
                <c:pt idx="655">
                  <c:v>113.937449</c:v>
                </c:pt>
                <c:pt idx="656">
                  <c:v>113.996093</c:v>
                </c:pt>
                <c:pt idx="657">
                  <c:v>114.111137</c:v>
                </c:pt>
                <c:pt idx="658">
                  <c:v>113.921879</c:v>
                </c:pt>
                <c:pt idx="659">
                  <c:v>113.694694</c:v>
                </c:pt>
                <c:pt idx="660">
                  <c:v>113.676008</c:v>
                </c:pt>
                <c:pt idx="661">
                  <c:v>113.693641</c:v>
                </c:pt>
                <c:pt idx="662">
                  <c:v>113.930402</c:v>
                </c:pt>
                <c:pt idx="663">
                  <c:v>113.89519199999999</c:v>
                </c:pt>
                <c:pt idx="664">
                  <c:v>113.609703</c:v>
                </c:pt>
                <c:pt idx="665">
                  <c:v>113.45311599999999</c:v>
                </c:pt>
                <c:pt idx="666">
                  <c:v>113.509986</c:v>
                </c:pt>
                <c:pt idx="667">
                  <c:v>113.715093</c:v>
                </c:pt>
                <c:pt idx="668">
                  <c:v>113.87381600000001</c:v>
                </c:pt>
                <c:pt idx="669">
                  <c:v>113.857365</c:v>
                </c:pt>
                <c:pt idx="670">
                  <c:v>113.82924300000001</c:v>
                </c:pt>
                <c:pt idx="671">
                  <c:v>113.750101</c:v>
                </c:pt>
                <c:pt idx="672">
                  <c:v>113.702416</c:v>
                </c:pt>
                <c:pt idx="673">
                  <c:v>113.656255</c:v>
                </c:pt>
                <c:pt idx="674">
                  <c:v>113.498554</c:v>
                </c:pt>
                <c:pt idx="675">
                  <c:v>113.51558</c:v>
                </c:pt>
                <c:pt idx="676">
                  <c:v>113.59765899999999</c:v>
                </c:pt>
                <c:pt idx="677">
                  <c:v>113.646074</c:v>
                </c:pt>
                <c:pt idx="678">
                  <c:v>113.648931</c:v>
                </c:pt>
                <c:pt idx="679">
                  <c:v>113.680984</c:v>
                </c:pt>
                <c:pt idx="680">
                  <c:v>113.61135899999999</c:v>
                </c:pt>
                <c:pt idx="681">
                  <c:v>113.53200699999999</c:v>
                </c:pt>
                <c:pt idx="682">
                  <c:v>113.53514199999999</c:v>
                </c:pt>
                <c:pt idx="683">
                  <c:v>113.56155699999999</c:v>
                </c:pt>
                <c:pt idx="684">
                  <c:v>113.517686</c:v>
                </c:pt>
                <c:pt idx="685">
                  <c:v>113.60961399999999</c:v>
                </c:pt>
                <c:pt idx="686">
                  <c:v>113.69762299999999</c:v>
                </c:pt>
                <c:pt idx="687">
                  <c:v>113.633415</c:v>
                </c:pt>
                <c:pt idx="688">
                  <c:v>113.611428</c:v>
                </c:pt>
                <c:pt idx="689">
                  <c:v>113.643432</c:v>
                </c:pt>
                <c:pt idx="690">
                  <c:v>113.553341</c:v>
                </c:pt>
                <c:pt idx="691">
                  <c:v>113.54147399999999</c:v>
                </c:pt>
                <c:pt idx="692">
                  <c:v>113.57431800000001</c:v>
                </c:pt>
                <c:pt idx="693">
                  <c:v>113.569497</c:v>
                </c:pt>
                <c:pt idx="694">
                  <c:v>113.488316</c:v>
                </c:pt>
                <c:pt idx="695">
                  <c:v>113.542339</c:v>
                </c:pt>
                <c:pt idx="696">
                  <c:v>113.48314499999999</c:v>
                </c:pt>
                <c:pt idx="697">
                  <c:v>113.46897</c:v>
                </c:pt>
                <c:pt idx="698">
                  <c:v>113.526837</c:v>
                </c:pt>
                <c:pt idx="699">
                  <c:v>113.58318199999999</c:v>
                </c:pt>
                <c:pt idx="700">
                  <c:v>113.672572</c:v>
                </c:pt>
                <c:pt idx="701">
                  <c:v>113.67667299999999</c:v>
                </c:pt>
                <c:pt idx="702">
                  <c:v>113.564806</c:v>
                </c:pt>
                <c:pt idx="703">
                  <c:v>113.45290900000001</c:v>
                </c:pt>
                <c:pt idx="704">
                  <c:v>113.280542</c:v>
                </c:pt>
                <c:pt idx="705">
                  <c:v>113.095798</c:v>
                </c:pt>
                <c:pt idx="706">
                  <c:v>113.121509</c:v>
                </c:pt>
                <c:pt idx="707">
                  <c:v>113.122658</c:v>
                </c:pt>
                <c:pt idx="708">
                  <c:v>112.942638</c:v>
                </c:pt>
                <c:pt idx="709">
                  <c:v>113.009664</c:v>
                </c:pt>
                <c:pt idx="710">
                  <c:v>113.09421399999999</c:v>
                </c:pt>
                <c:pt idx="711">
                  <c:v>113.158945</c:v>
                </c:pt>
                <c:pt idx="712">
                  <c:v>113.283269</c:v>
                </c:pt>
                <c:pt idx="713">
                  <c:v>113.349446</c:v>
                </c:pt>
                <c:pt idx="714">
                  <c:v>113.322649</c:v>
                </c:pt>
                <c:pt idx="715">
                  <c:v>113.312535</c:v>
                </c:pt>
                <c:pt idx="716">
                  <c:v>113.353936</c:v>
                </c:pt>
                <c:pt idx="717">
                  <c:v>113.426489</c:v>
                </c:pt>
                <c:pt idx="718">
                  <c:v>113.477683</c:v>
                </c:pt>
                <c:pt idx="719">
                  <c:v>113.566801</c:v>
                </c:pt>
                <c:pt idx="720">
                  <c:v>113.52947500000001</c:v>
                </c:pt>
                <c:pt idx="721">
                  <c:v>113.43135599999999</c:v>
                </c:pt>
                <c:pt idx="722">
                  <c:v>113.381716</c:v>
                </c:pt>
                <c:pt idx="723">
                  <c:v>113.416432</c:v>
                </c:pt>
                <c:pt idx="724">
                  <c:v>113.35750400000001</c:v>
                </c:pt>
                <c:pt idx="725">
                  <c:v>113.404656</c:v>
                </c:pt>
                <c:pt idx="726">
                  <c:v>113.417886</c:v>
                </c:pt>
                <c:pt idx="727">
                  <c:v>113.34612300000001</c:v>
                </c:pt>
                <c:pt idx="728">
                  <c:v>113.330786</c:v>
                </c:pt>
                <c:pt idx="729">
                  <c:v>113.32507699999999</c:v>
                </c:pt>
                <c:pt idx="730">
                  <c:v>113.31627400000001</c:v>
                </c:pt>
                <c:pt idx="731">
                  <c:v>113.353357</c:v>
                </c:pt>
                <c:pt idx="732">
                  <c:v>113.374904</c:v>
                </c:pt>
                <c:pt idx="733">
                  <c:v>113.321403</c:v>
                </c:pt>
                <c:pt idx="734">
                  <c:v>113.34207000000001</c:v>
                </c:pt>
                <c:pt idx="735">
                  <c:v>113.354608</c:v>
                </c:pt>
                <c:pt idx="736">
                  <c:v>113.284565</c:v>
                </c:pt>
                <c:pt idx="737">
                  <c:v>113.199842</c:v>
                </c:pt>
                <c:pt idx="738">
                  <c:v>113.236974</c:v>
                </c:pt>
                <c:pt idx="739">
                  <c:v>113.23696</c:v>
                </c:pt>
                <c:pt idx="740">
                  <c:v>113.122032</c:v>
                </c:pt>
                <c:pt idx="741">
                  <c:v>113.059815</c:v>
                </c:pt>
                <c:pt idx="742">
                  <c:v>113.07140200000001</c:v>
                </c:pt>
                <c:pt idx="743">
                  <c:v>113.17343200000001</c:v>
                </c:pt>
                <c:pt idx="744">
                  <c:v>113.114341</c:v>
                </c:pt>
                <c:pt idx="745">
                  <c:v>113.02809600000001</c:v>
                </c:pt>
                <c:pt idx="746">
                  <c:v>112.953388</c:v>
                </c:pt>
                <c:pt idx="747">
                  <c:v>112.952488</c:v>
                </c:pt>
                <c:pt idx="748">
                  <c:v>112.99914</c:v>
                </c:pt>
                <c:pt idx="749">
                  <c:v>113.04104</c:v>
                </c:pt>
                <c:pt idx="750">
                  <c:v>112.971907</c:v>
                </c:pt>
                <c:pt idx="751">
                  <c:v>112.93045600000001</c:v>
                </c:pt>
                <c:pt idx="752">
                  <c:v>112.931741</c:v>
                </c:pt>
                <c:pt idx="753">
                  <c:v>112.878362</c:v>
                </c:pt>
                <c:pt idx="754">
                  <c:v>112.834603</c:v>
                </c:pt>
                <c:pt idx="755">
                  <c:v>112.848198</c:v>
                </c:pt>
                <c:pt idx="756">
                  <c:v>112.86389200000001</c:v>
                </c:pt>
                <c:pt idx="757">
                  <c:v>112.864007</c:v>
                </c:pt>
                <c:pt idx="758">
                  <c:v>112.811924</c:v>
                </c:pt>
                <c:pt idx="759">
                  <c:v>112.8252</c:v>
                </c:pt>
                <c:pt idx="760">
                  <c:v>112.80225799999999</c:v>
                </c:pt>
                <c:pt idx="761">
                  <c:v>112.768934</c:v>
                </c:pt>
                <c:pt idx="762">
                  <c:v>112.730042</c:v>
                </c:pt>
                <c:pt idx="763">
                  <c:v>112.640376</c:v>
                </c:pt>
                <c:pt idx="764">
                  <c:v>112.59311</c:v>
                </c:pt>
                <c:pt idx="765">
                  <c:v>112.696669</c:v>
                </c:pt>
                <c:pt idx="766">
                  <c:v>112.67199100000001</c:v>
                </c:pt>
                <c:pt idx="767">
                  <c:v>112.572681</c:v>
                </c:pt>
                <c:pt idx="768">
                  <c:v>112.604139</c:v>
                </c:pt>
                <c:pt idx="769">
                  <c:v>112.6127</c:v>
                </c:pt>
                <c:pt idx="770">
                  <c:v>112.553786</c:v>
                </c:pt>
                <c:pt idx="771">
                  <c:v>112.578295</c:v>
                </c:pt>
                <c:pt idx="772">
                  <c:v>112.571027</c:v>
                </c:pt>
                <c:pt idx="773">
                  <c:v>112.449612</c:v>
                </c:pt>
                <c:pt idx="774">
                  <c:v>112.38445</c:v>
                </c:pt>
                <c:pt idx="775">
                  <c:v>112.443308</c:v>
                </c:pt>
                <c:pt idx="776">
                  <c:v>112.42724200000001</c:v>
                </c:pt>
                <c:pt idx="777">
                  <c:v>112.448252</c:v>
                </c:pt>
                <c:pt idx="778">
                  <c:v>112.34871</c:v>
                </c:pt>
                <c:pt idx="779">
                  <c:v>112.30869199999999</c:v>
                </c:pt>
                <c:pt idx="780">
                  <c:v>112.320655</c:v>
                </c:pt>
                <c:pt idx="781">
                  <c:v>112.355161</c:v>
                </c:pt>
                <c:pt idx="782">
                  <c:v>112.307768</c:v>
                </c:pt>
                <c:pt idx="783">
                  <c:v>112.31232900000001</c:v>
                </c:pt>
                <c:pt idx="784">
                  <c:v>112.358206</c:v>
                </c:pt>
                <c:pt idx="785">
                  <c:v>112.332112</c:v>
                </c:pt>
                <c:pt idx="786">
                  <c:v>112.199798</c:v>
                </c:pt>
                <c:pt idx="787">
                  <c:v>112.117482</c:v>
                </c:pt>
                <c:pt idx="788">
                  <c:v>112.10692299999999</c:v>
                </c:pt>
                <c:pt idx="789">
                  <c:v>112.08251199999999</c:v>
                </c:pt>
                <c:pt idx="790">
                  <c:v>112.119379</c:v>
                </c:pt>
                <c:pt idx="791">
                  <c:v>112.11896</c:v>
                </c:pt>
                <c:pt idx="792">
                  <c:v>112.092468</c:v>
                </c:pt>
                <c:pt idx="793">
                  <c:v>112.030137</c:v>
                </c:pt>
                <c:pt idx="794">
                  <c:v>112.005477</c:v>
                </c:pt>
                <c:pt idx="795">
                  <c:v>112.00435299999999</c:v>
                </c:pt>
                <c:pt idx="796">
                  <c:v>111.99896099999999</c:v>
                </c:pt>
                <c:pt idx="797">
                  <c:v>111.958338</c:v>
                </c:pt>
                <c:pt idx="798">
                  <c:v>111.980636</c:v>
                </c:pt>
                <c:pt idx="799">
                  <c:v>112.007413</c:v>
                </c:pt>
                <c:pt idx="800">
                  <c:v>111.95681999999999</c:v>
                </c:pt>
                <c:pt idx="801">
                  <c:v>111.930559</c:v>
                </c:pt>
                <c:pt idx="802">
                  <c:v>112.04172800000001</c:v>
                </c:pt>
                <c:pt idx="803">
                  <c:v>112.02063200000001</c:v>
                </c:pt>
                <c:pt idx="804">
                  <c:v>111.96639399999999</c:v>
                </c:pt>
                <c:pt idx="805">
                  <c:v>111.979584</c:v>
                </c:pt>
                <c:pt idx="806">
                  <c:v>111.896856</c:v>
                </c:pt>
                <c:pt idx="807">
                  <c:v>111.886488</c:v>
                </c:pt>
                <c:pt idx="808">
                  <c:v>111.946347</c:v>
                </c:pt>
                <c:pt idx="809">
                  <c:v>111.98886899999999</c:v>
                </c:pt>
                <c:pt idx="810">
                  <c:v>111.901189</c:v>
                </c:pt>
                <c:pt idx="811">
                  <c:v>111.796623</c:v>
                </c:pt>
                <c:pt idx="812">
                  <c:v>111.777531</c:v>
                </c:pt>
                <c:pt idx="813">
                  <c:v>111.690855</c:v>
                </c:pt>
                <c:pt idx="814">
                  <c:v>111.63248299999999</c:v>
                </c:pt>
                <c:pt idx="815">
                  <c:v>111.62250899999999</c:v>
                </c:pt>
                <c:pt idx="816">
                  <c:v>111.666346</c:v>
                </c:pt>
                <c:pt idx="817">
                  <c:v>111.748262</c:v>
                </c:pt>
                <c:pt idx="818">
                  <c:v>111.76685000000001</c:v>
                </c:pt>
                <c:pt idx="819">
                  <c:v>111.706079</c:v>
                </c:pt>
                <c:pt idx="820">
                  <c:v>111.628525</c:v>
                </c:pt>
                <c:pt idx="821">
                  <c:v>111.689725</c:v>
                </c:pt>
                <c:pt idx="822">
                  <c:v>111.68552099999999</c:v>
                </c:pt>
                <c:pt idx="823">
                  <c:v>111.63555599999999</c:v>
                </c:pt>
                <c:pt idx="824">
                  <c:v>111.563225</c:v>
                </c:pt>
                <c:pt idx="825">
                  <c:v>111.60610800000001</c:v>
                </c:pt>
                <c:pt idx="826">
                  <c:v>111.65517</c:v>
                </c:pt>
                <c:pt idx="827">
                  <c:v>111.649197</c:v>
                </c:pt>
                <c:pt idx="828">
                  <c:v>111.632271</c:v>
                </c:pt>
                <c:pt idx="829">
                  <c:v>111.63726</c:v>
                </c:pt>
                <c:pt idx="830">
                  <c:v>111.624855</c:v>
                </c:pt>
                <c:pt idx="831">
                  <c:v>111.577307</c:v>
                </c:pt>
                <c:pt idx="832">
                  <c:v>111.565839</c:v>
                </c:pt>
                <c:pt idx="833">
                  <c:v>111.590608</c:v>
                </c:pt>
                <c:pt idx="834">
                  <c:v>111.534176</c:v>
                </c:pt>
                <c:pt idx="835">
                  <c:v>111.47975099999999</c:v>
                </c:pt>
                <c:pt idx="836">
                  <c:v>111.536427</c:v>
                </c:pt>
                <c:pt idx="837">
                  <c:v>111.57073800000001</c:v>
                </c:pt>
                <c:pt idx="838">
                  <c:v>111.51416</c:v>
                </c:pt>
                <c:pt idx="839">
                  <c:v>111.485759</c:v>
                </c:pt>
                <c:pt idx="840">
                  <c:v>111.485405</c:v>
                </c:pt>
                <c:pt idx="841">
                  <c:v>111.541478</c:v>
                </c:pt>
                <c:pt idx="842">
                  <c:v>111.548835</c:v>
                </c:pt>
                <c:pt idx="843">
                  <c:v>111.532678</c:v>
                </c:pt>
                <c:pt idx="844">
                  <c:v>111.50369499999999</c:v>
                </c:pt>
                <c:pt idx="845">
                  <c:v>111.467119</c:v>
                </c:pt>
                <c:pt idx="846">
                  <c:v>111.470322</c:v>
                </c:pt>
                <c:pt idx="847">
                  <c:v>111.426985</c:v>
                </c:pt>
                <c:pt idx="848">
                  <c:v>111.419865</c:v>
                </c:pt>
                <c:pt idx="849">
                  <c:v>111.45769900000001</c:v>
                </c:pt>
                <c:pt idx="850">
                  <c:v>111.458223</c:v>
                </c:pt>
                <c:pt idx="851">
                  <c:v>111.46997500000001</c:v>
                </c:pt>
                <c:pt idx="852">
                  <c:v>111.479696</c:v>
                </c:pt>
                <c:pt idx="853">
                  <c:v>111.461243</c:v>
                </c:pt>
                <c:pt idx="854">
                  <c:v>111.412357</c:v>
                </c:pt>
                <c:pt idx="855">
                  <c:v>111.398414</c:v>
                </c:pt>
                <c:pt idx="856">
                  <c:v>111.36894700000001</c:v>
                </c:pt>
                <c:pt idx="857">
                  <c:v>111.36441600000001</c:v>
                </c:pt>
                <c:pt idx="858">
                  <c:v>111.378562</c:v>
                </c:pt>
                <c:pt idx="859">
                  <c:v>111.396355</c:v>
                </c:pt>
                <c:pt idx="860">
                  <c:v>111.380865</c:v>
                </c:pt>
                <c:pt idx="861">
                  <c:v>111.387109</c:v>
                </c:pt>
                <c:pt idx="862">
                  <c:v>111.392849</c:v>
                </c:pt>
                <c:pt idx="863">
                  <c:v>111.43386</c:v>
                </c:pt>
                <c:pt idx="864">
                  <c:v>111.468638</c:v>
                </c:pt>
                <c:pt idx="865">
                  <c:v>111.44411700000001</c:v>
                </c:pt>
                <c:pt idx="866">
                  <c:v>111.39550800000001</c:v>
                </c:pt>
                <c:pt idx="867">
                  <c:v>111.392641</c:v>
                </c:pt>
                <c:pt idx="868">
                  <c:v>111.374858</c:v>
                </c:pt>
                <c:pt idx="869">
                  <c:v>111.34002099999999</c:v>
                </c:pt>
                <c:pt idx="870">
                  <c:v>111.33627</c:v>
                </c:pt>
                <c:pt idx="871">
                  <c:v>111.36762899999999</c:v>
                </c:pt>
                <c:pt idx="872">
                  <c:v>111.29777</c:v>
                </c:pt>
                <c:pt idx="873">
                  <c:v>111.264318</c:v>
                </c:pt>
                <c:pt idx="874">
                  <c:v>111.280659</c:v>
                </c:pt>
                <c:pt idx="875">
                  <c:v>111.252208</c:v>
                </c:pt>
                <c:pt idx="876">
                  <c:v>111.171813</c:v>
                </c:pt>
                <c:pt idx="877">
                  <c:v>111.175665</c:v>
                </c:pt>
                <c:pt idx="878">
                  <c:v>111.25201300000001</c:v>
                </c:pt>
                <c:pt idx="879">
                  <c:v>111.278341</c:v>
                </c:pt>
                <c:pt idx="880">
                  <c:v>111.24920299999999</c:v>
                </c:pt>
                <c:pt idx="881">
                  <c:v>111.17719</c:v>
                </c:pt>
                <c:pt idx="882">
                  <c:v>111.13987899999999</c:v>
                </c:pt>
                <c:pt idx="883">
                  <c:v>111.11416199999999</c:v>
                </c:pt>
                <c:pt idx="884">
                  <c:v>111.113023</c:v>
                </c:pt>
                <c:pt idx="885">
                  <c:v>111.14597500000001</c:v>
                </c:pt>
                <c:pt idx="886">
                  <c:v>111.12953899999999</c:v>
                </c:pt>
                <c:pt idx="887">
                  <c:v>111.075255</c:v>
                </c:pt>
                <c:pt idx="888">
                  <c:v>110.99764999999999</c:v>
                </c:pt>
                <c:pt idx="889">
                  <c:v>110.986469</c:v>
                </c:pt>
                <c:pt idx="890">
                  <c:v>111.000418</c:v>
                </c:pt>
                <c:pt idx="891">
                  <c:v>111.000365</c:v>
                </c:pt>
                <c:pt idx="892">
                  <c:v>110.975402</c:v>
                </c:pt>
                <c:pt idx="893">
                  <c:v>110.962131</c:v>
                </c:pt>
                <c:pt idx="894">
                  <c:v>110.932445</c:v>
                </c:pt>
                <c:pt idx="895">
                  <c:v>110.937572</c:v>
                </c:pt>
                <c:pt idx="896">
                  <c:v>110.919252</c:v>
                </c:pt>
                <c:pt idx="897">
                  <c:v>110.908214</c:v>
                </c:pt>
                <c:pt idx="898">
                  <c:v>110.893311</c:v>
                </c:pt>
                <c:pt idx="899">
                  <c:v>110.88818499999999</c:v>
                </c:pt>
                <c:pt idx="900">
                  <c:v>110.85732</c:v>
                </c:pt>
                <c:pt idx="901">
                  <c:v>110.783766</c:v>
                </c:pt>
                <c:pt idx="902">
                  <c:v>110.745203</c:v>
                </c:pt>
                <c:pt idx="903">
                  <c:v>110.760435</c:v>
                </c:pt>
                <c:pt idx="904">
                  <c:v>110.74574</c:v>
                </c:pt>
                <c:pt idx="905">
                  <c:v>110.707922</c:v>
                </c:pt>
                <c:pt idx="906">
                  <c:v>110.67125900000001</c:v>
                </c:pt>
                <c:pt idx="907">
                  <c:v>110.677961</c:v>
                </c:pt>
                <c:pt idx="908">
                  <c:v>110.679815</c:v>
                </c:pt>
                <c:pt idx="909">
                  <c:v>110.665655</c:v>
                </c:pt>
                <c:pt idx="910">
                  <c:v>110.65598199999999</c:v>
                </c:pt>
                <c:pt idx="911">
                  <c:v>110.66172899999999</c:v>
                </c:pt>
                <c:pt idx="912">
                  <c:v>110.62337599999999</c:v>
                </c:pt>
                <c:pt idx="913">
                  <c:v>110.572484</c:v>
                </c:pt>
                <c:pt idx="914">
                  <c:v>110.556478</c:v>
                </c:pt>
                <c:pt idx="915">
                  <c:v>110.557742</c:v>
                </c:pt>
                <c:pt idx="916">
                  <c:v>110.480153</c:v>
                </c:pt>
                <c:pt idx="917">
                  <c:v>110.431494</c:v>
                </c:pt>
                <c:pt idx="918">
                  <c:v>110.43054600000001</c:v>
                </c:pt>
                <c:pt idx="919">
                  <c:v>110.42494499999999</c:v>
                </c:pt>
                <c:pt idx="920">
                  <c:v>110.426205</c:v>
                </c:pt>
                <c:pt idx="921">
                  <c:v>110.401708</c:v>
                </c:pt>
                <c:pt idx="922">
                  <c:v>110.349129</c:v>
                </c:pt>
                <c:pt idx="923">
                  <c:v>110.329157</c:v>
                </c:pt>
                <c:pt idx="924">
                  <c:v>110.264059</c:v>
                </c:pt>
                <c:pt idx="925">
                  <c:v>110.23062899999999</c:v>
                </c:pt>
                <c:pt idx="926">
                  <c:v>110.22215199999999</c:v>
                </c:pt>
                <c:pt idx="927">
                  <c:v>110.16958</c:v>
                </c:pt>
                <c:pt idx="928">
                  <c:v>110.164192</c:v>
                </c:pt>
                <c:pt idx="929">
                  <c:v>110.144783</c:v>
                </c:pt>
                <c:pt idx="930">
                  <c:v>110.09082100000001</c:v>
                </c:pt>
                <c:pt idx="931">
                  <c:v>110.032279</c:v>
                </c:pt>
                <c:pt idx="932">
                  <c:v>109.96763</c:v>
                </c:pt>
                <c:pt idx="933">
                  <c:v>109.93473299999999</c:v>
                </c:pt>
                <c:pt idx="934">
                  <c:v>109.914157</c:v>
                </c:pt>
                <c:pt idx="935">
                  <c:v>109.8849</c:v>
                </c:pt>
                <c:pt idx="936">
                  <c:v>109.86261</c:v>
                </c:pt>
                <c:pt idx="937">
                  <c:v>109.849802</c:v>
                </c:pt>
                <c:pt idx="938">
                  <c:v>109.78858700000001</c:v>
                </c:pt>
                <c:pt idx="939">
                  <c:v>109.72257999999999</c:v>
                </c:pt>
                <c:pt idx="940">
                  <c:v>109.698759</c:v>
                </c:pt>
                <c:pt idx="941">
                  <c:v>109.645799</c:v>
                </c:pt>
                <c:pt idx="942">
                  <c:v>109.596407</c:v>
                </c:pt>
                <c:pt idx="943">
                  <c:v>109.566176</c:v>
                </c:pt>
                <c:pt idx="944">
                  <c:v>109.55948600000001</c:v>
                </c:pt>
                <c:pt idx="945">
                  <c:v>109.539575</c:v>
                </c:pt>
                <c:pt idx="946">
                  <c:v>109.475228</c:v>
                </c:pt>
                <c:pt idx="947">
                  <c:v>109.386016</c:v>
                </c:pt>
                <c:pt idx="948">
                  <c:v>109.34527</c:v>
                </c:pt>
                <c:pt idx="949">
                  <c:v>109.34768800000001</c:v>
                </c:pt>
                <c:pt idx="950">
                  <c:v>109.329139</c:v>
                </c:pt>
                <c:pt idx="951">
                  <c:v>109.310256</c:v>
                </c:pt>
                <c:pt idx="952">
                  <c:v>109.288909</c:v>
                </c:pt>
                <c:pt idx="953">
                  <c:v>109.34241400000001</c:v>
                </c:pt>
                <c:pt idx="954">
                  <c:v>109.34684799999999</c:v>
                </c:pt>
                <c:pt idx="955">
                  <c:v>109.257341</c:v>
                </c:pt>
                <c:pt idx="956">
                  <c:v>109.207605</c:v>
                </c:pt>
                <c:pt idx="957">
                  <c:v>109.15131</c:v>
                </c:pt>
                <c:pt idx="958">
                  <c:v>109.138604</c:v>
                </c:pt>
                <c:pt idx="959">
                  <c:v>109.112756</c:v>
                </c:pt>
                <c:pt idx="960">
                  <c:v>109.058018</c:v>
                </c:pt>
                <c:pt idx="961">
                  <c:v>109.036804</c:v>
                </c:pt>
                <c:pt idx="962">
                  <c:v>109.047521</c:v>
                </c:pt>
                <c:pt idx="963">
                  <c:v>109.010628</c:v>
                </c:pt>
                <c:pt idx="964">
                  <c:v>108.951076</c:v>
                </c:pt>
                <c:pt idx="965">
                  <c:v>108.931845</c:v>
                </c:pt>
                <c:pt idx="966">
                  <c:v>108.945939</c:v>
                </c:pt>
                <c:pt idx="967">
                  <c:v>108.918171</c:v>
                </c:pt>
                <c:pt idx="968">
                  <c:v>108.881095</c:v>
                </c:pt>
                <c:pt idx="969">
                  <c:v>108.87007699999999</c:v>
                </c:pt>
                <c:pt idx="970">
                  <c:v>108.87791900000001</c:v>
                </c:pt>
                <c:pt idx="971">
                  <c:v>108.87229600000001</c:v>
                </c:pt>
                <c:pt idx="972">
                  <c:v>108.830894</c:v>
                </c:pt>
                <c:pt idx="973">
                  <c:v>108.810261</c:v>
                </c:pt>
                <c:pt idx="974">
                  <c:v>108.719465</c:v>
                </c:pt>
                <c:pt idx="975">
                  <c:v>108.675545</c:v>
                </c:pt>
                <c:pt idx="976">
                  <c:v>108.71065299999999</c:v>
                </c:pt>
                <c:pt idx="977">
                  <c:v>108.732383</c:v>
                </c:pt>
                <c:pt idx="978">
                  <c:v>108.67132700000001</c:v>
                </c:pt>
                <c:pt idx="979">
                  <c:v>108.684748</c:v>
                </c:pt>
                <c:pt idx="980">
                  <c:v>108.660085</c:v>
                </c:pt>
                <c:pt idx="981">
                  <c:v>108.60035000000001</c:v>
                </c:pt>
                <c:pt idx="982">
                  <c:v>108.640351</c:v>
                </c:pt>
                <c:pt idx="983">
                  <c:v>108.688367</c:v>
                </c:pt>
                <c:pt idx="984">
                  <c:v>108.646396</c:v>
                </c:pt>
                <c:pt idx="985">
                  <c:v>108.630044</c:v>
                </c:pt>
                <c:pt idx="986">
                  <c:v>108.624075</c:v>
                </c:pt>
                <c:pt idx="987">
                  <c:v>108.624073</c:v>
                </c:pt>
                <c:pt idx="988">
                  <c:v>108.64680300000001</c:v>
                </c:pt>
                <c:pt idx="989">
                  <c:v>108.642798</c:v>
                </c:pt>
                <c:pt idx="990">
                  <c:v>108.60807</c:v>
                </c:pt>
                <c:pt idx="991">
                  <c:v>108.590388</c:v>
                </c:pt>
                <c:pt idx="992">
                  <c:v>108.599504</c:v>
                </c:pt>
                <c:pt idx="993">
                  <c:v>108.57196999999999</c:v>
                </c:pt>
                <c:pt idx="994">
                  <c:v>108.531228</c:v>
                </c:pt>
                <c:pt idx="995">
                  <c:v>108.504229</c:v>
                </c:pt>
                <c:pt idx="996">
                  <c:v>108.451871</c:v>
                </c:pt>
                <c:pt idx="997">
                  <c:v>108.388944</c:v>
                </c:pt>
                <c:pt idx="998">
                  <c:v>108.34442900000001</c:v>
                </c:pt>
                <c:pt idx="999">
                  <c:v>108.268502</c:v>
                </c:pt>
                <c:pt idx="1000">
                  <c:v>108.22193300000001</c:v>
                </c:pt>
                <c:pt idx="1001">
                  <c:v>108.253479</c:v>
                </c:pt>
                <c:pt idx="1002">
                  <c:v>108.228431</c:v>
                </c:pt>
                <c:pt idx="1003">
                  <c:v>108.179546</c:v>
                </c:pt>
                <c:pt idx="1004">
                  <c:v>108.21156999999999</c:v>
                </c:pt>
                <c:pt idx="1005">
                  <c:v>108.162629</c:v>
                </c:pt>
                <c:pt idx="1006">
                  <c:v>108.126154</c:v>
                </c:pt>
                <c:pt idx="1007">
                  <c:v>108.163056</c:v>
                </c:pt>
                <c:pt idx="1008">
                  <c:v>108.192083</c:v>
                </c:pt>
                <c:pt idx="1009">
                  <c:v>108.26503700000001</c:v>
                </c:pt>
                <c:pt idx="1010">
                  <c:v>108.25202899999999</c:v>
                </c:pt>
                <c:pt idx="1011">
                  <c:v>108.263127</c:v>
                </c:pt>
                <c:pt idx="1012">
                  <c:v>108.31700600000001</c:v>
                </c:pt>
                <c:pt idx="1013">
                  <c:v>108.36734</c:v>
                </c:pt>
                <c:pt idx="1014">
                  <c:v>108.36277800000001</c:v>
                </c:pt>
                <c:pt idx="1015">
                  <c:v>108.35178399999999</c:v>
                </c:pt>
                <c:pt idx="1016">
                  <c:v>108.38405299999999</c:v>
                </c:pt>
                <c:pt idx="1017">
                  <c:v>108.425847</c:v>
                </c:pt>
                <c:pt idx="1018">
                  <c:v>108.493039</c:v>
                </c:pt>
                <c:pt idx="1019">
                  <c:v>108.53537300000001</c:v>
                </c:pt>
                <c:pt idx="1020">
                  <c:v>108.51869499999999</c:v>
                </c:pt>
                <c:pt idx="1021">
                  <c:v>108.57177299999999</c:v>
                </c:pt>
                <c:pt idx="1022">
                  <c:v>108.664029</c:v>
                </c:pt>
                <c:pt idx="1023">
                  <c:v>108.67879600000001</c:v>
                </c:pt>
                <c:pt idx="1024">
                  <c:v>108.71674</c:v>
                </c:pt>
                <c:pt idx="1025">
                  <c:v>108.792421</c:v>
                </c:pt>
                <c:pt idx="1026">
                  <c:v>108.809771</c:v>
                </c:pt>
                <c:pt idx="1027">
                  <c:v>108.815805</c:v>
                </c:pt>
                <c:pt idx="1028">
                  <c:v>108.741967</c:v>
                </c:pt>
                <c:pt idx="1029">
                  <c:v>108.74224100000001</c:v>
                </c:pt>
                <c:pt idx="1030">
                  <c:v>108.731675</c:v>
                </c:pt>
                <c:pt idx="1031">
                  <c:v>108.72437600000001</c:v>
                </c:pt>
                <c:pt idx="1032">
                  <c:v>108.73652800000001</c:v>
                </c:pt>
                <c:pt idx="1033">
                  <c:v>108.790683</c:v>
                </c:pt>
                <c:pt idx="1034">
                  <c:v>108.826274</c:v>
                </c:pt>
                <c:pt idx="1035">
                  <c:v>108.767408</c:v>
                </c:pt>
                <c:pt idx="1036">
                  <c:v>108.737827</c:v>
                </c:pt>
                <c:pt idx="1037">
                  <c:v>108.759378</c:v>
                </c:pt>
                <c:pt idx="1038">
                  <c:v>108.74818399999999</c:v>
                </c:pt>
                <c:pt idx="1039">
                  <c:v>108.76142299999999</c:v>
                </c:pt>
                <c:pt idx="1040">
                  <c:v>108.757278</c:v>
                </c:pt>
                <c:pt idx="1041">
                  <c:v>108.67850300000001</c:v>
                </c:pt>
                <c:pt idx="1042">
                  <c:v>108.674605</c:v>
                </c:pt>
                <c:pt idx="1043">
                  <c:v>108.744214</c:v>
                </c:pt>
                <c:pt idx="1044">
                  <c:v>108.81631400000001</c:v>
                </c:pt>
                <c:pt idx="1045">
                  <c:v>108.797631</c:v>
                </c:pt>
                <c:pt idx="1046">
                  <c:v>108.732575</c:v>
                </c:pt>
                <c:pt idx="1047">
                  <c:v>108.679169</c:v>
                </c:pt>
                <c:pt idx="1048">
                  <c:v>108.655204</c:v>
                </c:pt>
                <c:pt idx="1049">
                  <c:v>108.616737</c:v>
                </c:pt>
                <c:pt idx="1050">
                  <c:v>108.586062</c:v>
                </c:pt>
                <c:pt idx="1051">
                  <c:v>108.583636</c:v>
                </c:pt>
                <c:pt idx="1052">
                  <c:v>108.548968</c:v>
                </c:pt>
                <c:pt idx="1053">
                  <c:v>108.573818</c:v>
                </c:pt>
                <c:pt idx="1054">
                  <c:v>108.566101</c:v>
                </c:pt>
                <c:pt idx="1055">
                  <c:v>108.531991</c:v>
                </c:pt>
                <c:pt idx="1056">
                  <c:v>108.47783099999999</c:v>
                </c:pt>
                <c:pt idx="1057">
                  <c:v>108.448533</c:v>
                </c:pt>
                <c:pt idx="1058">
                  <c:v>108.47135400000001</c:v>
                </c:pt>
                <c:pt idx="1059">
                  <c:v>108.49675999999999</c:v>
                </c:pt>
                <c:pt idx="1060">
                  <c:v>108.474372</c:v>
                </c:pt>
                <c:pt idx="1061">
                  <c:v>108.43965</c:v>
                </c:pt>
                <c:pt idx="1062">
                  <c:v>108.378478</c:v>
                </c:pt>
                <c:pt idx="1063">
                  <c:v>108.35925899999999</c:v>
                </c:pt>
                <c:pt idx="1064">
                  <c:v>108.448622</c:v>
                </c:pt>
                <c:pt idx="1065">
                  <c:v>108.476406</c:v>
                </c:pt>
                <c:pt idx="1066">
                  <c:v>108.353692</c:v>
                </c:pt>
                <c:pt idx="1067">
                  <c:v>108.328805</c:v>
                </c:pt>
                <c:pt idx="1068">
                  <c:v>108.334447</c:v>
                </c:pt>
                <c:pt idx="1069">
                  <c:v>108.28471999999999</c:v>
                </c:pt>
                <c:pt idx="1070">
                  <c:v>108.29746299999999</c:v>
                </c:pt>
                <c:pt idx="1071">
                  <c:v>108.29831900000001</c:v>
                </c:pt>
                <c:pt idx="1072">
                  <c:v>108.274547</c:v>
                </c:pt>
                <c:pt idx="1073">
                  <c:v>108.30051899999999</c:v>
                </c:pt>
                <c:pt idx="1074">
                  <c:v>108.24603999999999</c:v>
                </c:pt>
                <c:pt idx="1075">
                  <c:v>108.208613</c:v>
                </c:pt>
                <c:pt idx="1076">
                  <c:v>108.22094800000001</c:v>
                </c:pt>
                <c:pt idx="1077">
                  <c:v>108.265378</c:v>
                </c:pt>
                <c:pt idx="1078">
                  <c:v>108.29463200000001</c:v>
                </c:pt>
                <c:pt idx="1079">
                  <c:v>108.265204</c:v>
                </c:pt>
                <c:pt idx="1080">
                  <c:v>108.199207</c:v>
                </c:pt>
                <c:pt idx="1081">
                  <c:v>108.17620700000001</c:v>
                </c:pt>
                <c:pt idx="1082">
                  <c:v>108.138087</c:v>
                </c:pt>
                <c:pt idx="1083">
                  <c:v>108.133679</c:v>
                </c:pt>
                <c:pt idx="1084">
                  <c:v>108.09698</c:v>
                </c:pt>
                <c:pt idx="1085">
                  <c:v>108.10477</c:v>
                </c:pt>
                <c:pt idx="1086">
                  <c:v>108.07926399999999</c:v>
                </c:pt>
                <c:pt idx="1087">
                  <c:v>108.027355</c:v>
                </c:pt>
                <c:pt idx="1088">
                  <c:v>108.089912</c:v>
                </c:pt>
                <c:pt idx="1089">
                  <c:v>108.119551</c:v>
                </c:pt>
                <c:pt idx="1090">
                  <c:v>108.08729700000001</c:v>
                </c:pt>
                <c:pt idx="1091">
                  <c:v>108.09850900000001</c:v>
                </c:pt>
                <c:pt idx="1092">
                  <c:v>108.05522499999999</c:v>
                </c:pt>
                <c:pt idx="1093">
                  <c:v>108.043249</c:v>
                </c:pt>
                <c:pt idx="1094">
                  <c:v>108.08673400000001</c:v>
                </c:pt>
                <c:pt idx="1095">
                  <c:v>108.097281</c:v>
                </c:pt>
                <c:pt idx="1096">
                  <c:v>108.078035</c:v>
                </c:pt>
                <c:pt idx="1097">
                  <c:v>108.070166</c:v>
                </c:pt>
                <c:pt idx="1098">
                  <c:v>108.035586</c:v>
                </c:pt>
                <c:pt idx="1099">
                  <c:v>108.019328</c:v>
                </c:pt>
                <c:pt idx="1100">
                  <c:v>107.985592</c:v>
                </c:pt>
                <c:pt idx="1101">
                  <c:v>107.96512</c:v>
                </c:pt>
                <c:pt idx="1102">
                  <c:v>107.870965</c:v>
                </c:pt>
                <c:pt idx="1103">
                  <c:v>107.785246</c:v>
                </c:pt>
                <c:pt idx="1104">
                  <c:v>107.83386299999999</c:v>
                </c:pt>
                <c:pt idx="1105">
                  <c:v>107.918823</c:v>
                </c:pt>
                <c:pt idx="1106">
                  <c:v>107.872325</c:v>
                </c:pt>
                <c:pt idx="1107">
                  <c:v>107.863229</c:v>
                </c:pt>
                <c:pt idx="1108">
                  <c:v>107.90656300000001</c:v>
                </c:pt>
                <c:pt idx="1109">
                  <c:v>107.928341</c:v>
                </c:pt>
                <c:pt idx="1110">
                  <c:v>107.921845</c:v>
                </c:pt>
                <c:pt idx="1111">
                  <c:v>107.903158</c:v>
                </c:pt>
                <c:pt idx="1112">
                  <c:v>107.899101</c:v>
                </c:pt>
                <c:pt idx="1113">
                  <c:v>107.90591999999999</c:v>
                </c:pt>
                <c:pt idx="1114">
                  <c:v>107.87830200000001</c:v>
                </c:pt>
                <c:pt idx="1115">
                  <c:v>107.85610699999999</c:v>
                </c:pt>
                <c:pt idx="1116">
                  <c:v>107.854151</c:v>
                </c:pt>
                <c:pt idx="1117">
                  <c:v>107.859582</c:v>
                </c:pt>
                <c:pt idx="1118">
                  <c:v>107.845657</c:v>
                </c:pt>
                <c:pt idx="1119">
                  <c:v>107.815444</c:v>
                </c:pt>
                <c:pt idx="1120">
                  <c:v>107.759218</c:v>
                </c:pt>
                <c:pt idx="1121">
                  <c:v>107.700373</c:v>
                </c:pt>
                <c:pt idx="1122">
                  <c:v>107.7877</c:v>
                </c:pt>
                <c:pt idx="1123">
                  <c:v>107.853689</c:v>
                </c:pt>
                <c:pt idx="1124">
                  <c:v>107.736394</c:v>
                </c:pt>
                <c:pt idx="1125">
                  <c:v>107.73659600000001</c:v>
                </c:pt>
                <c:pt idx="1126">
                  <c:v>107.813531</c:v>
                </c:pt>
                <c:pt idx="1127">
                  <c:v>107.84111900000001</c:v>
                </c:pt>
                <c:pt idx="1128">
                  <c:v>107.83768499999999</c:v>
                </c:pt>
                <c:pt idx="1129">
                  <c:v>107.808497</c:v>
                </c:pt>
                <c:pt idx="1130">
                  <c:v>107.751384</c:v>
                </c:pt>
                <c:pt idx="1131">
                  <c:v>107.770224</c:v>
                </c:pt>
                <c:pt idx="1132">
                  <c:v>107.781584</c:v>
                </c:pt>
                <c:pt idx="1133">
                  <c:v>107.81958899999999</c:v>
                </c:pt>
                <c:pt idx="1134">
                  <c:v>107.780913</c:v>
                </c:pt>
                <c:pt idx="1135">
                  <c:v>107.73120900000001</c:v>
                </c:pt>
                <c:pt idx="1136">
                  <c:v>107.68822</c:v>
                </c:pt>
                <c:pt idx="1137">
                  <c:v>107.682226</c:v>
                </c:pt>
                <c:pt idx="1138">
                  <c:v>107.637236</c:v>
                </c:pt>
                <c:pt idx="1139">
                  <c:v>107.62949500000001</c:v>
                </c:pt>
                <c:pt idx="1140">
                  <c:v>107.62514899999999</c:v>
                </c:pt>
                <c:pt idx="1141">
                  <c:v>107.64497299999999</c:v>
                </c:pt>
                <c:pt idx="1142">
                  <c:v>107.66398100000001</c:v>
                </c:pt>
                <c:pt idx="1143">
                  <c:v>107.631947</c:v>
                </c:pt>
                <c:pt idx="1144">
                  <c:v>107.606298</c:v>
                </c:pt>
                <c:pt idx="1145">
                  <c:v>107.624764</c:v>
                </c:pt>
                <c:pt idx="1146">
                  <c:v>107.65170000000001</c:v>
                </c:pt>
                <c:pt idx="1147">
                  <c:v>107.63618</c:v>
                </c:pt>
                <c:pt idx="1148">
                  <c:v>107.566474</c:v>
                </c:pt>
                <c:pt idx="1149">
                  <c:v>107.543902</c:v>
                </c:pt>
                <c:pt idx="1150">
                  <c:v>107.53312200000001</c:v>
                </c:pt>
                <c:pt idx="1151">
                  <c:v>107.564953</c:v>
                </c:pt>
                <c:pt idx="1152">
                  <c:v>107.558144</c:v>
                </c:pt>
                <c:pt idx="1153">
                  <c:v>107.52486</c:v>
                </c:pt>
                <c:pt idx="1154">
                  <c:v>107.56137</c:v>
                </c:pt>
                <c:pt idx="1155">
                  <c:v>107.57798699999999</c:v>
                </c:pt>
                <c:pt idx="1156">
                  <c:v>107.534814</c:v>
                </c:pt>
                <c:pt idx="1157">
                  <c:v>107.580594</c:v>
                </c:pt>
                <c:pt idx="1158">
                  <c:v>107.63276999999999</c:v>
                </c:pt>
                <c:pt idx="1159">
                  <c:v>107.638924</c:v>
                </c:pt>
                <c:pt idx="1160">
                  <c:v>107.584678</c:v>
                </c:pt>
                <c:pt idx="1161">
                  <c:v>107.50001399999999</c:v>
                </c:pt>
                <c:pt idx="1162">
                  <c:v>107.449848</c:v>
                </c:pt>
                <c:pt idx="1163">
                  <c:v>107.49949700000001</c:v>
                </c:pt>
                <c:pt idx="1164">
                  <c:v>107.516656</c:v>
                </c:pt>
                <c:pt idx="1165">
                  <c:v>107.52639499999999</c:v>
                </c:pt>
                <c:pt idx="1166">
                  <c:v>107.51710300000001</c:v>
                </c:pt>
                <c:pt idx="1167">
                  <c:v>107.48159</c:v>
                </c:pt>
                <c:pt idx="1168">
                  <c:v>107.460973</c:v>
                </c:pt>
                <c:pt idx="1169">
                  <c:v>107.516232</c:v>
                </c:pt>
                <c:pt idx="1170">
                  <c:v>107.564261</c:v>
                </c:pt>
                <c:pt idx="1171">
                  <c:v>107.491407</c:v>
                </c:pt>
                <c:pt idx="1172">
                  <c:v>107.491766</c:v>
                </c:pt>
                <c:pt idx="1173">
                  <c:v>107.503805</c:v>
                </c:pt>
                <c:pt idx="1174">
                  <c:v>107.440905</c:v>
                </c:pt>
                <c:pt idx="1175">
                  <c:v>107.42139299999999</c:v>
                </c:pt>
                <c:pt idx="1176">
                  <c:v>107.35241600000001</c:v>
                </c:pt>
                <c:pt idx="1177">
                  <c:v>107.321983</c:v>
                </c:pt>
                <c:pt idx="1178">
                  <c:v>107.405861</c:v>
                </c:pt>
                <c:pt idx="1179">
                  <c:v>107.420098</c:v>
                </c:pt>
                <c:pt idx="1180">
                  <c:v>107.42587899999999</c:v>
                </c:pt>
                <c:pt idx="1181">
                  <c:v>107.357732</c:v>
                </c:pt>
                <c:pt idx="1182">
                  <c:v>107.281656</c:v>
                </c:pt>
                <c:pt idx="1183">
                  <c:v>107.35011900000001</c:v>
                </c:pt>
                <c:pt idx="1184">
                  <c:v>107.394672</c:v>
                </c:pt>
                <c:pt idx="1185">
                  <c:v>107.31708</c:v>
                </c:pt>
                <c:pt idx="1186">
                  <c:v>107.255308</c:v>
                </c:pt>
                <c:pt idx="1187">
                  <c:v>107.337734</c:v>
                </c:pt>
                <c:pt idx="1188">
                  <c:v>107.383962</c:v>
                </c:pt>
                <c:pt idx="1189">
                  <c:v>107.39603</c:v>
                </c:pt>
                <c:pt idx="1190">
                  <c:v>107.435919</c:v>
                </c:pt>
                <c:pt idx="1191">
                  <c:v>107.426282</c:v>
                </c:pt>
                <c:pt idx="1192">
                  <c:v>107.372247</c:v>
                </c:pt>
                <c:pt idx="1193">
                  <c:v>107.453794</c:v>
                </c:pt>
                <c:pt idx="1194">
                  <c:v>107.45706300000001</c:v>
                </c:pt>
                <c:pt idx="1195">
                  <c:v>107.401031</c:v>
                </c:pt>
                <c:pt idx="1196">
                  <c:v>107.361333</c:v>
                </c:pt>
                <c:pt idx="1197">
                  <c:v>107.384193</c:v>
                </c:pt>
                <c:pt idx="1198">
                  <c:v>107.415193</c:v>
                </c:pt>
                <c:pt idx="1199">
                  <c:v>107.38342</c:v>
                </c:pt>
                <c:pt idx="1200">
                  <c:v>107.36499999999999</c:v>
                </c:pt>
                <c:pt idx="1201">
                  <c:v>107.42130899999999</c:v>
                </c:pt>
                <c:pt idx="1202">
                  <c:v>107.483203</c:v>
                </c:pt>
                <c:pt idx="1203">
                  <c:v>107.450812</c:v>
                </c:pt>
                <c:pt idx="1204">
                  <c:v>107.406676</c:v>
                </c:pt>
                <c:pt idx="1205">
                  <c:v>107.436044</c:v>
                </c:pt>
                <c:pt idx="1206">
                  <c:v>107.478481</c:v>
                </c:pt>
                <c:pt idx="1207">
                  <c:v>107.428184</c:v>
                </c:pt>
                <c:pt idx="1208">
                  <c:v>107.38429600000001</c:v>
                </c:pt>
                <c:pt idx="1209">
                  <c:v>107.395752</c:v>
                </c:pt>
                <c:pt idx="1210">
                  <c:v>107.437834</c:v>
                </c:pt>
                <c:pt idx="1211">
                  <c:v>107.515351</c:v>
                </c:pt>
                <c:pt idx="1212">
                  <c:v>107.530565</c:v>
                </c:pt>
                <c:pt idx="1213">
                  <c:v>107.435779</c:v>
                </c:pt>
                <c:pt idx="1214">
                  <c:v>107.352558</c:v>
                </c:pt>
                <c:pt idx="1215">
                  <c:v>107.461663</c:v>
                </c:pt>
                <c:pt idx="1216">
                  <c:v>107.487814</c:v>
                </c:pt>
                <c:pt idx="1217">
                  <c:v>107.416859</c:v>
                </c:pt>
                <c:pt idx="1218">
                  <c:v>107.444385</c:v>
                </c:pt>
                <c:pt idx="1219">
                  <c:v>107.47226999999999</c:v>
                </c:pt>
                <c:pt idx="1220">
                  <c:v>107.43106400000001</c:v>
                </c:pt>
                <c:pt idx="1221">
                  <c:v>107.375412</c:v>
                </c:pt>
                <c:pt idx="1222">
                  <c:v>107.303557</c:v>
                </c:pt>
                <c:pt idx="1223">
                  <c:v>107.30807799999999</c:v>
                </c:pt>
                <c:pt idx="1224">
                  <c:v>107.371984</c:v>
                </c:pt>
                <c:pt idx="1225">
                  <c:v>107.385643</c:v>
                </c:pt>
                <c:pt idx="1226">
                  <c:v>107.418448</c:v>
                </c:pt>
                <c:pt idx="1227">
                  <c:v>107.448319</c:v>
                </c:pt>
                <c:pt idx="1228">
                  <c:v>107.439004</c:v>
                </c:pt>
                <c:pt idx="1229">
                  <c:v>107.405176</c:v>
                </c:pt>
                <c:pt idx="1230">
                  <c:v>107.410999</c:v>
                </c:pt>
                <c:pt idx="1231">
                  <c:v>107.46086699999999</c:v>
                </c:pt>
                <c:pt idx="1232">
                  <c:v>107.439097</c:v>
                </c:pt>
                <c:pt idx="1233">
                  <c:v>107.424566</c:v>
                </c:pt>
                <c:pt idx="1234">
                  <c:v>107.415843</c:v>
                </c:pt>
                <c:pt idx="1235">
                  <c:v>107.41442000000001</c:v>
                </c:pt>
                <c:pt idx="1236">
                  <c:v>107.43640000000001</c:v>
                </c:pt>
                <c:pt idx="1237">
                  <c:v>107.47427</c:v>
                </c:pt>
                <c:pt idx="1238">
                  <c:v>107.483159</c:v>
                </c:pt>
                <c:pt idx="1239">
                  <c:v>107.43588099999999</c:v>
                </c:pt>
                <c:pt idx="1240">
                  <c:v>107.495841</c:v>
                </c:pt>
                <c:pt idx="1241">
                  <c:v>107.52249999999999</c:v>
                </c:pt>
                <c:pt idx="1242">
                  <c:v>107.47471</c:v>
                </c:pt>
                <c:pt idx="1243">
                  <c:v>107.41974399999999</c:v>
                </c:pt>
                <c:pt idx="1244">
                  <c:v>107.399299</c:v>
                </c:pt>
                <c:pt idx="1245">
                  <c:v>107.449961</c:v>
                </c:pt>
                <c:pt idx="1246">
                  <c:v>107.512113</c:v>
                </c:pt>
                <c:pt idx="1247">
                  <c:v>107.5565</c:v>
                </c:pt>
                <c:pt idx="1248">
                  <c:v>107.558409</c:v>
                </c:pt>
                <c:pt idx="1249">
                  <c:v>107.56695999999999</c:v>
                </c:pt>
                <c:pt idx="1250">
                  <c:v>107.537605</c:v>
                </c:pt>
                <c:pt idx="1251">
                  <c:v>107.48291500000001</c:v>
                </c:pt>
                <c:pt idx="1252">
                  <c:v>107.50114499999999</c:v>
                </c:pt>
                <c:pt idx="1253">
                  <c:v>107.570826</c:v>
                </c:pt>
                <c:pt idx="1254">
                  <c:v>107.56753500000001</c:v>
                </c:pt>
                <c:pt idx="1255">
                  <c:v>107.480086</c:v>
                </c:pt>
                <c:pt idx="1256">
                  <c:v>107.431758</c:v>
                </c:pt>
                <c:pt idx="1257">
                  <c:v>107.46297300000001</c:v>
                </c:pt>
                <c:pt idx="1258">
                  <c:v>107.51128</c:v>
                </c:pt>
                <c:pt idx="1259">
                  <c:v>107.53725300000001</c:v>
                </c:pt>
                <c:pt idx="1260">
                  <c:v>107.538032</c:v>
                </c:pt>
                <c:pt idx="1261">
                  <c:v>107.538439</c:v>
                </c:pt>
                <c:pt idx="1262">
                  <c:v>107.580928</c:v>
                </c:pt>
                <c:pt idx="1263">
                  <c:v>107.664349</c:v>
                </c:pt>
                <c:pt idx="1264">
                  <c:v>107.702519</c:v>
                </c:pt>
                <c:pt idx="1265">
                  <c:v>107.715085</c:v>
                </c:pt>
                <c:pt idx="1266">
                  <c:v>107.668807</c:v>
                </c:pt>
                <c:pt idx="1267">
                  <c:v>107.668553</c:v>
                </c:pt>
                <c:pt idx="1268">
                  <c:v>107.760678</c:v>
                </c:pt>
                <c:pt idx="1269">
                  <c:v>107.75211</c:v>
                </c:pt>
                <c:pt idx="1270">
                  <c:v>107.695268</c:v>
                </c:pt>
                <c:pt idx="1271">
                  <c:v>107.63842099999999</c:v>
                </c:pt>
                <c:pt idx="1272">
                  <c:v>107.658356</c:v>
                </c:pt>
                <c:pt idx="1273">
                  <c:v>107.700563</c:v>
                </c:pt>
                <c:pt idx="1274">
                  <c:v>107.69717300000001</c:v>
                </c:pt>
                <c:pt idx="1275">
                  <c:v>107.78025700000001</c:v>
                </c:pt>
                <c:pt idx="1276">
                  <c:v>107.83547</c:v>
                </c:pt>
                <c:pt idx="1277">
                  <c:v>107.810174</c:v>
                </c:pt>
                <c:pt idx="1278">
                  <c:v>107.81456300000001</c:v>
                </c:pt>
                <c:pt idx="1279">
                  <c:v>107.86186600000001</c:v>
                </c:pt>
                <c:pt idx="1280">
                  <c:v>107.818327</c:v>
                </c:pt>
                <c:pt idx="1281">
                  <c:v>107.814418</c:v>
                </c:pt>
                <c:pt idx="1282">
                  <c:v>107.866873</c:v>
                </c:pt>
                <c:pt idx="1283">
                  <c:v>107.885779</c:v>
                </c:pt>
                <c:pt idx="1284">
                  <c:v>107.856241</c:v>
                </c:pt>
                <c:pt idx="1285">
                  <c:v>107.87680899999999</c:v>
                </c:pt>
                <c:pt idx="1286">
                  <c:v>107.913787</c:v>
                </c:pt>
                <c:pt idx="1287">
                  <c:v>107.85201000000001</c:v>
                </c:pt>
                <c:pt idx="1288">
                  <c:v>107.81610999999999</c:v>
                </c:pt>
                <c:pt idx="1289">
                  <c:v>107.886793</c:v>
                </c:pt>
                <c:pt idx="1290">
                  <c:v>107.84428800000001</c:v>
                </c:pt>
                <c:pt idx="1291">
                  <c:v>107.88637300000001</c:v>
                </c:pt>
                <c:pt idx="1292">
                  <c:v>107.996235</c:v>
                </c:pt>
                <c:pt idx="1293">
                  <c:v>107.942114</c:v>
                </c:pt>
                <c:pt idx="1294">
                  <c:v>107.938367</c:v>
                </c:pt>
                <c:pt idx="1295">
                  <c:v>108.05552299999999</c:v>
                </c:pt>
                <c:pt idx="1296">
                  <c:v>108.045981</c:v>
                </c:pt>
                <c:pt idx="1297">
                  <c:v>107.952398</c:v>
                </c:pt>
                <c:pt idx="1298">
                  <c:v>107.87026400000001</c:v>
                </c:pt>
                <c:pt idx="1299">
                  <c:v>107.883149</c:v>
                </c:pt>
                <c:pt idx="1300">
                  <c:v>107.887833</c:v>
                </c:pt>
                <c:pt idx="1301">
                  <c:v>107.858465</c:v>
                </c:pt>
                <c:pt idx="1302">
                  <c:v>107.810987</c:v>
                </c:pt>
                <c:pt idx="1303">
                  <c:v>107.883565</c:v>
                </c:pt>
                <c:pt idx="1304">
                  <c:v>107.948212</c:v>
                </c:pt>
                <c:pt idx="1305">
                  <c:v>108.020481</c:v>
                </c:pt>
                <c:pt idx="1306">
                  <c:v>108.101418</c:v>
                </c:pt>
                <c:pt idx="1307">
                  <c:v>108.124791</c:v>
                </c:pt>
                <c:pt idx="1308">
                  <c:v>108.068943</c:v>
                </c:pt>
                <c:pt idx="1309">
                  <c:v>108.054405</c:v>
                </c:pt>
                <c:pt idx="1310">
                  <c:v>108.036327</c:v>
                </c:pt>
                <c:pt idx="1311">
                  <c:v>108.01942099999999</c:v>
                </c:pt>
                <c:pt idx="1312">
                  <c:v>107.988235</c:v>
                </c:pt>
                <c:pt idx="1313">
                  <c:v>108.11454999999999</c:v>
                </c:pt>
                <c:pt idx="1314">
                  <c:v>108.255717</c:v>
                </c:pt>
                <c:pt idx="1315">
                  <c:v>108.289153</c:v>
                </c:pt>
                <c:pt idx="1316">
                  <c:v>108.241529</c:v>
                </c:pt>
                <c:pt idx="1317">
                  <c:v>108.300912</c:v>
                </c:pt>
                <c:pt idx="1318">
                  <c:v>108.373319</c:v>
                </c:pt>
                <c:pt idx="1319">
                  <c:v>108.38496000000001</c:v>
                </c:pt>
                <c:pt idx="1320">
                  <c:v>108.360675</c:v>
                </c:pt>
                <c:pt idx="1321">
                  <c:v>108.324676</c:v>
                </c:pt>
                <c:pt idx="1322">
                  <c:v>108.279768</c:v>
                </c:pt>
                <c:pt idx="1323">
                  <c:v>108.317789</c:v>
                </c:pt>
                <c:pt idx="1324">
                  <c:v>108.167824</c:v>
                </c:pt>
                <c:pt idx="1325">
                  <c:v>108.212058</c:v>
                </c:pt>
                <c:pt idx="1326">
                  <c:v>108.34911700000001</c:v>
                </c:pt>
                <c:pt idx="1327">
                  <c:v>108.432135</c:v>
                </c:pt>
                <c:pt idx="1328">
                  <c:v>108.483816</c:v>
                </c:pt>
                <c:pt idx="1329">
                  <c:v>108.51202000000001</c:v>
                </c:pt>
                <c:pt idx="1330">
                  <c:v>108.45707</c:v>
                </c:pt>
                <c:pt idx="1331">
                  <c:v>108.075861</c:v>
                </c:pt>
                <c:pt idx="1332">
                  <c:v>107.831018</c:v>
                </c:pt>
                <c:pt idx="1333">
                  <c:v>108.13186</c:v>
                </c:pt>
                <c:pt idx="1334">
                  <c:v>108.27800499999999</c:v>
                </c:pt>
                <c:pt idx="1335">
                  <c:v>108.290988</c:v>
                </c:pt>
                <c:pt idx="1336">
                  <c:v>108.292365</c:v>
                </c:pt>
                <c:pt idx="1337">
                  <c:v>108.29041100000001</c:v>
                </c:pt>
                <c:pt idx="1338">
                  <c:v>108.29062500000001</c:v>
                </c:pt>
                <c:pt idx="1339">
                  <c:v>108.39852399999999</c:v>
                </c:pt>
                <c:pt idx="1340">
                  <c:v>108.486569</c:v>
                </c:pt>
                <c:pt idx="1341">
                  <c:v>108.448384</c:v>
                </c:pt>
                <c:pt idx="1342">
                  <c:v>108.162854</c:v>
                </c:pt>
                <c:pt idx="1343">
                  <c:v>108.09239700000001</c:v>
                </c:pt>
                <c:pt idx="1344">
                  <c:v>108.33049099999999</c:v>
                </c:pt>
                <c:pt idx="1345">
                  <c:v>108.44622200000001</c:v>
                </c:pt>
                <c:pt idx="1346">
                  <c:v>108.390781</c:v>
                </c:pt>
                <c:pt idx="1347">
                  <c:v>108.371675</c:v>
                </c:pt>
                <c:pt idx="1348">
                  <c:v>108.409897</c:v>
                </c:pt>
                <c:pt idx="1349">
                  <c:v>108.360809</c:v>
                </c:pt>
                <c:pt idx="1350">
                  <c:v>108.360874</c:v>
                </c:pt>
                <c:pt idx="1351">
                  <c:v>108.493036</c:v>
                </c:pt>
                <c:pt idx="1352">
                  <c:v>108.447535</c:v>
                </c:pt>
                <c:pt idx="1353">
                  <c:v>108.16475699999999</c:v>
                </c:pt>
                <c:pt idx="1354">
                  <c:v>108.145366</c:v>
                </c:pt>
                <c:pt idx="1355">
                  <c:v>108.14446100000001</c:v>
                </c:pt>
                <c:pt idx="1356">
                  <c:v>108.234764</c:v>
                </c:pt>
                <c:pt idx="1357">
                  <c:v>108.419466</c:v>
                </c:pt>
                <c:pt idx="1358">
                  <c:v>108.33999799999999</c:v>
                </c:pt>
                <c:pt idx="1359">
                  <c:v>108.136483</c:v>
                </c:pt>
                <c:pt idx="1360">
                  <c:v>108.31910499999999</c:v>
                </c:pt>
                <c:pt idx="1361">
                  <c:v>108.50466</c:v>
                </c:pt>
                <c:pt idx="1362">
                  <c:v>108.52882200000001</c:v>
                </c:pt>
                <c:pt idx="1363">
                  <c:v>108.40246500000001</c:v>
                </c:pt>
                <c:pt idx="1364">
                  <c:v>108.024326</c:v>
                </c:pt>
                <c:pt idx="1365">
                  <c:v>108.17521000000001</c:v>
                </c:pt>
                <c:pt idx="1366">
                  <c:v>108.25214200000001</c:v>
                </c:pt>
                <c:pt idx="1367">
                  <c:v>108.35994100000001</c:v>
                </c:pt>
                <c:pt idx="1368">
                  <c:v>108.44881100000001</c:v>
                </c:pt>
                <c:pt idx="1369">
                  <c:v>108.58538</c:v>
                </c:pt>
                <c:pt idx="1370">
                  <c:v>108.550678</c:v>
                </c:pt>
                <c:pt idx="1371">
                  <c:v>108.496611</c:v>
                </c:pt>
                <c:pt idx="1372">
                  <c:v>108.72557</c:v>
                </c:pt>
                <c:pt idx="1373">
                  <c:v>108.656723</c:v>
                </c:pt>
                <c:pt idx="1374">
                  <c:v>107.881011</c:v>
                </c:pt>
                <c:pt idx="1375">
                  <c:v>107.494597</c:v>
                </c:pt>
                <c:pt idx="1376">
                  <c:v>108.187922</c:v>
                </c:pt>
                <c:pt idx="1377">
                  <c:v>108.579922</c:v>
                </c:pt>
                <c:pt idx="1378">
                  <c:v>108.541535</c:v>
                </c:pt>
                <c:pt idx="1379">
                  <c:v>108.693392</c:v>
                </c:pt>
                <c:pt idx="1380">
                  <c:v>108.80223599999999</c:v>
                </c:pt>
                <c:pt idx="1381">
                  <c:v>108.820167</c:v>
                </c:pt>
                <c:pt idx="1382">
                  <c:v>108.930224</c:v>
                </c:pt>
                <c:pt idx="1383">
                  <c:v>109.109662</c:v>
                </c:pt>
                <c:pt idx="1384">
                  <c:v>109.00460099999999</c:v>
                </c:pt>
                <c:pt idx="1385">
                  <c:v>108.409103</c:v>
                </c:pt>
                <c:pt idx="1386">
                  <c:v>108.516659</c:v>
                </c:pt>
                <c:pt idx="1387">
                  <c:v>108.46240299999999</c:v>
                </c:pt>
                <c:pt idx="1388">
                  <c:v>107.722628</c:v>
                </c:pt>
                <c:pt idx="1389">
                  <c:v>108.243629</c:v>
                </c:pt>
                <c:pt idx="1390">
                  <c:v>108.58049099999999</c:v>
                </c:pt>
                <c:pt idx="1391">
                  <c:v>108.823784</c:v>
                </c:pt>
                <c:pt idx="1392">
                  <c:v>108.95617</c:v>
                </c:pt>
                <c:pt idx="1393">
                  <c:v>109.02555099999999</c:v>
                </c:pt>
                <c:pt idx="1394">
                  <c:v>108.858684</c:v>
                </c:pt>
                <c:pt idx="1395">
                  <c:v>108.457588</c:v>
                </c:pt>
                <c:pt idx="1396">
                  <c:v>108.583399</c:v>
                </c:pt>
                <c:pt idx="1397">
                  <c:v>108.800076</c:v>
                </c:pt>
                <c:pt idx="1398">
                  <c:v>108.937326</c:v>
                </c:pt>
                <c:pt idx="1399">
                  <c:v>108.94476</c:v>
                </c:pt>
                <c:pt idx="1400">
                  <c:v>108.94842800000001</c:v>
                </c:pt>
                <c:pt idx="1401">
                  <c:v>108.90473</c:v>
                </c:pt>
                <c:pt idx="1402">
                  <c:v>108.838815</c:v>
                </c:pt>
                <c:pt idx="1403">
                  <c:v>108.91956500000001</c:v>
                </c:pt>
                <c:pt idx="1404">
                  <c:v>108.89192300000001</c:v>
                </c:pt>
                <c:pt idx="1405">
                  <c:v>108.781976</c:v>
                </c:pt>
                <c:pt idx="1406">
                  <c:v>108.652512</c:v>
                </c:pt>
                <c:pt idx="1407">
                  <c:v>108.725469</c:v>
                </c:pt>
                <c:pt idx="1408">
                  <c:v>108.930397</c:v>
                </c:pt>
                <c:pt idx="1409">
                  <c:v>109.009691</c:v>
                </c:pt>
                <c:pt idx="1410">
                  <c:v>108.863285</c:v>
                </c:pt>
                <c:pt idx="1411">
                  <c:v>108.868932</c:v>
                </c:pt>
                <c:pt idx="1412">
                  <c:v>108.93809299999999</c:v>
                </c:pt>
                <c:pt idx="1413">
                  <c:v>109.019216</c:v>
                </c:pt>
                <c:pt idx="1414">
                  <c:v>108.974757</c:v>
                </c:pt>
                <c:pt idx="1415">
                  <c:v>108.99665400000001</c:v>
                </c:pt>
                <c:pt idx="1416">
                  <c:v>109.18132300000001</c:v>
                </c:pt>
                <c:pt idx="1417">
                  <c:v>108.889461</c:v>
                </c:pt>
                <c:pt idx="1418">
                  <c:v>108.41727299999999</c:v>
                </c:pt>
                <c:pt idx="1419">
                  <c:v>108.17931400000001</c:v>
                </c:pt>
                <c:pt idx="1420">
                  <c:v>108.559226</c:v>
                </c:pt>
                <c:pt idx="1421">
                  <c:v>108.768967</c:v>
                </c:pt>
                <c:pt idx="1422">
                  <c:v>108.84345500000001</c:v>
                </c:pt>
                <c:pt idx="1423">
                  <c:v>108.54858299999999</c:v>
                </c:pt>
                <c:pt idx="1424">
                  <c:v>108.277255</c:v>
                </c:pt>
                <c:pt idx="1425">
                  <c:v>108.815839</c:v>
                </c:pt>
                <c:pt idx="1426">
                  <c:v>108.93377599999999</c:v>
                </c:pt>
                <c:pt idx="1427">
                  <c:v>108.62795199999999</c:v>
                </c:pt>
                <c:pt idx="1428">
                  <c:v>108.49461100000001</c:v>
                </c:pt>
                <c:pt idx="1429">
                  <c:v>108.75124099999999</c:v>
                </c:pt>
                <c:pt idx="1430">
                  <c:v>108.87223</c:v>
                </c:pt>
                <c:pt idx="1431">
                  <c:v>108.884345</c:v>
                </c:pt>
                <c:pt idx="1432">
                  <c:v>108.95916099999999</c:v>
                </c:pt>
                <c:pt idx="1433">
                  <c:v>109.20047</c:v>
                </c:pt>
                <c:pt idx="1434">
                  <c:v>109.232288</c:v>
                </c:pt>
                <c:pt idx="1435">
                  <c:v>109.19658</c:v>
                </c:pt>
                <c:pt idx="1436">
                  <c:v>109.19942399999999</c:v>
                </c:pt>
                <c:pt idx="1437">
                  <c:v>108.999742</c:v>
                </c:pt>
                <c:pt idx="1438">
                  <c:v>109.061145</c:v>
                </c:pt>
                <c:pt idx="1439">
                  <c:v>109.17415800000001</c:v>
                </c:pt>
                <c:pt idx="1440">
                  <c:v>109.249898</c:v>
                </c:pt>
                <c:pt idx="1441">
                  <c:v>109.213168</c:v>
                </c:pt>
                <c:pt idx="1442">
                  <c:v>109.062741</c:v>
                </c:pt>
                <c:pt idx="1443">
                  <c:v>109.163797</c:v>
                </c:pt>
                <c:pt idx="1444">
                  <c:v>109.194239</c:v>
                </c:pt>
                <c:pt idx="1445">
                  <c:v>109.166459</c:v>
                </c:pt>
                <c:pt idx="1446">
                  <c:v>109.198921</c:v>
                </c:pt>
                <c:pt idx="1447">
                  <c:v>109.219047</c:v>
                </c:pt>
                <c:pt idx="1448">
                  <c:v>109.214203</c:v>
                </c:pt>
                <c:pt idx="1449">
                  <c:v>109.26846500000001</c:v>
                </c:pt>
                <c:pt idx="1450">
                  <c:v>109.249934</c:v>
                </c:pt>
                <c:pt idx="1451">
                  <c:v>109.249449</c:v>
                </c:pt>
                <c:pt idx="1452">
                  <c:v>109.35033199999999</c:v>
                </c:pt>
                <c:pt idx="1453">
                  <c:v>108.824488</c:v>
                </c:pt>
                <c:pt idx="1454">
                  <c:v>108.705979</c:v>
                </c:pt>
                <c:pt idx="1455">
                  <c:v>109.073337</c:v>
                </c:pt>
                <c:pt idx="1456">
                  <c:v>109.025199</c:v>
                </c:pt>
                <c:pt idx="1457">
                  <c:v>109.05087</c:v>
                </c:pt>
                <c:pt idx="1458">
                  <c:v>109.10760999999999</c:v>
                </c:pt>
                <c:pt idx="1459">
                  <c:v>109.23052800000001</c:v>
                </c:pt>
                <c:pt idx="1460">
                  <c:v>109.30094699999999</c:v>
                </c:pt>
                <c:pt idx="1461">
                  <c:v>109.151832</c:v>
                </c:pt>
                <c:pt idx="1462">
                  <c:v>109.247984</c:v>
                </c:pt>
                <c:pt idx="1463">
                  <c:v>109.026021</c:v>
                </c:pt>
                <c:pt idx="1464">
                  <c:v>108.917933</c:v>
                </c:pt>
                <c:pt idx="1465">
                  <c:v>109.137711</c:v>
                </c:pt>
                <c:pt idx="1466">
                  <c:v>109.10112700000001</c:v>
                </c:pt>
                <c:pt idx="1467">
                  <c:v>109.110542</c:v>
                </c:pt>
                <c:pt idx="1468">
                  <c:v>109.133398</c:v>
                </c:pt>
                <c:pt idx="1469">
                  <c:v>109.160612</c:v>
                </c:pt>
                <c:pt idx="1470">
                  <c:v>109.237297</c:v>
                </c:pt>
                <c:pt idx="1471">
                  <c:v>109.15594</c:v>
                </c:pt>
                <c:pt idx="1472">
                  <c:v>109.032854</c:v>
                </c:pt>
                <c:pt idx="1473">
                  <c:v>108.93586500000001</c:v>
                </c:pt>
                <c:pt idx="1474">
                  <c:v>108.955265</c:v>
                </c:pt>
                <c:pt idx="1475">
                  <c:v>108.87595</c:v>
                </c:pt>
                <c:pt idx="1476">
                  <c:v>108.83576100000001</c:v>
                </c:pt>
                <c:pt idx="1477">
                  <c:v>109.043663</c:v>
                </c:pt>
                <c:pt idx="1478">
                  <c:v>109.214932</c:v>
                </c:pt>
                <c:pt idx="1479">
                  <c:v>109.330431</c:v>
                </c:pt>
                <c:pt idx="1480">
                  <c:v>108.78523300000001</c:v>
                </c:pt>
                <c:pt idx="1481">
                  <c:v>108.612971</c:v>
                </c:pt>
                <c:pt idx="1482">
                  <c:v>108.751357</c:v>
                </c:pt>
                <c:pt idx="1483">
                  <c:v>108.910398</c:v>
                </c:pt>
                <c:pt idx="1484">
                  <c:v>108.99476900000001</c:v>
                </c:pt>
                <c:pt idx="1485">
                  <c:v>108.950102</c:v>
                </c:pt>
                <c:pt idx="1486">
                  <c:v>108.716345</c:v>
                </c:pt>
                <c:pt idx="1487">
                  <c:v>108.949848</c:v>
                </c:pt>
                <c:pt idx="1488">
                  <c:v>109.13558500000001</c:v>
                </c:pt>
                <c:pt idx="1489">
                  <c:v>108.833445</c:v>
                </c:pt>
                <c:pt idx="1490">
                  <c:v>108.928466</c:v>
                </c:pt>
                <c:pt idx="1491">
                  <c:v>108.890732</c:v>
                </c:pt>
                <c:pt idx="1492">
                  <c:v>109.00428599999999</c:v>
                </c:pt>
                <c:pt idx="1493">
                  <c:v>109.119794</c:v>
                </c:pt>
                <c:pt idx="1494">
                  <c:v>108.973578</c:v>
                </c:pt>
                <c:pt idx="1495">
                  <c:v>109.011422</c:v>
                </c:pt>
                <c:pt idx="1496">
                  <c:v>109.108154</c:v>
                </c:pt>
                <c:pt idx="1497">
                  <c:v>108.880154</c:v>
                </c:pt>
                <c:pt idx="1498">
                  <c:v>108.972117</c:v>
                </c:pt>
                <c:pt idx="1499">
                  <c:v>109.106829</c:v>
                </c:pt>
                <c:pt idx="1500">
                  <c:v>109.03823199999999</c:v>
                </c:pt>
                <c:pt idx="1501">
                  <c:v>108.98186</c:v>
                </c:pt>
                <c:pt idx="1502">
                  <c:v>109.099585</c:v>
                </c:pt>
                <c:pt idx="1503">
                  <c:v>109.22765699999999</c:v>
                </c:pt>
                <c:pt idx="1504">
                  <c:v>109.17258099999999</c:v>
                </c:pt>
                <c:pt idx="1505">
                  <c:v>109.078295</c:v>
                </c:pt>
                <c:pt idx="1506">
                  <c:v>108.91392399999999</c:v>
                </c:pt>
                <c:pt idx="1507">
                  <c:v>108.772024</c:v>
                </c:pt>
                <c:pt idx="1508">
                  <c:v>108.80528200000001</c:v>
                </c:pt>
                <c:pt idx="1509">
                  <c:v>108.859386</c:v>
                </c:pt>
                <c:pt idx="1510">
                  <c:v>108.95586400000001</c:v>
                </c:pt>
                <c:pt idx="1511">
                  <c:v>109.124628</c:v>
                </c:pt>
                <c:pt idx="1512">
                  <c:v>109.184129</c:v>
                </c:pt>
                <c:pt idx="1513">
                  <c:v>109.138127</c:v>
                </c:pt>
                <c:pt idx="1514">
                  <c:v>109.175808</c:v>
                </c:pt>
                <c:pt idx="1515">
                  <c:v>109.197791</c:v>
                </c:pt>
                <c:pt idx="1516">
                  <c:v>109.23342100000001</c:v>
                </c:pt>
                <c:pt idx="1517">
                  <c:v>108.994568</c:v>
                </c:pt>
                <c:pt idx="1518">
                  <c:v>108.906009</c:v>
                </c:pt>
                <c:pt idx="1519">
                  <c:v>109.087656</c:v>
                </c:pt>
                <c:pt idx="1520">
                  <c:v>109.174981</c:v>
                </c:pt>
                <c:pt idx="1521">
                  <c:v>109.043735</c:v>
                </c:pt>
                <c:pt idx="1522">
                  <c:v>108.935061</c:v>
                </c:pt>
                <c:pt idx="1523">
                  <c:v>108.98652300000001</c:v>
                </c:pt>
                <c:pt idx="1524">
                  <c:v>108.976158</c:v>
                </c:pt>
                <c:pt idx="1525">
                  <c:v>109.09103</c:v>
                </c:pt>
                <c:pt idx="1526">
                  <c:v>109.22719600000001</c:v>
                </c:pt>
                <c:pt idx="1527">
                  <c:v>109.085791</c:v>
                </c:pt>
                <c:pt idx="1528">
                  <c:v>108.971609</c:v>
                </c:pt>
                <c:pt idx="1529">
                  <c:v>108.996641</c:v>
                </c:pt>
                <c:pt idx="1530">
                  <c:v>108.97739</c:v>
                </c:pt>
                <c:pt idx="1531">
                  <c:v>109.014275</c:v>
                </c:pt>
                <c:pt idx="1532">
                  <c:v>109.098834</c:v>
                </c:pt>
                <c:pt idx="1533">
                  <c:v>109.137388</c:v>
                </c:pt>
                <c:pt idx="1534">
                  <c:v>109.077102</c:v>
                </c:pt>
                <c:pt idx="1535">
                  <c:v>109.109405</c:v>
                </c:pt>
                <c:pt idx="1536">
                  <c:v>109.17133</c:v>
                </c:pt>
                <c:pt idx="1537">
                  <c:v>109.104056</c:v>
                </c:pt>
                <c:pt idx="1538">
                  <c:v>109.029151</c:v>
                </c:pt>
                <c:pt idx="1539">
                  <c:v>109.033548</c:v>
                </c:pt>
                <c:pt idx="1540">
                  <c:v>109.048835</c:v>
                </c:pt>
                <c:pt idx="1541">
                  <c:v>109.01785099999999</c:v>
                </c:pt>
                <c:pt idx="1542">
                  <c:v>109.016718</c:v>
                </c:pt>
                <c:pt idx="1543">
                  <c:v>108.946861</c:v>
                </c:pt>
                <c:pt idx="1544">
                  <c:v>108.907949</c:v>
                </c:pt>
                <c:pt idx="1545">
                  <c:v>108.981737</c:v>
                </c:pt>
                <c:pt idx="1546">
                  <c:v>109.04156999999999</c:v>
                </c:pt>
                <c:pt idx="1547">
                  <c:v>108.981202</c:v>
                </c:pt>
                <c:pt idx="1548">
                  <c:v>108.963364</c:v>
                </c:pt>
                <c:pt idx="1549">
                  <c:v>108.97479800000001</c:v>
                </c:pt>
                <c:pt idx="1550">
                  <c:v>108.937658</c:v>
                </c:pt>
                <c:pt idx="1551">
                  <c:v>108.887173</c:v>
                </c:pt>
                <c:pt idx="1552">
                  <c:v>108.936235</c:v>
                </c:pt>
                <c:pt idx="1553">
                  <c:v>108.910372</c:v>
                </c:pt>
                <c:pt idx="1554">
                  <c:v>108.865275</c:v>
                </c:pt>
                <c:pt idx="1555">
                  <c:v>108.861966</c:v>
                </c:pt>
                <c:pt idx="1556">
                  <c:v>108.88795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4D1E-498B-A6C1-B654C2EDF5C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9041936"/>
        <c:axId val="159169088"/>
      </c:scatterChart>
      <c:valAx>
        <c:axId val="309041936"/>
        <c:scaling>
          <c:orientation val="maxMin"/>
          <c:max val="4000"/>
          <c:min val="8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Wavenumber (cm-1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59169088"/>
        <c:crosses val="autoZero"/>
        <c:crossBetween val="midCat"/>
      </c:valAx>
      <c:valAx>
        <c:axId val="159169088"/>
        <c:scaling>
          <c:orientation val="minMax"/>
        </c:scaling>
        <c:delete val="0"/>
        <c:axPos val="r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ransmittance 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904193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7.8451905389147147E-2"/>
          <c:y val="8.9772559624955298E-2"/>
          <c:w val="0.88832467320261443"/>
          <c:h val="0.71918628039944255"/>
        </c:manualLayout>
      </c:layout>
      <c:scatterChart>
        <c:scatterStyle val="smoothMarker"/>
        <c:varyColors val="0"/>
        <c:ser>
          <c:idx val="6"/>
          <c:order val="0"/>
          <c:tx>
            <c:strRef>
              <c:f>'Fig 2 b'!$B$7</c:f>
              <c:strCache>
                <c:ptCount val="1"/>
                <c:pt idx="0">
                  <c:v>S-0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'Fig 2 b'!$B$10:$B$1202</c:f>
              <c:numCache>
                <c:formatCode>General</c:formatCode>
                <c:ptCount val="1193"/>
                <c:pt idx="0">
                  <c:v>1500.6188480000001</c:v>
                </c:pt>
                <c:pt idx="1">
                  <c:v>1502.5476639999999</c:v>
                </c:pt>
                <c:pt idx="2">
                  <c:v>1504.47648</c:v>
                </c:pt>
                <c:pt idx="3">
                  <c:v>1506.4052959999999</c:v>
                </c:pt>
                <c:pt idx="4">
                  <c:v>1508.334112</c:v>
                </c:pt>
                <c:pt idx="5">
                  <c:v>1510.2629280000001</c:v>
                </c:pt>
                <c:pt idx="6">
                  <c:v>1512.191744</c:v>
                </c:pt>
                <c:pt idx="7">
                  <c:v>1514.1205600000001</c:v>
                </c:pt>
                <c:pt idx="8">
                  <c:v>1516.0493759999999</c:v>
                </c:pt>
                <c:pt idx="9">
                  <c:v>1517.978192</c:v>
                </c:pt>
                <c:pt idx="10">
                  <c:v>1519.9070079999999</c:v>
                </c:pt>
                <c:pt idx="11">
                  <c:v>1521.835824</c:v>
                </c:pt>
                <c:pt idx="12">
                  <c:v>1523.7646400000001</c:v>
                </c:pt>
                <c:pt idx="13">
                  <c:v>1525.693456</c:v>
                </c:pt>
                <c:pt idx="14">
                  <c:v>1527.6222720000001</c:v>
                </c:pt>
                <c:pt idx="15">
                  <c:v>1529.5510879999999</c:v>
                </c:pt>
                <c:pt idx="16">
                  <c:v>1531.479904</c:v>
                </c:pt>
                <c:pt idx="17">
                  <c:v>1533.4087199999999</c:v>
                </c:pt>
                <c:pt idx="18">
                  <c:v>1535.337536</c:v>
                </c:pt>
                <c:pt idx="19">
                  <c:v>1537.2663520000001</c:v>
                </c:pt>
                <c:pt idx="20">
                  <c:v>1539.195168</c:v>
                </c:pt>
                <c:pt idx="21">
                  <c:v>1541.1239840000001</c:v>
                </c:pt>
                <c:pt idx="22">
                  <c:v>1543.0527999999999</c:v>
                </c:pt>
                <c:pt idx="23">
                  <c:v>1544.981616</c:v>
                </c:pt>
                <c:pt idx="24">
                  <c:v>1546.9104319999999</c:v>
                </c:pt>
                <c:pt idx="25">
                  <c:v>1548.839248</c:v>
                </c:pt>
                <c:pt idx="26">
                  <c:v>1550.7680640000001</c:v>
                </c:pt>
                <c:pt idx="27">
                  <c:v>1552.69688</c:v>
                </c:pt>
                <c:pt idx="28">
                  <c:v>1554.6256960000001</c:v>
                </c:pt>
                <c:pt idx="29">
                  <c:v>1556.5545119999999</c:v>
                </c:pt>
                <c:pt idx="30">
                  <c:v>1558.483328</c:v>
                </c:pt>
                <c:pt idx="31">
                  <c:v>1560.4121439999999</c:v>
                </c:pt>
                <c:pt idx="32">
                  <c:v>1562.34096</c:v>
                </c:pt>
                <c:pt idx="33">
                  <c:v>1564.2697760000001</c:v>
                </c:pt>
                <c:pt idx="34">
                  <c:v>1566.198592</c:v>
                </c:pt>
                <c:pt idx="35">
                  <c:v>1568.1274080000001</c:v>
                </c:pt>
                <c:pt idx="36">
                  <c:v>1570.0562239999999</c:v>
                </c:pt>
                <c:pt idx="37">
                  <c:v>1571.98504</c:v>
                </c:pt>
                <c:pt idx="38">
                  <c:v>1573.9138559999999</c:v>
                </c:pt>
                <c:pt idx="39">
                  <c:v>1575.842672</c:v>
                </c:pt>
                <c:pt idx="40">
                  <c:v>1577.7714880000001</c:v>
                </c:pt>
                <c:pt idx="41">
                  <c:v>1579.700304</c:v>
                </c:pt>
                <c:pt idx="42">
                  <c:v>1581.6291200000001</c:v>
                </c:pt>
                <c:pt idx="43">
                  <c:v>1583.5579359999999</c:v>
                </c:pt>
                <c:pt idx="44">
                  <c:v>1585.486752</c:v>
                </c:pt>
                <c:pt idx="45">
                  <c:v>1587.4155679999999</c:v>
                </c:pt>
                <c:pt idx="46">
                  <c:v>1589.344384</c:v>
                </c:pt>
                <c:pt idx="47">
                  <c:v>1591.2732000000001</c:v>
                </c:pt>
                <c:pt idx="48">
                  <c:v>1593.202016</c:v>
                </c:pt>
                <c:pt idx="49">
                  <c:v>1595.1308320000001</c:v>
                </c:pt>
                <c:pt idx="50">
                  <c:v>1597.0596479999999</c:v>
                </c:pt>
                <c:pt idx="51">
                  <c:v>1598.988464</c:v>
                </c:pt>
                <c:pt idx="52">
                  <c:v>1600.9172799999999</c:v>
                </c:pt>
                <c:pt idx="53">
                  <c:v>1602.846096</c:v>
                </c:pt>
                <c:pt idx="54">
                  <c:v>1604.7749120000001</c:v>
                </c:pt>
                <c:pt idx="55">
                  <c:v>1606.703728</c:v>
                </c:pt>
                <c:pt idx="56">
                  <c:v>1608.6325440000001</c:v>
                </c:pt>
                <c:pt idx="57">
                  <c:v>1610.5613599999999</c:v>
                </c:pt>
                <c:pt idx="58">
                  <c:v>1612.490176</c:v>
                </c:pt>
                <c:pt idx="59">
                  <c:v>1614.4189919999999</c:v>
                </c:pt>
                <c:pt idx="60">
                  <c:v>1616.347808</c:v>
                </c:pt>
                <c:pt idx="61">
                  <c:v>1618.2766240000001</c:v>
                </c:pt>
                <c:pt idx="62">
                  <c:v>1620.20544</c:v>
                </c:pt>
                <c:pt idx="63">
                  <c:v>1622.1342560000001</c:v>
                </c:pt>
                <c:pt idx="64">
                  <c:v>1624.0630719999999</c:v>
                </c:pt>
                <c:pt idx="65">
                  <c:v>1625.991888</c:v>
                </c:pt>
                <c:pt idx="66">
                  <c:v>1627.9207039999999</c:v>
                </c:pt>
                <c:pt idx="67">
                  <c:v>1629.84952</c:v>
                </c:pt>
                <c:pt idx="68">
                  <c:v>1631.7783360000001</c:v>
                </c:pt>
                <c:pt idx="69">
                  <c:v>1633.707152</c:v>
                </c:pt>
                <c:pt idx="70">
                  <c:v>1635.635968</c:v>
                </c:pt>
                <c:pt idx="71">
                  <c:v>1637.5647839999999</c:v>
                </c:pt>
                <c:pt idx="72">
                  <c:v>1639.4936</c:v>
                </c:pt>
                <c:pt idx="73">
                  <c:v>1641.4224160000001</c:v>
                </c:pt>
                <c:pt idx="74">
                  <c:v>1643.351232</c:v>
                </c:pt>
                <c:pt idx="75">
                  <c:v>1645.2800480000001</c:v>
                </c:pt>
                <c:pt idx="76">
                  <c:v>1647.2088639999999</c:v>
                </c:pt>
                <c:pt idx="77">
                  <c:v>1649.13768</c:v>
                </c:pt>
                <c:pt idx="78">
                  <c:v>1651.0664959999999</c:v>
                </c:pt>
                <c:pt idx="79">
                  <c:v>1652.995312</c:v>
                </c:pt>
                <c:pt idx="80">
                  <c:v>1654.9241280000001</c:v>
                </c:pt>
                <c:pt idx="81">
                  <c:v>1656.852944</c:v>
                </c:pt>
                <c:pt idx="82">
                  <c:v>1658.7817600000001</c:v>
                </c:pt>
                <c:pt idx="83">
                  <c:v>1660.7105759999999</c:v>
                </c:pt>
                <c:pt idx="84">
                  <c:v>1662.639392</c:v>
                </c:pt>
                <c:pt idx="85">
                  <c:v>1664.5682079999999</c:v>
                </c:pt>
                <c:pt idx="86">
                  <c:v>1666.497024</c:v>
                </c:pt>
                <c:pt idx="87">
                  <c:v>1668.4258400000001</c:v>
                </c:pt>
                <c:pt idx="88">
                  <c:v>1670.354656</c:v>
                </c:pt>
                <c:pt idx="89">
                  <c:v>1672.2834720000001</c:v>
                </c:pt>
                <c:pt idx="90">
                  <c:v>1674.2122879999999</c:v>
                </c:pt>
                <c:pt idx="91">
                  <c:v>1676.141104</c:v>
                </c:pt>
                <c:pt idx="92">
                  <c:v>1678.0699199999999</c:v>
                </c:pt>
                <c:pt idx="93">
                  <c:v>1679.998736</c:v>
                </c:pt>
                <c:pt idx="94">
                  <c:v>1681.9275520000001</c:v>
                </c:pt>
                <c:pt idx="95">
                  <c:v>1683.856368</c:v>
                </c:pt>
                <c:pt idx="96">
                  <c:v>1685.7851840000001</c:v>
                </c:pt>
                <c:pt idx="97">
                  <c:v>1687.7139999999999</c:v>
                </c:pt>
                <c:pt idx="98">
                  <c:v>1689.642816</c:v>
                </c:pt>
                <c:pt idx="99">
                  <c:v>1691.5716319999999</c:v>
                </c:pt>
                <c:pt idx="100">
                  <c:v>1693.500448</c:v>
                </c:pt>
                <c:pt idx="101">
                  <c:v>1695.4292640000001</c:v>
                </c:pt>
                <c:pt idx="102">
                  <c:v>1697.35808</c:v>
                </c:pt>
                <c:pt idx="103">
                  <c:v>1699.2868960000001</c:v>
                </c:pt>
                <c:pt idx="104">
                  <c:v>1701.2157119999999</c:v>
                </c:pt>
                <c:pt idx="105">
                  <c:v>1703.144528</c:v>
                </c:pt>
                <c:pt idx="106">
                  <c:v>1705.0733439999999</c:v>
                </c:pt>
                <c:pt idx="107">
                  <c:v>1707.00216</c:v>
                </c:pt>
                <c:pt idx="108">
                  <c:v>1708.9309760000001</c:v>
                </c:pt>
                <c:pt idx="109">
                  <c:v>1710.859792</c:v>
                </c:pt>
                <c:pt idx="110">
                  <c:v>1712.7886080000001</c:v>
                </c:pt>
                <c:pt idx="111">
                  <c:v>1714.7174239999999</c:v>
                </c:pt>
                <c:pt idx="112">
                  <c:v>1716.64624</c:v>
                </c:pt>
                <c:pt idx="113">
                  <c:v>1718.5750559999999</c:v>
                </c:pt>
                <c:pt idx="114">
                  <c:v>1720.503872</c:v>
                </c:pt>
                <c:pt idx="115">
                  <c:v>1722.4326880000001</c:v>
                </c:pt>
                <c:pt idx="116">
                  <c:v>1724.361504</c:v>
                </c:pt>
                <c:pt idx="117">
                  <c:v>1726.2903200000001</c:v>
                </c:pt>
                <c:pt idx="118">
                  <c:v>1728.2191359999999</c:v>
                </c:pt>
                <c:pt idx="119">
                  <c:v>1730.147952</c:v>
                </c:pt>
                <c:pt idx="120">
                  <c:v>1732.0767679999999</c:v>
                </c:pt>
                <c:pt idx="121">
                  <c:v>1734.005584</c:v>
                </c:pt>
                <c:pt idx="122">
                  <c:v>1735.9344000000001</c:v>
                </c:pt>
                <c:pt idx="123">
                  <c:v>1737.863216</c:v>
                </c:pt>
                <c:pt idx="124">
                  <c:v>1739.7920320000001</c:v>
                </c:pt>
                <c:pt idx="125">
                  <c:v>1741.7208479999999</c:v>
                </c:pt>
                <c:pt idx="126">
                  <c:v>1743.649664</c:v>
                </c:pt>
                <c:pt idx="127">
                  <c:v>1745.5784799999999</c:v>
                </c:pt>
                <c:pt idx="128">
                  <c:v>1747.507296</c:v>
                </c:pt>
                <c:pt idx="129">
                  <c:v>1749.4361120000001</c:v>
                </c:pt>
                <c:pt idx="130">
                  <c:v>1751.364928</c:v>
                </c:pt>
                <c:pt idx="131">
                  <c:v>1753.2937440000001</c:v>
                </c:pt>
                <c:pt idx="132">
                  <c:v>1755.2225599999999</c:v>
                </c:pt>
                <c:pt idx="133">
                  <c:v>1757.151376</c:v>
                </c:pt>
                <c:pt idx="134">
                  <c:v>1759.0801919999999</c:v>
                </c:pt>
                <c:pt idx="135">
                  <c:v>1761.009008</c:v>
                </c:pt>
                <c:pt idx="136">
                  <c:v>1762.9378240000001</c:v>
                </c:pt>
                <c:pt idx="137">
                  <c:v>1764.86664</c:v>
                </c:pt>
                <c:pt idx="138">
                  <c:v>1766.7954560000001</c:v>
                </c:pt>
                <c:pt idx="139">
                  <c:v>1768.7242719999999</c:v>
                </c:pt>
                <c:pt idx="140">
                  <c:v>1770.653088</c:v>
                </c:pt>
                <c:pt idx="141">
                  <c:v>1772.5819039999999</c:v>
                </c:pt>
                <c:pt idx="142">
                  <c:v>1774.51072</c:v>
                </c:pt>
                <c:pt idx="143">
                  <c:v>1776.4395360000001</c:v>
                </c:pt>
                <c:pt idx="144">
                  <c:v>1778.368352</c:v>
                </c:pt>
                <c:pt idx="145">
                  <c:v>1780.2971680000001</c:v>
                </c:pt>
                <c:pt idx="146">
                  <c:v>1782.2259839999999</c:v>
                </c:pt>
                <c:pt idx="147">
                  <c:v>1784.1548</c:v>
                </c:pt>
                <c:pt idx="148">
                  <c:v>1786.0836159999999</c:v>
                </c:pt>
                <c:pt idx="149">
                  <c:v>1788.012432</c:v>
                </c:pt>
                <c:pt idx="150">
                  <c:v>1789.9412480000001</c:v>
                </c:pt>
                <c:pt idx="151">
                  <c:v>1791.870064</c:v>
                </c:pt>
                <c:pt idx="152">
                  <c:v>1793.7988800000001</c:v>
                </c:pt>
                <c:pt idx="153">
                  <c:v>1795.7276959999999</c:v>
                </c:pt>
                <c:pt idx="154">
                  <c:v>1797.656512</c:v>
                </c:pt>
                <c:pt idx="155">
                  <c:v>1799.5853279999999</c:v>
                </c:pt>
                <c:pt idx="156">
                  <c:v>1801.514144</c:v>
                </c:pt>
                <c:pt idx="157">
                  <c:v>1803.4429600000001</c:v>
                </c:pt>
                <c:pt idx="158">
                  <c:v>1805.371776</c:v>
                </c:pt>
                <c:pt idx="159">
                  <c:v>1807.3005920000001</c:v>
                </c:pt>
                <c:pt idx="160">
                  <c:v>1809.2294079999999</c:v>
                </c:pt>
                <c:pt idx="161">
                  <c:v>1811.158224</c:v>
                </c:pt>
                <c:pt idx="162">
                  <c:v>1813.0870399999999</c:v>
                </c:pt>
                <c:pt idx="163">
                  <c:v>1815.015856</c:v>
                </c:pt>
                <c:pt idx="164">
                  <c:v>1816.9446720000001</c:v>
                </c:pt>
                <c:pt idx="165">
                  <c:v>1818.873488</c:v>
                </c:pt>
                <c:pt idx="166">
                  <c:v>1820.802304</c:v>
                </c:pt>
                <c:pt idx="167">
                  <c:v>1822.7311199999999</c:v>
                </c:pt>
                <c:pt idx="168">
                  <c:v>1824.659936</c:v>
                </c:pt>
                <c:pt idx="169">
                  <c:v>1826.5887520000001</c:v>
                </c:pt>
                <c:pt idx="170">
                  <c:v>1828.517568</c:v>
                </c:pt>
                <c:pt idx="171">
                  <c:v>1830.4463840000001</c:v>
                </c:pt>
                <c:pt idx="172">
                  <c:v>1832.3751999999999</c:v>
                </c:pt>
                <c:pt idx="173">
                  <c:v>1834.304016</c:v>
                </c:pt>
                <c:pt idx="174">
                  <c:v>1836.2328319999999</c:v>
                </c:pt>
                <c:pt idx="175">
                  <c:v>1838.161648</c:v>
                </c:pt>
                <c:pt idx="176">
                  <c:v>1840.0904640000001</c:v>
                </c:pt>
                <c:pt idx="177">
                  <c:v>1842.01928</c:v>
                </c:pt>
                <c:pt idx="178">
                  <c:v>1843.9480960000001</c:v>
                </c:pt>
                <c:pt idx="179">
                  <c:v>1845.8769119999999</c:v>
                </c:pt>
                <c:pt idx="180">
                  <c:v>1847.805728</c:v>
                </c:pt>
                <c:pt idx="181">
                  <c:v>1849.7345439999999</c:v>
                </c:pt>
                <c:pt idx="182">
                  <c:v>1851.66336</c:v>
                </c:pt>
                <c:pt idx="183">
                  <c:v>1853.5921760000001</c:v>
                </c:pt>
                <c:pt idx="184">
                  <c:v>1855.520992</c:v>
                </c:pt>
                <c:pt idx="185">
                  <c:v>1857.4498080000001</c:v>
                </c:pt>
                <c:pt idx="186">
                  <c:v>1859.3786239999999</c:v>
                </c:pt>
                <c:pt idx="187">
                  <c:v>1861.30744</c:v>
                </c:pt>
                <c:pt idx="188">
                  <c:v>1863.2362559999999</c:v>
                </c:pt>
                <c:pt idx="189">
                  <c:v>1865.165072</c:v>
                </c:pt>
                <c:pt idx="190">
                  <c:v>1867.0938880000001</c:v>
                </c:pt>
                <c:pt idx="191">
                  <c:v>1869.022704</c:v>
                </c:pt>
                <c:pt idx="192">
                  <c:v>1870.9515200000001</c:v>
                </c:pt>
                <c:pt idx="193">
                  <c:v>1872.8803359999999</c:v>
                </c:pt>
                <c:pt idx="194">
                  <c:v>1874.809152</c:v>
                </c:pt>
                <c:pt idx="195">
                  <c:v>1876.7379679999999</c:v>
                </c:pt>
                <c:pt idx="196">
                  <c:v>1878.666784</c:v>
                </c:pt>
                <c:pt idx="197">
                  <c:v>1880.5956000000001</c:v>
                </c:pt>
                <c:pt idx="198">
                  <c:v>1882.524416</c:v>
                </c:pt>
                <c:pt idx="199">
                  <c:v>1884.4532320000001</c:v>
                </c:pt>
                <c:pt idx="200">
                  <c:v>1886.3820479999999</c:v>
                </c:pt>
                <c:pt idx="201">
                  <c:v>1888.310864</c:v>
                </c:pt>
                <c:pt idx="202">
                  <c:v>1890.2396799999999</c:v>
                </c:pt>
                <c:pt idx="203">
                  <c:v>1892.168496</c:v>
                </c:pt>
                <c:pt idx="204">
                  <c:v>1894.0973120000001</c:v>
                </c:pt>
                <c:pt idx="205">
                  <c:v>1896.026128</c:v>
                </c:pt>
                <c:pt idx="206">
                  <c:v>1897.9549440000001</c:v>
                </c:pt>
                <c:pt idx="207">
                  <c:v>1899.8837599999999</c:v>
                </c:pt>
                <c:pt idx="208">
                  <c:v>1901.812576</c:v>
                </c:pt>
                <c:pt idx="209">
                  <c:v>1903.7413919999999</c:v>
                </c:pt>
                <c:pt idx="210">
                  <c:v>1905.670208</c:v>
                </c:pt>
                <c:pt idx="211">
                  <c:v>1907.5990240000001</c:v>
                </c:pt>
                <c:pt idx="212">
                  <c:v>1909.52784</c:v>
                </c:pt>
                <c:pt idx="213">
                  <c:v>1911.4566560000001</c:v>
                </c:pt>
                <c:pt idx="214">
                  <c:v>1913.3854719999999</c:v>
                </c:pt>
                <c:pt idx="215">
                  <c:v>1915.314288</c:v>
                </c:pt>
                <c:pt idx="216">
                  <c:v>1917.2431039999999</c:v>
                </c:pt>
                <c:pt idx="217">
                  <c:v>1919.17192</c:v>
                </c:pt>
                <c:pt idx="218">
                  <c:v>1921.1007360000001</c:v>
                </c:pt>
                <c:pt idx="219">
                  <c:v>1923.029552</c:v>
                </c:pt>
                <c:pt idx="220">
                  <c:v>1924.9583680000001</c:v>
                </c:pt>
                <c:pt idx="221">
                  <c:v>1926.8871839999999</c:v>
                </c:pt>
                <c:pt idx="222">
                  <c:v>1928.816</c:v>
                </c:pt>
                <c:pt idx="223">
                  <c:v>1930.7448159999999</c:v>
                </c:pt>
                <c:pt idx="224">
                  <c:v>1932.673632</c:v>
                </c:pt>
                <c:pt idx="225">
                  <c:v>1934.6024480000001</c:v>
                </c:pt>
                <c:pt idx="226">
                  <c:v>1936.531264</c:v>
                </c:pt>
                <c:pt idx="227">
                  <c:v>1938.4600800000001</c:v>
                </c:pt>
                <c:pt idx="228">
                  <c:v>1940.3888959999999</c:v>
                </c:pt>
                <c:pt idx="229">
                  <c:v>1942.317712</c:v>
                </c:pt>
                <c:pt idx="230">
                  <c:v>1944.2465279999999</c:v>
                </c:pt>
                <c:pt idx="231">
                  <c:v>1946.175344</c:v>
                </c:pt>
                <c:pt idx="232">
                  <c:v>1948.1041600000001</c:v>
                </c:pt>
                <c:pt idx="233">
                  <c:v>1950.032976</c:v>
                </c:pt>
                <c:pt idx="234">
                  <c:v>1951.9617920000001</c:v>
                </c:pt>
                <c:pt idx="235">
                  <c:v>1953.8906079999999</c:v>
                </c:pt>
                <c:pt idx="236">
                  <c:v>1955.819424</c:v>
                </c:pt>
                <c:pt idx="237">
                  <c:v>1957.7482399999999</c:v>
                </c:pt>
                <c:pt idx="238">
                  <c:v>1959.677056</c:v>
                </c:pt>
                <c:pt idx="239">
                  <c:v>1961.6058720000001</c:v>
                </c:pt>
                <c:pt idx="240">
                  <c:v>1963.534688</c:v>
                </c:pt>
                <c:pt idx="241">
                  <c:v>1965.4635040000001</c:v>
                </c:pt>
                <c:pt idx="242">
                  <c:v>1967.3923199999999</c:v>
                </c:pt>
                <c:pt idx="243">
                  <c:v>1969.321136</c:v>
                </c:pt>
                <c:pt idx="244">
                  <c:v>1971.2499519999999</c:v>
                </c:pt>
                <c:pt idx="245">
                  <c:v>1973.178768</c:v>
                </c:pt>
                <c:pt idx="246">
                  <c:v>1975.1075840000001</c:v>
                </c:pt>
                <c:pt idx="247">
                  <c:v>1977.0364</c:v>
                </c:pt>
                <c:pt idx="248">
                  <c:v>1978.9652160000001</c:v>
                </c:pt>
                <c:pt idx="249">
                  <c:v>1980.8940319999999</c:v>
                </c:pt>
                <c:pt idx="250">
                  <c:v>1982.822848</c:v>
                </c:pt>
                <c:pt idx="251">
                  <c:v>1984.7516639999999</c:v>
                </c:pt>
                <c:pt idx="252">
                  <c:v>1986.68048</c:v>
                </c:pt>
                <c:pt idx="253">
                  <c:v>1988.6092960000001</c:v>
                </c:pt>
                <c:pt idx="254">
                  <c:v>1990.538112</c:v>
                </c:pt>
                <c:pt idx="255">
                  <c:v>1992.4669280000001</c:v>
                </c:pt>
                <c:pt idx="256">
                  <c:v>1994.3957439999999</c:v>
                </c:pt>
                <c:pt idx="257">
                  <c:v>1996.32456</c:v>
                </c:pt>
                <c:pt idx="258">
                  <c:v>1998.2533759999999</c:v>
                </c:pt>
                <c:pt idx="259">
                  <c:v>2000.182192</c:v>
                </c:pt>
                <c:pt idx="260">
                  <c:v>2002.1110080000001</c:v>
                </c:pt>
                <c:pt idx="261">
                  <c:v>2004.039824</c:v>
                </c:pt>
                <c:pt idx="262">
                  <c:v>2005.9686400000001</c:v>
                </c:pt>
                <c:pt idx="263">
                  <c:v>2007.8974559999999</c:v>
                </c:pt>
                <c:pt idx="264">
                  <c:v>2009.826272</c:v>
                </c:pt>
                <c:pt idx="265">
                  <c:v>2011.7550879999999</c:v>
                </c:pt>
                <c:pt idx="266">
                  <c:v>2013.683904</c:v>
                </c:pt>
                <c:pt idx="267">
                  <c:v>2015.6127200000001</c:v>
                </c:pt>
                <c:pt idx="268">
                  <c:v>2017.541536</c:v>
                </c:pt>
                <c:pt idx="269">
                  <c:v>2019.470352</c:v>
                </c:pt>
                <c:pt idx="270">
                  <c:v>2021.3991679999999</c:v>
                </c:pt>
                <c:pt idx="271">
                  <c:v>2023.327984</c:v>
                </c:pt>
                <c:pt idx="272">
                  <c:v>2025.2568000000001</c:v>
                </c:pt>
                <c:pt idx="273">
                  <c:v>2027.185616</c:v>
                </c:pt>
                <c:pt idx="274">
                  <c:v>2029.1144320000001</c:v>
                </c:pt>
                <c:pt idx="275">
                  <c:v>2031.0432479999999</c:v>
                </c:pt>
                <c:pt idx="276">
                  <c:v>2032.972064</c:v>
                </c:pt>
                <c:pt idx="277">
                  <c:v>2034.9008799999999</c:v>
                </c:pt>
                <c:pt idx="278">
                  <c:v>2036.829696</c:v>
                </c:pt>
                <c:pt idx="279">
                  <c:v>2038.7585120000001</c:v>
                </c:pt>
                <c:pt idx="280">
                  <c:v>2040.687328</c:v>
                </c:pt>
                <c:pt idx="281">
                  <c:v>2042.6161440000001</c:v>
                </c:pt>
                <c:pt idx="282">
                  <c:v>2044.5449599999999</c:v>
                </c:pt>
                <c:pt idx="283">
                  <c:v>2046.473776</c:v>
                </c:pt>
                <c:pt idx="284">
                  <c:v>2048.4025919999999</c:v>
                </c:pt>
                <c:pt idx="285">
                  <c:v>2050.331408</c:v>
                </c:pt>
                <c:pt idx="286">
                  <c:v>2052.2602240000001</c:v>
                </c:pt>
                <c:pt idx="287">
                  <c:v>2054.1890400000002</c:v>
                </c:pt>
                <c:pt idx="288">
                  <c:v>2056.1178559999998</c:v>
                </c:pt>
                <c:pt idx="289">
                  <c:v>2058.0466719999999</c:v>
                </c:pt>
                <c:pt idx="290">
                  <c:v>2059.975488</c:v>
                </c:pt>
                <c:pt idx="291">
                  <c:v>2061.9043040000001</c:v>
                </c:pt>
                <c:pt idx="292">
                  <c:v>2063.8331199999998</c:v>
                </c:pt>
                <c:pt idx="293">
                  <c:v>2065.7619359999999</c:v>
                </c:pt>
                <c:pt idx="294">
                  <c:v>2067.690752</c:v>
                </c:pt>
                <c:pt idx="295">
                  <c:v>2069.6195680000001</c:v>
                </c:pt>
                <c:pt idx="296">
                  <c:v>2071.5483840000002</c:v>
                </c:pt>
                <c:pt idx="297">
                  <c:v>2073.4771999999998</c:v>
                </c:pt>
                <c:pt idx="298">
                  <c:v>2075.4060159999999</c:v>
                </c:pt>
                <c:pt idx="299">
                  <c:v>2077.334832</c:v>
                </c:pt>
                <c:pt idx="300">
                  <c:v>2079.2636480000001</c:v>
                </c:pt>
                <c:pt idx="301">
                  <c:v>2081.1924640000002</c:v>
                </c:pt>
                <c:pt idx="302">
                  <c:v>2083.1212799999998</c:v>
                </c:pt>
                <c:pt idx="303">
                  <c:v>2085.0500959999999</c:v>
                </c:pt>
                <c:pt idx="304">
                  <c:v>2086.978912</c:v>
                </c:pt>
                <c:pt idx="305">
                  <c:v>2088.9077280000001</c:v>
                </c:pt>
                <c:pt idx="306">
                  <c:v>2090.8365439999998</c:v>
                </c:pt>
                <c:pt idx="307">
                  <c:v>2092.7653599999999</c:v>
                </c:pt>
                <c:pt idx="308">
                  <c:v>2094.694176</c:v>
                </c:pt>
                <c:pt idx="309">
                  <c:v>2096.6229920000001</c:v>
                </c:pt>
                <c:pt idx="310">
                  <c:v>2098.5518080000002</c:v>
                </c:pt>
                <c:pt idx="311">
                  <c:v>2100.4806239999998</c:v>
                </c:pt>
                <c:pt idx="312">
                  <c:v>2102.4094399999999</c:v>
                </c:pt>
                <c:pt idx="313">
                  <c:v>2104.338256</c:v>
                </c:pt>
                <c:pt idx="314">
                  <c:v>2106.2670720000001</c:v>
                </c:pt>
                <c:pt idx="315">
                  <c:v>2108.1958880000002</c:v>
                </c:pt>
                <c:pt idx="316">
                  <c:v>2110.1247039999998</c:v>
                </c:pt>
                <c:pt idx="317">
                  <c:v>2112.0535199999999</c:v>
                </c:pt>
                <c:pt idx="318">
                  <c:v>2113.982336</c:v>
                </c:pt>
                <c:pt idx="319">
                  <c:v>2115.9111520000001</c:v>
                </c:pt>
                <c:pt idx="320">
                  <c:v>2117.8399680000002</c:v>
                </c:pt>
                <c:pt idx="321">
                  <c:v>2119.7687839999999</c:v>
                </c:pt>
                <c:pt idx="322">
                  <c:v>2121.6976</c:v>
                </c:pt>
                <c:pt idx="323">
                  <c:v>2123.6264160000001</c:v>
                </c:pt>
                <c:pt idx="324">
                  <c:v>2125.5552320000002</c:v>
                </c:pt>
                <c:pt idx="325">
                  <c:v>2127.4840479999998</c:v>
                </c:pt>
                <c:pt idx="326">
                  <c:v>2129.4128639999999</c:v>
                </c:pt>
                <c:pt idx="327">
                  <c:v>2131.34168</c:v>
                </c:pt>
                <c:pt idx="328">
                  <c:v>2133.2704960000001</c:v>
                </c:pt>
                <c:pt idx="329">
                  <c:v>2135.1993120000002</c:v>
                </c:pt>
                <c:pt idx="330">
                  <c:v>2137.1281279999998</c:v>
                </c:pt>
                <c:pt idx="331">
                  <c:v>2139.0569439999999</c:v>
                </c:pt>
                <c:pt idx="332">
                  <c:v>2140.98576</c:v>
                </c:pt>
                <c:pt idx="333">
                  <c:v>2142.9145760000001</c:v>
                </c:pt>
                <c:pt idx="334">
                  <c:v>2144.8433920000002</c:v>
                </c:pt>
                <c:pt idx="335">
                  <c:v>2146.7722079999999</c:v>
                </c:pt>
                <c:pt idx="336">
                  <c:v>2148.701024</c:v>
                </c:pt>
                <c:pt idx="337">
                  <c:v>2150.6298400000001</c:v>
                </c:pt>
                <c:pt idx="338">
                  <c:v>2152.5586560000002</c:v>
                </c:pt>
                <c:pt idx="339">
                  <c:v>2154.4874719999998</c:v>
                </c:pt>
                <c:pt idx="340">
                  <c:v>2156.4162879999999</c:v>
                </c:pt>
                <c:pt idx="341">
                  <c:v>2158.345104</c:v>
                </c:pt>
                <c:pt idx="342">
                  <c:v>2160.2739200000001</c:v>
                </c:pt>
                <c:pt idx="343">
                  <c:v>2162.2027360000002</c:v>
                </c:pt>
                <c:pt idx="344">
                  <c:v>2164.1315519999998</c:v>
                </c:pt>
                <c:pt idx="345">
                  <c:v>2166.0603679999999</c:v>
                </c:pt>
                <c:pt idx="346">
                  <c:v>2167.989184</c:v>
                </c:pt>
                <c:pt idx="347">
                  <c:v>2169.9180000000001</c:v>
                </c:pt>
                <c:pt idx="348">
                  <c:v>2171.8468160000002</c:v>
                </c:pt>
                <c:pt idx="349">
                  <c:v>2173.7756319999999</c:v>
                </c:pt>
                <c:pt idx="350">
                  <c:v>2175.704448</c:v>
                </c:pt>
                <c:pt idx="351">
                  <c:v>2177.6332640000001</c:v>
                </c:pt>
                <c:pt idx="352">
                  <c:v>2179.5620800000002</c:v>
                </c:pt>
                <c:pt idx="353">
                  <c:v>2181.4908959999998</c:v>
                </c:pt>
                <c:pt idx="354">
                  <c:v>2183.4197119999999</c:v>
                </c:pt>
                <c:pt idx="355">
                  <c:v>2185.348528</c:v>
                </c:pt>
                <c:pt idx="356">
                  <c:v>2187.2773440000001</c:v>
                </c:pt>
                <c:pt idx="357">
                  <c:v>2189.2061600000002</c:v>
                </c:pt>
                <c:pt idx="358">
                  <c:v>2191.1349759999998</c:v>
                </c:pt>
                <c:pt idx="359">
                  <c:v>2193.0637919999999</c:v>
                </c:pt>
                <c:pt idx="360">
                  <c:v>2194.992608</c:v>
                </c:pt>
                <c:pt idx="361">
                  <c:v>2196.9214240000001</c:v>
                </c:pt>
                <c:pt idx="362">
                  <c:v>2198.8502400000002</c:v>
                </c:pt>
                <c:pt idx="363">
                  <c:v>2200.7790559999999</c:v>
                </c:pt>
                <c:pt idx="364">
                  <c:v>2202.707872</c:v>
                </c:pt>
                <c:pt idx="365">
                  <c:v>2204.636688</c:v>
                </c:pt>
                <c:pt idx="366">
                  <c:v>2206.5655040000001</c:v>
                </c:pt>
                <c:pt idx="367">
                  <c:v>2208.4943199999998</c:v>
                </c:pt>
                <c:pt idx="368">
                  <c:v>2210.4231359999999</c:v>
                </c:pt>
                <c:pt idx="369">
                  <c:v>2212.351952</c:v>
                </c:pt>
                <c:pt idx="370">
                  <c:v>2214.2807680000001</c:v>
                </c:pt>
                <c:pt idx="371">
                  <c:v>2216.2095840000002</c:v>
                </c:pt>
                <c:pt idx="372">
                  <c:v>2218.1383999999998</c:v>
                </c:pt>
                <c:pt idx="373">
                  <c:v>2220.0672159999999</c:v>
                </c:pt>
                <c:pt idx="374">
                  <c:v>2221.996032</c:v>
                </c:pt>
                <c:pt idx="375">
                  <c:v>2223.9248480000001</c:v>
                </c:pt>
                <c:pt idx="376">
                  <c:v>2225.8536640000002</c:v>
                </c:pt>
                <c:pt idx="377">
                  <c:v>2227.7824799999999</c:v>
                </c:pt>
                <c:pt idx="378">
                  <c:v>2229.7112959999999</c:v>
                </c:pt>
                <c:pt idx="379">
                  <c:v>2231.640112</c:v>
                </c:pt>
                <c:pt idx="380">
                  <c:v>2233.5689280000001</c:v>
                </c:pt>
                <c:pt idx="381">
                  <c:v>2235.4977439999998</c:v>
                </c:pt>
                <c:pt idx="382">
                  <c:v>2237.4265599999999</c:v>
                </c:pt>
                <c:pt idx="383">
                  <c:v>2239.355376</c:v>
                </c:pt>
                <c:pt idx="384">
                  <c:v>2241.2841920000001</c:v>
                </c:pt>
                <c:pt idx="385">
                  <c:v>2243.2130080000002</c:v>
                </c:pt>
                <c:pt idx="386">
                  <c:v>2245.1418239999998</c:v>
                </c:pt>
                <c:pt idx="387">
                  <c:v>2247.0706399999999</c:v>
                </c:pt>
                <c:pt idx="388">
                  <c:v>2248.999456</c:v>
                </c:pt>
                <c:pt idx="389">
                  <c:v>2250.9282720000001</c:v>
                </c:pt>
                <c:pt idx="390">
                  <c:v>2252.8570880000002</c:v>
                </c:pt>
                <c:pt idx="391">
                  <c:v>2254.7859039999998</c:v>
                </c:pt>
                <c:pt idx="392">
                  <c:v>2256.7147199999999</c:v>
                </c:pt>
                <c:pt idx="393">
                  <c:v>2258.643536</c:v>
                </c:pt>
                <c:pt idx="394">
                  <c:v>2260.5723520000001</c:v>
                </c:pt>
                <c:pt idx="395">
                  <c:v>2262.5011679999998</c:v>
                </c:pt>
                <c:pt idx="396">
                  <c:v>2264.4299839999999</c:v>
                </c:pt>
                <c:pt idx="397">
                  <c:v>2266.3588</c:v>
                </c:pt>
                <c:pt idx="398">
                  <c:v>2268.2876160000001</c:v>
                </c:pt>
                <c:pt idx="399">
                  <c:v>2270.2164320000002</c:v>
                </c:pt>
                <c:pt idx="400">
                  <c:v>2272.1452479999998</c:v>
                </c:pt>
                <c:pt idx="401">
                  <c:v>2274.0740639999999</c:v>
                </c:pt>
                <c:pt idx="402">
                  <c:v>2276.00288</c:v>
                </c:pt>
                <c:pt idx="403">
                  <c:v>2277.9316960000001</c:v>
                </c:pt>
                <c:pt idx="404">
                  <c:v>2279.8605120000002</c:v>
                </c:pt>
                <c:pt idx="405">
                  <c:v>2281.7893279999998</c:v>
                </c:pt>
                <c:pt idx="406">
                  <c:v>2283.7181439999999</c:v>
                </c:pt>
                <c:pt idx="407">
                  <c:v>2285.64696</c:v>
                </c:pt>
                <c:pt idx="408">
                  <c:v>2287.5757760000001</c:v>
                </c:pt>
                <c:pt idx="409">
                  <c:v>2289.5045919999998</c:v>
                </c:pt>
                <c:pt idx="410">
                  <c:v>2291.4334079999999</c:v>
                </c:pt>
                <c:pt idx="411">
                  <c:v>2293.362224</c:v>
                </c:pt>
                <c:pt idx="412">
                  <c:v>2295.2910400000001</c:v>
                </c:pt>
                <c:pt idx="413">
                  <c:v>2297.2198560000002</c:v>
                </c:pt>
                <c:pt idx="414">
                  <c:v>2299.1486719999998</c:v>
                </c:pt>
                <c:pt idx="415">
                  <c:v>2301.0774879999999</c:v>
                </c:pt>
                <c:pt idx="416">
                  <c:v>2303.006304</c:v>
                </c:pt>
                <c:pt idx="417">
                  <c:v>2304.9351200000001</c:v>
                </c:pt>
                <c:pt idx="418">
                  <c:v>2306.8639360000002</c:v>
                </c:pt>
                <c:pt idx="419">
                  <c:v>2308.7927519999998</c:v>
                </c:pt>
                <c:pt idx="420">
                  <c:v>2310.7215679999999</c:v>
                </c:pt>
                <c:pt idx="421">
                  <c:v>2312.650384</c:v>
                </c:pt>
                <c:pt idx="422">
                  <c:v>2314.5792000000001</c:v>
                </c:pt>
                <c:pt idx="423">
                  <c:v>2316.5080160000002</c:v>
                </c:pt>
                <c:pt idx="424">
                  <c:v>2318.4368319999999</c:v>
                </c:pt>
                <c:pt idx="425">
                  <c:v>2320.365648</c:v>
                </c:pt>
                <c:pt idx="426">
                  <c:v>2322.2944640000001</c:v>
                </c:pt>
                <c:pt idx="427">
                  <c:v>2324.2232800000002</c:v>
                </c:pt>
                <c:pt idx="428">
                  <c:v>2326.1520959999998</c:v>
                </c:pt>
                <c:pt idx="429">
                  <c:v>2328.0809119999999</c:v>
                </c:pt>
                <c:pt idx="430">
                  <c:v>2330.009728</c:v>
                </c:pt>
                <c:pt idx="431">
                  <c:v>2331.9385440000001</c:v>
                </c:pt>
                <c:pt idx="432">
                  <c:v>2333.8673600000002</c:v>
                </c:pt>
                <c:pt idx="433">
                  <c:v>2335.7961759999998</c:v>
                </c:pt>
                <c:pt idx="434">
                  <c:v>2337.7249919999999</c:v>
                </c:pt>
                <c:pt idx="435">
                  <c:v>2339.653808</c:v>
                </c:pt>
                <c:pt idx="436">
                  <c:v>2341.5826240000001</c:v>
                </c:pt>
                <c:pt idx="437">
                  <c:v>2343.5114400000002</c:v>
                </c:pt>
                <c:pt idx="438">
                  <c:v>2345.4402559999999</c:v>
                </c:pt>
                <c:pt idx="439">
                  <c:v>2347.369072</c:v>
                </c:pt>
                <c:pt idx="440">
                  <c:v>2349.2978880000001</c:v>
                </c:pt>
                <c:pt idx="441">
                  <c:v>2351.2267040000002</c:v>
                </c:pt>
                <c:pt idx="442">
                  <c:v>2353.1555199999998</c:v>
                </c:pt>
                <c:pt idx="443">
                  <c:v>2355.0843359999999</c:v>
                </c:pt>
                <c:pt idx="444">
                  <c:v>2357.013152</c:v>
                </c:pt>
                <c:pt idx="445">
                  <c:v>2358.9419680000001</c:v>
                </c:pt>
                <c:pt idx="446">
                  <c:v>2360.8707840000002</c:v>
                </c:pt>
                <c:pt idx="447">
                  <c:v>2362.7995999999998</c:v>
                </c:pt>
                <c:pt idx="448">
                  <c:v>2364.7284159999999</c:v>
                </c:pt>
                <c:pt idx="449">
                  <c:v>2366.657232</c:v>
                </c:pt>
                <c:pt idx="450">
                  <c:v>2368.5860480000001</c:v>
                </c:pt>
                <c:pt idx="451">
                  <c:v>2370.5148640000002</c:v>
                </c:pt>
                <c:pt idx="452">
                  <c:v>2372.4436799999999</c:v>
                </c:pt>
                <c:pt idx="453">
                  <c:v>2374.372496</c:v>
                </c:pt>
                <c:pt idx="454">
                  <c:v>2376.3013120000001</c:v>
                </c:pt>
                <c:pt idx="455">
                  <c:v>2378.2301280000001</c:v>
                </c:pt>
                <c:pt idx="456">
                  <c:v>2380.1589439999998</c:v>
                </c:pt>
                <c:pt idx="457">
                  <c:v>2382.0877599999999</c:v>
                </c:pt>
                <c:pt idx="458">
                  <c:v>2384.016576</c:v>
                </c:pt>
                <c:pt idx="459">
                  <c:v>2385.9453920000001</c:v>
                </c:pt>
                <c:pt idx="460">
                  <c:v>2387.8742080000002</c:v>
                </c:pt>
                <c:pt idx="461">
                  <c:v>2389.8030239999998</c:v>
                </c:pt>
                <c:pt idx="462">
                  <c:v>2391.7318399999999</c:v>
                </c:pt>
                <c:pt idx="463">
                  <c:v>2393.660656</c:v>
                </c:pt>
                <c:pt idx="464">
                  <c:v>2395.5894720000001</c:v>
                </c:pt>
                <c:pt idx="465">
                  <c:v>2397.5182880000002</c:v>
                </c:pt>
                <c:pt idx="466">
                  <c:v>2399.4471039999999</c:v>
                </c:pt>
                <c:pt idx="467">
                  <c:v>2401.37592</c:v>
                </c:pt>
                <c:pt idx="468">
                  <c:v>2403.304736</c:v>
                </c:pt>
                <c:pt idx="469">
                  <c:v>2405.2335520000001</c:v>
                </c:pt>
                <c:pt idx="470">
                  <c:v>2407.1623679999998</c:v>
                </c:pt>
                <c:pt idx="471">
                  <c:v>2409.0911839999999</c:v>
                </c:pt>
                <c:pt idx="472">
                  <c:v>2411.02</c:v>
                </c:pt>
                <c:pt idx="473">
                  <c:v>2412.9488160000001</c:v>
                </c:pt>
                <c:pt idx="474">
                  <c:v>2414.8776320000002</c:v>
                </c:pt>
                <c:pt idx="475">
                  <c:v>2416.8064479999998</c:v>
                </c:pt>
                <c:pt idx="476">
                  <c:v>2418.7352639999999</c:v>
                </c:pt>
                <c:pt idx="477">
                  <c:v>2420.66408</c:v>
                </c:pt>
                <c:pt idx="478">
                  <c:v>2422.5928960000001</c:v>
                </c:pt>
                <c:pt idx="479">
                  <c:v>2424.5217120000002</c:v>
                </c:pt>
                <c:pt idx="480">
                  <c:v>2426.4505279999998</c:v>
                </c:pt>
                <c:pt idx="481">
                  <c:v>2428.3793439999999</c:v>
                </c:pt>
                <c:pt idx="482">
                  <c:v>2430.30816</c:v>
                </c:pt>
                <c:pt idx="483">
                  <c:v>2432.2369760000001</c:v>
                </c:pt>
                <c:pt idx="484">
                  <c:v>2434.1657919999998</c:v>
                </c:pt>
                <c:pt idx="485">
                  <c:v>2436.0946079999999</c:v>
                </c:pt>
                <c:pt idx="486">
                  <c:v>2438.023424</c:v>
                </c:pt>
                <c:pt idx="487">
                  <c:v>2439.9522400000001</c:v>
                </c:pt>
                <c:pt idx="488">
                  <c:v>2441.8810560000002</c:v>
                </c:pt>
                <c:pt idx="489">
                  <c:v>2443.8098719999998</c:v>
                </c:pt>
                <c:pt idx="490">
                  <c:v>2445.7386879999999</c:v>
                </c:pt>
                <c:pt idx="491">
                  <c:v>2447.667504</c:v>
                </c:pt>
                <c:pt idx="492">
                  <c:v>2449.5963200000001</c:v>
                </c:pt>
                <c:pt idx="493">
                  <c:v>2451.5251360000002</c:v>
                </c:pt>
                <c:pt idx="494">
                  <c:v>2453.4539519999998</c:v>
                </c:pt>
                <c:pt idx="495">
                  <c:v>2455.3827679999999</c:v>
                </c:pt>
                <c:pt idx="496">
                  <c:v>2457.311584</c:v>
                </c:pt>
                <c:pt idx="497">
                  <c:v>2459.2404000000001</c:v>
                </c:pt>
                <c:pt idx="498">
                  <c:v>2461.1692159999998</c:v>
                </c:pt>
                <c:pt idx="499">
                  <c:v>2463.0980319999999</c:v>
                </c:pt>
                <c:pt idx="500">
                  <c:v>2465.026848</c:v>
                </c:pt>
                <c:pt idx="501">
                  <c:v>2466.9556640000001</c:v>
                </c:pt>
                <c:pt idx="502">
                  <c:v>2468.8844800000002</c:v>
                </c:pt>
                <c:pt idx="503">
                  <c:v>2470.8132959999998</c:v>
                </c:pt>
                <c:pt idx="504">
                  <c:v>2472.7421119999999</c:v>
                </c:pt>
                <c:pt idx="505">
                  <c:v>2474.670928</c:v>
                </c:pt>
                <c:pt idx="506">
                  <c:v>2476.5997440000001</c:v>
                </c:pt>
                <c:pt idx="507">
                  <c:v>2478.5285600000002</c:v>
                </c:pt>
                <c:pt idx="508">
                  <c:v>2480.4573759999998</c:v>
                </c:pt>
                <c:pt idx="509">
                  <c:v>2482.3861919999999</c:v>
                </c:pt>
                <c:pt idx="510">
                  <c:v>2484.315008</c:v>
                </c:pt>
                <c:pt idx="511">
                  <c:v>2486.2438240000001</c:v>
                </c:pt>
                <c:pt idx="512">
                  <c:v>2488.1726399999998</c:v>
                </c:pt>
                <c:pt idx="513">
                  <c:v>2490.1014559999999</c:v>
                </c:pt>
                <c:pt idx="514">
                  <c:v>2492.030272</c:v>
                </c:pt>
                <c:pt idx="515">
                  <c:v>2493.9590880000001</c:v>
                </c:pt>
                <c:pt idx="516">
                  <c:v>2495.8879040000002</c:v>
                </c:pt>
                <c:pt idx="517">
                  <c:v>2497.8167199999998</c:v>
                </c:pt>
                <c:pt idx="518">
                  <c:v>2499.7455359999999</c:v>
                </c:pt>
                <c:pt idx="519">
                  <c:v>2501.674352</c:v>
                </c:pt>
                <c:pt idx="520">
                  <c:v>2503.6031680000001</c:v>
                </c:pt>
                <c:pt idx="521">
                  <c:v>2505.5319840000002</c:v>
                </c:pt>
                <c:pt idx="522">
                  <c:v>2507.4607999999998</c:v>
                </c:pt>
                <c:pt idx="523">
                  <c:v>2509.3896159999999</c:v>
                </c:pt>
                <c:pt idx="524">
                  <c:v>2511.318432</c:v>
                </c:pt>
                <c:pt idx="525">
                  <c:v>2513.2472480000001</c:v>
                </c:pt>
                <c:pt idx="526">
                  <c:v>2515.1760640000002</c:v>
                </c:pt>
                <c:pt idx="527">
                  <c:v>2517.1048799999999</c:v>
                </c:pt>
                <c:pt idx="528">
                  <c:v>2519.033696</c:v>
                </c:pt>
                <c:pt idx="529">
                  <c:v>2520.9625120000001</c:v>
                </c:pt>
                <c:pt idx="530">
                  <c:v>2522.8913280000002</c:v>
                </c:pt>
                <c:pt idx="531">
                  <c:v>2524.8201439999998</c:v>
                </c:pt>
                <c:pt idx="532">
                  <c:v>2526.7489599999999</c:v>
                </c:pt>
                <c:pt idx="533">
                  <c:v>2528.677776</c:v>
                </c:pt>
                <c:pt idx="534">
                  <c:v>2530.6065920000001</c:v>
                </c:pt>
                <c:pt idx="535">
                  <c:v>2532.5354080000002</c:v>
                </c:pt>
                <c:pt idx="536">
                  <c:v>2534.4642239999998</c:v>
                </c:pt>
                <c:pt idx="537">
                  <c:v>2536.3930399999999</c:v>
                </c:pt>
                <c:pt idx="538">
                  <c:v>2538.321856</c:v>
                </c:pt>
                <c:pt idx="539">
                  <c:v>2540.2506720000001</c:v>
                </c:pt>
                <c:pt idx="540">
                  <c:v>2542.1794880000002</c:v>
                </c:pt>
                <c:pt idx="541">
                  <c:v>2544.1083039999999</c:v>
                </c:pt>
                <c:pt idx="542">
                  <c:v>2546.03712</c:v>
                </c:pt>
                <c:pt idx="543">
                  <c:v>2547.9659360000001</c:v>
                </c:pt>
                <c:pt idx="544">
                  <c:v>2549.8947520000002</c:v>
                </c:pt>
                <c:pt idx="545">
                  <c:v>2551.8235679999998</c:v>
                </c:pt>
                <c:pt idx="546">
                  <c:v>2553.7523839999999</c:v>
                </c:pt>
                <c:pt idx="547">
                  <c:v>2555.6812</c:v>
                </c:pt>
                <c:pt idx="548">
                  <c:v>2557.6100160000001</c:v>
                </c:pt>
                <c:pt idx="549">
                  <c:v>2559.5388320000002</c:v>
                </c:pt>
                <c:pt idx="550">
                  <c:v>2561.4676479999998</c:v>
                </c:pt>
                <c:pt idx="551">
                  <c:v>2563.3964639999999</c:v>
                </c:pt>
                <c:pt idx="552">
                  <c:v>2565.32528</c:v>
                </c:pt>
                <c:pt idx="553">
                  <c:v>2567.2540960000001</c:v>
                </c:pt>
                <c:pt idx="554">
                  <c:v>2569.1829120000002</c:v>
                </c:pt>
                <c:pt idx="555">
                  <c:v>2571.1117279999999</c:v>
                </c:pt>
                <c:pt idx="556">
                  <c:v>2573.040544</c:v>
                </c:pt>
                <c:pt idx="557">
                  <c:v>2574.9693600000001</c:v>
                </c:pt>
                <c:pt idx="558">
                  <c:v>2576.8981760000001</c:v>
                </c:pt>
                <c:pt idx="559">
                  <c:v>2578.8269919999998</c:v>
                </c:pt>
                <c:pt idx="560">
                  <c:v>2580.7558079999999</c:v>
                </c:pt>
                <c:pt idx="561">
                  <c:v>2582.684624</c:v>
                </c:pt>
                <c:pt idx="562">
                  <c:v>2584.6134400000001</c:v>
                </c:pt>
                <c:pt idx="563">
                  <c:v>2586.5422560000002</c:v>
                </c:pt>
                <c:pt idx="564">
                  <c:v>2588.4710719999998</c:v>
                </c:pt>
                <c:pt idx="565">
                  <c:v>2590.3998879999999</c:v>
                </c:pt>
                <c:pt idx="566">
                  <c:v>2592.328704</c:v>
                </c:pt>
                <c:pt idx="567">
                  <c:v>2594.2575200000001</c:v>
                </c:pt>
                <c:pt idx="568">
                  <c:v>2596.1863360000002</c:v>
                </c:pt>
                <c:pt idx="569">
                  <c:v>2598.1151519999999</c:v>
                </c:pt>
                <c:pt idx="570">
                  <c:v>2600.0439679999999</c:v>
                </c:pt>
                <c:pt idx="571">
                  <c:v>2601.972784</c:v>
                </c:pt>
                <c:pt idx="572">
                  <c:v>2603.9016000000001</c:v>
                </c:pt>
                <c:pt idx="573">
                  <c:v>2605.8304159999998</c:v>
                </c:pt>
                <c:pt idx="574">
                  <c:v>2607.7592319999999</c:v>
                </c:pt>
                <c:pt idx="575">
                  <c:v>2609.688048</c:v>
                </c:pt>
                <c:pt idx="576">
                  <c:v>2611.6168640000001</c:v>
                </c:pt>
                <c:pt idx="577">
                  <c:v>2613.5456800000002</c:v>
                </c:pt>
                <c:pt idx="578">
                  <c:v>2615.4744959999998</c:v>
                </c:pt>
                <c:pt idx="579">
                  <c:v>2617.4033119999999</c:v>
                </c:pt>
                <c:pt idx="580">
                  <c:v>2619.332128</c:v>
                </c:pt>
                <c:pt idx="581">
                  <c:v>2621.2609440000001</c:v>
                </c:pt>
                <c:pt idx="582">
                  <c:v>2623.1897600000002</c:v>
                </c:pt>
                <c:pt idx="583">
                  <c:v>2625.1185759999998</c:v>
                </c:pt>
                <c:pt idx="584">
                  <c:v>2627.0473919999999</c:v>
                </c:pt>
                <c:pt idx="585">
                  <c:v>2628.976208</c:v>
                </c:pt>
                <c:pt idx="586">
                  <c:v>2630.9050240000001</c:v>
                </c:pt>
                <c:pt idx="587">
                  <c:v>2632.8338399999998</c:v>
                </c:pt>
                <c:pt idx="588">
                  <c:v>2634.7626559999999</c:v>
                </c:pt>
                <c:pt idx="589">
                  <c:v>2636.691472</c:v>
                </c:pt>
                <c:pt idx="590">
                  <c:v>2638.6202880000001</c:v>
                </c:pt>
                <c:pt idx="591">
                  <c:v>2640.5491040000002</c:v>
                </c:pt>
                <c:pt idx="592">
                  <c:v>2642.4779199999998</c:v>
                </c:pt>
                <c:pt idx="593">
                  <c:v>2644.4067359999999</c:v>
                </c:pt>
                <c:pt idx="594">
                  <c:v>2646.335552</c:v>
                </c:pt>
                <c:pt idx="595">
                  <c:v>2648.2643680000001</c:v>
                </c:pt>
                <c:pt idx="596">
                  <c:v>2650.1931840000002</c:v>
                </c:pt>
                <c:pt idx="597">
                  <c:v>2652.1219999999998</c:v>
                </c:pt>
                <c:pt idx="598">
                  <c:v>2654.0508159999999</c:v>
                </c:pt>
                <c:pt idx="599">
                  <c:v>2655.979632</c:v>
                </c:pt>
                <c:pt idx="600">
                  <c:v>2657.9084480000001</c:v>
                </c:pt>
                <c:pt idx="601">
                  <c:v>2659.8372639999998</c:v>
                </c:pt>
                <c:pt idx="602">
                  <c:v>2661.7660799999999</c:v>
                </c:pt>
                <c:pt idx="603">
                  <c:v>2663.694896</c:v>
                </c:pt>
                <c:pt idx="604">
                  <c:v>2665.6237120000001</c:v>
                </c:pt>
                <c:pt idx="605">
                  <c:v>2667.5525280000002</c:v>
                </c:pt>
                <c:pt idx="606">
                  <c:v>2669.4813439999998</c:v>
                </c:pt>
                <c:pt idx="607">
                  <c:v>2671.4101599999999</c:v>
                </c:pt>
                <c:pt idx="608">
                  <c:v>2673.338976</c:v>
                </c:pt>
                <c:pt idx="609">
                  <c:v>2675.2677920000001</c:v>
                </c:pt>
                <c:pt idx="610">
                  <c:v>2677.1966080000002</c:v>
                </c:pt>
                <c:pt idx="611">
                  <c:v>2679.1254239999998</c:v>
                </c:pt>
                <c:pt idx="612">
                  <c:v>2681.0542399999999</c:v>
                </c:pt>
                <c:pt idx="613">
                  <c:v>2682.983056</c:v>
                </c:pt>
                <c:pt idx="614">
                  <c:v>2684.9118720000001</c:v>
                </c:pt>
                <c:pt idx="615">
                  <c:v>2686.8406880000002</c:v>
                </c:pt>
                <c:pt idx="616">
                  <c:v>2688.7695039999999</c:v>
                </c:pt>
                <c:pt idx="617">
                  <c:v>2690.69832</c:v>
                </c:pt>
                <c:pt idx="618">
                  <c:v>2692.6271360000001</c:v>
                </c:pt>
                <c:pt idx="619">
                  <c:v>2694.5559520000002</c:v>
                </c:pt>
                <c:pt idx="620">
                  <c:v>2696.4847679999998</c:v>
                </c:pt>
                <c:pt idx="621">
                  <c:v>2698.4135839999999</c:v>
                </c:pt>
                <c:pt idx="622">
                  <c:v>2700.3424</c:v>
                </c:pt>
                <c:pt idx="623">
                  <c:v>2702.2712160000001</c:v>
                </c:pt>
                <c:pt idx="624">
                  <c:v>2704.2000320000002</c:v>
                </c:pt>
                <c:pt idx="625">
                  <c:v>2706.1288479999998</c:v>
                </c:pt>
                <c:pt idx="626">
                  <c:v>2708.0576639999999</c:v>
                </c:pt>
                <c:pt idx="627">
                  <c:v>2709.98648</c:v>
                </c:pt>
                <c:pt idx="628">
                  <c:v>2711.9152960000001</c:v>
                </c:pt>
                <c:pt idx="629">
                  <c:v>2713.8441120000002</c:v>
                </c:pt>
                <c:pt idx="630">
                  <c:v>2715.7729279999999</c:v>
                </c:pt>
                <c:pt idx="631">
                  <c:v>2717.701744</c:v>
                </c:pt>
                <c:pt idx="632">
                  <c:v>2719.6305600000001</c:v>
                </c:pt>
                <c:pt idx="633">
                  <c:v>2721.5593760000002</c:v>
                </c:pt>
                <c:pt idx="634">
                  <c:v>2723.4881919999998</c:v>
                </c:pt>
                <c:pt idx="635">
                  <c:v>2725.4170079999999</c:v>
                </c:pt>
                <c:pt idx="636">
                  <c:v>2727.345824</c:v>
                </c:pt>
                <c:pt idx="637">
                  <c:v>2729.2746400000001</c:v>
                </c:pt>
                <c:pt idx="638">
                  <c:v>2731.2034560000002</c:v>
                </c:pt>
                <c:pt idx="639">
                  <c:v>2733.1322719999998</c:v>
                </c:pt>
                <c:pt idx="640">
                  <c:v>2735.0610879999999</c:v>
                </c:pt>
                <c:pt idx="641">
                  <c:v>2736.989904</c:v>
                </c:pt>
                <c:pt idx="642">
                  <c:v>2738.9187200000001</c:v>
                </c:pt>
                <c:pt idx="643">
                  <c:v>2740.8475360000002</c:v>
                </c:pt>
                <c:pt idx="644">
                  <c:v>2742.7763519999999</c:v>
                </c:pt>
                <c:pt idx="645">
                  <c:v>2744.705168</c:v>
                </c:pt>
                <c:pt idx="646">
                  <c:v>2746.6339840000001</c:v>
                </c:pt>
                <c:pt idx="647">
                  <c:v>2748.5628000000002</c:v>
                </c:pt>
                <c:pt idx="648">
                  <c:v>2750.4916159999998</c:v>
                </c:pt>
                <c:pt idx="649">
                  <c:v>2752.4204319999999</c:v>
                </c:pt>
                <c:pt idx="650">
                  <c:v>2754.349248</c:v>
                </c:pt>
                <c:pt idx="651">
                  <c:v>2756.2780640000001</c:v>
                </c:pt>
                <c:pt idx="652">
                  <c:v>2758.2068800000002</c:v>
                </c:pt>
                <c:pt idx="653">
                  <c:v>2760.1356959999998</c:v>
                </c:pt>
                <c:pt idx="654">
                  <c:v>2762.0645119999999</c:v>
                </c:pt>
                <c:pt idx="655">
                  <c:v>2763.993328</c:v>
                </c:pt>
                <c:pt idx="656">
                  <c:v>2765.9221440000001</c:v>
                </c:pt>
                <c:pt idx="657">
                  <c:v>2767.8509600000002</c:v>
                </c:pt>
                <c:pt idx="658">
                  <c:v>2769.7797759999999</c:v>
                </c:pt>
                <c:pt idx="659">
                  <c:v>2771.708592</c:v>
                </c:pt>
                <c:pt idx="660">
                  <c:v>2773.6374080000001</c:v>
                </c:pt>
                <c:pt idx="661">
                  <c:v>2775.5662240000001</c:v>
                </c:pt>
                <c:pt idx="662">
                  <c:v>2777.4950399999998</c:v>
                </c:pt>
                <c:pt idx="663">
                  <c:v>2779.4238559999999</c:v>
                </c:pt>
                <c:pt idx="664">
                  <c:v>2781.352672</c:v>
                </c:pt>
                <c:pt idx="665">
                  <c:v>2783.2814880000001</c:v>
                </c:pt>
                <c:pt idx="666">
                  <c:v>2785.2103040000002</c:v>
                </c:pt>
                <c:pt idx="667">
                  <c:v>2787.1391199999998</c:v>
                </c:pt>
                <c:pt idx="668">
                  <c:v>2789.0679359999999</c:v>
                </c:pt>
                <c:pt idx="669">
                  <c:v>2790.996752</c:v>
                </c:pt>
                <c:pt idx="670">
                  <c:v>2792.9255680000001</c:v>
                </c:pt>
                <c:pt idx="671">
                  <c:v>2794.8543840000002</c:v>
                </c:pt>
                <c:pt idx="672">
                  <c:v>2796.7831999999999</c:v>
                </c:pt>
                <c:pt idx="673">
                  <c:v>2798.7120159999999</c:v>
                </c:pt>
                <c:pt idx="674">
                  <c:v>2800.640832</c:v>
                </c:pt>
                <c:pt idx="675">
                  <c:v>2802.5696480000001</c:v>
                </c:pt>
                <c:pt idx="676">
                  <c:v>2804.4984639999998</c:v>
                </c:pt>
                <c:pt idx="677">
                  <c:v>2806.4272799999999</c:v>
                </c:pt>
                <c:pt idx="678">
                  <c:v>2808.356096</c:v>
                </c:pt>
                <c:pt idx="679">
                  <c:v>2810.2849120000001</c:v>
                </c:pt>
                <c:pt idx="680">
                  <c:v>2812.2137280000002</c:v>
                </c:pt>
                <c:pt idx="681">
                  <c:v>2814.1425439999998</c:v>
                </c:pt>
                <c:pt idx="682">
                  <c:v>2816.0713599999999</c:v>
                </c:pt>
                <c:pt idx="683">
                  <c:v>2818.000176</c:v>
                </c:pt>
                <c:pt idx="684">
                  <c:v>2819.9289920000001</c:v>
                </c:pt>
                <c:pt idx="685">
                  <c:v>2821.8578080000002</c:v>
                </c:pt>
                <c:pt idx="686">
                  <c:v>2823.7866239999998</c:v>
                </c:pt>
                <c:pt idx="687">
                  <c:v>2825.7154399999999</c:v>
                </c:pt>
                <c:pt idx="688">
                  <c:v>2827.644256</c:v>
                </c:pt>
                <c:pt idx="689">
                  <c:v>2829.5730720000001</c:v>
                </c:pt>
                <c:pt idx="690">
                  <c:v>2831.5018879999998</c:v>
                </c:pt>
                <c:pt idx="691">
                  <c:v>2833.4307039999999</c:v>
                </c:pt>
                <c:pt idx="692">
                  <c:v>2835.35952</c:v>
                </c:pt>
                <c:pt idx="693">
                  <c:v>2837.2883360000001</c:v>
                </c:pt>
                <c:pt idx="694">
                  <c:v>2839.2171520000002</c:v>
                </c:pt>
                <c:pt idx="695">
                  <c:v>2841.1459679999998</c:v>
                </c:pt>
                <c:pt idx="696">
                  <c:v>2843.0747839999999</c:v>
                </c:pt>
                <c:pt idx="697">
                  <c:v>2845.0036</c:v>
                </c:pt>
                <c:pt idx="698">
                  <c:v>2846.9324160000001</c:v>
                </c:pt>
                <c:pt idx="699">
                  <c:v>2848.8612320000002</c:v>
                </c:pt>
                <c:pt idx="700">
                  <c:v>2850.7900479999998</c:v>
                </c:pt>
                <c:pt idx="701">
                  <c:v>2852.7188639999999</c:v>
                </c:pt>
                <c:pt idx="702">
                  <c:v>2854.64768</c:v>
                </c:pt>
                <c:pt idx="703">
                  <c:v>2856.5764960000001</c:v>
                </c:pt>
                <c:pt idx="704">
                  <c:v>2858.5053119999998</c:v>
                </c:pt>
                <c:pt idx="705">
                  <c:v>2860.4341279999999</c:v>
                </c:pt>
                <c:pt idx="706">
                  <c:v>2862.362944</c:v>
                </c:pt>
                <c:pt idx="707">
                  <c:v>2864.2917600000001</c:v>
                </c:pt>
                <c:pt idx="708">
                  <c:v>2866.2205760000002</c:v>
                </c:pt>
                <c:pt idx="709">
                  <c:v>2868.1493919999998</c:v>
                </c:pt>
                <c:pt idx="710">
                  <c:v>2870.0782079999999</c:v>
                </c:pt>
                <c:pt idx="711">
                  <c:v>2872.007024</c:v>
                </c:pt>
                <c:pt idx="712">
                  <c:v>2873.9358400000001</c:v>
                </c:pt>
                <c:pt idx="713">
                  <c:v>2875.8646560000002</c:v>
                </c:pt>
                <c:pt idx="714">
                  <c:v>2877.7934719999998</c:v>
                </c:pt>
                <c:pt idx="715">
                  <c:v>2879.7222879999999</c:v>
                </c:pt>
                <c:pt idx="716">
                  <c:v>2881.651104</c:v>
                </c:pt>
                <c:pt idx="717">
                  <c:v>2883.5799200000001</c:v>
                </c:pt>
                <c:pt idx="718">
                  <c:v>2885.5087360000002</c:v>
                </c:pt>
                <c:pt idx="719">
                  <c:v>2887.4375519999999</c:v>
                </c:pt>
                <c:pt idx="720">
                  <c:v>2889.366368</c:v>
                </c:pt>
                <c:pt idx="721">
                  <c:v>2891.2951840000001</c:v>
                </c:pt>
                <c:pt idx="722">
                  <c:v>2893.2240000000002</c:v>
                </c:pt>
                <c:pt idx="723">
                  <c:v>2895.1528159999998</c:v>
                </c:pt>
                <c:pt idx="724">
                  <c:v>2897.0816319999999</c:v>
                </c:pt>
                <c:pt idx="725">
                  <c:v>2899.010448</c:v>
                </c:pt>
                <c:pt idx="726">
                  <c:v>2900.9392640000001</c:v>
                </c:pt>
                <c:pt idx="727">
                  <c:v>2902.8680800000002</c:v>
                </c:pt>
                <c:pt idx="728">
                  <c:v>2904.7968959999998</c:v>
                </c:pt>
                <c:pt idx="729">
                  <c:v>2906.7257119999999</c:v>
                </c:pt>
                <c:pt idx="730">
                  <c:v>2908.654528</c:v>
                </c:pt>
                <c:pt idx="731">
                  <c:v>2910.5833440000001</c:v>
                </c:pt>
                <c:pt idx="732">
                  <c:v>2912.5121600000002</c:v>
                </c:pt>
                <c:pt idx="733">
                  <c:v>2914.4409759999999</c:v>
                </c:pt>
                <c:pt idx="734">
                  <c:v>2916.369792</c:v>
                </c:pt>
                <c:pt idx="735">
                  <c:v>2918.2986080000001</c:v>
                </c:pt>
                <c:pt idx="736">
                  <c:v>2920.2274240000002</c:v>
                </c:pt>
                <c:pt idx="737">
                  <c:v>2922.1562399999998</c:v>
                </c:pt>
                <c:pt idx="738">
                  <c:v>2924.0850559999999</c:v>
                </c:pt>
                <c:pt idx="739">
                  <c:v>2926.013872</c:v>
                </c:pt>
                <c:pt idx="740">
                  <c:v>2927.9426880000001</c:v>
                </c:pt>
                <c:pt idx="741">
                  <c:v>2929.8715040000002</c:v>
                </c:pt>
                <c:pt idx="742">
                  <c:v>2931.8003199999998</c:v>
                </c:pt>
                <c:pt idx="743">
                  <c:v>2933.7291359999999</c:v>
                </c:pt>
                <c:pt idx="744">
                  <c:v>2935.657952</c:v>
                </c:pt>
                <c:pt idx="745">
                  <c:v>2937.5867680000001</c:v>
                </c:pt>
                <c:pt idx="746">
                  <c:v>2939.5155840000002</c:v>
                </c:pt>
                <c:pt idx="747">
                  <c:v>2941.4443999999999</c:v>
                </c:pt>
                <c:pt idx="748">
                  <c:v>2943.373216</c:v>
                </c:pt>
                <c:pt idx="749">
                  <c:v>2945.3020320000001</c:v>
                </c:pt>
                <c:pt idx="750">
                  <c:v>2947.2308480000002</c:v>
                </c:pt>
                <c:pt idx="751">
                  <c:v>2949.1596639999998</c:v>
                </c:pt>
                <c:pt idx="752">
                  <c:v>2951.0884799999999</c:v>
                </c:pt>
                <c:pt idx="753">
                  <c:v>2953.017296</c:v>
                </c:pt>
                <c:pt idx="754">
                  <c:v>2954.9461120000001</c:v>
                </c:pt>
                <c:pt idx="755">
                  <c:v>2956.8749280000002</c:v>
                </c:pt>
                <c:pt idx="756">
                  <c:v>2958.8037439999998</c:v>
                </c:pt>
                <c:pt idx="757">
                  <c:v>2960.7325599999999</c:v>
                </c:pt>
                <c:pt idx="758">
                  <c:v>2962.661376</c:v>
                </c:pt>
                <c:pt idx="759">
                  <c:v>2964.5901920000001</c:v>
                </c:pt>
                <c:pt idx="760">
                  <c:v>2966.5190080000002</c:v>
                </c:pt>
                <c:pt idx="761">
                  <c:v>2968.4478239999999</c:v>
                </c:pt>
                <c:pt idx="762">
                  <c:v>2970.37664</c:v>
                </c:pt>
                <c:pt idx="763">
                  <c:v>2972.305456</c:v>
                </c:pt>
                <c:pt idx="764">
                  <c:v>2974.2342720000001</c:v>
                </c:pt>
                <c:pt idx="765">
                  <c:v>2976.1630879999998</c:v>
                </c:pt>
                <c:pt idx="766">
                  <c:v>2978.0919039999999</c:v>
                </c:pt>
                <c:pt idx="767">
                  <c:v>2980.02072</c:v>
                </c:pt>
                <c:pt idx="768">
                  <c:v>2981.9495360000001</c:v>
                </c:pt>
                <c:pt idx="769">
                  <c:v>2983.8783520000002</c:v>
                </c:pt>
                <c:pt idx="770">
                  <c:v>2985.8071679999998</c:v>
                </c:pt>
                <c:pt idx="771">
                  <c:v>2987.7359839999999</c:v>
                </c:pt>
                <c:pt idx="772">
                  <c:v>2989.6648</c:v>
                </c:pt>
                <c:pt idx="773">
                  <c:v>2991.5936160000001</c:v>
                </c:pt>
                <c:pt idx="774">
                  <c:v>2993.5224320000002</c:v>
                </c:pt>
                <c:pt idx="775">
                  <c:v>2995.4512479999999</c:v>
                </c:pt>
                <c:pt idx="776">
                  <c:v>2997.3800639999999</c:v>
                </c:pt>
                <c:pt idx="777">
                  <c:v>2999.30888</c:v>
                </c:pt>
                <c:pt idx="778">
                  <c:v>3001.2376960000001</c:v>
                </c:pt>
                <c:pt idx="779">
                  <c:v>3003.1665119999998</c:v>
                </c:pt>
                <c:pt idx="780">
                  <c:v>3005.0953279999999</c:v>
                </c:pt>
                <c:pt idx="781">
                  <c:v>3007.024144</c:v>
                </c:pt>
                <c:pt idx="782">
                  <c:v>3008.9529600000001</c:v>
                </c:pt>
                <c:pt idx="783">
                  <c:v>3010.8817760000002</c:v>
                </c:pt>
                <c:pt idx="784">
                  <c:v>3012.8105919999998</c:v>
                </c:pt>
                <c:pt idx="785">
                  <c:v>3014.7394079999999</c:v>
                </c:pt>
                <c:pt idx="786">
                  <c:v>3016.668224</c:v>
                </c:pt>
                <c:pt idx="787">
                  <c:v>3018.5970400000001</c:v>
                </c:pt>
                <c:pt idx="788">
                  <c:v>3020.5258560000002</c:v>
                </c:pt>
                <c:pt idx="789">
                  <c:v>3022.4546719999998</c:v>
                </c:pt>
                <c:pt idx="790">
                  <c:v>3024.3834879999999</c:v>
                </c:pt>
                <c:pt idx="791">
                  <c:v>3026.312304</c:v>
                </c:pt>
                <c:pt idx="792">
                  <c:v>3028.2411200000001</c:v>
                </c:pt>
                <c:pt idx="793">
                  <c:v>3030.1699359999998</c:v>
                </c:pt>
                <c:pt idx="794">
                  <c:v>3032.0987519999999</c:v>
                </c:pt>
                <c:pt idx="795">
                  <c:v>3034.027568</c:v>
                </c:pt>
                <c:pt idx="796">
                  <c:v>3035.9563840000001</c:v>
                </c:pt>
                <c:pt idx="797">
                  <c:v>3037.8852000000002</c:v>
                </c:pt>
                <c:pt idx="798">
                  <c:v>3039.8140159999998</c:v>
                </c:pt>
                <c:pt idx="799">
                  <c:v>3041.7428319999999</c:v>
                </c:pt>
                <c:pt idx="800">
                  <c:v>3043.671648</c:v>
                </c:pt>
                <c:pt idx="801">
                  <c:v>3045.6004640000001</c:v>
                </c:pt>
                <c:pt idx="802">
                  <c:v>3047.5292800000002</c:v>
                </c:pt>
                <c:pt idx="803">
                  <c:v>3049.4580959999998</c:v>
                </c:pt>
                <c:pt idx="804">
                  <c:v>3051.3869119999999</c:v>
                </c:pt>
                <c:pt idx="805">
                  <c:v>3053.315728</c:v>
                </c:pt>
                <c:pt idx="806">
                  <c:v>3055.2445440000001</c:v>
                </c:pt>
                <c:pt idx="807">
                  <c:v>3057.1733599999998</c:v>
                </c:pt>
                <c:pt idx="808">
                  <c:v>3059.1021759999999</c:v>
                </c:pt>
                <c:pt idx="809">
                  <c:v>3061.030992</c:v>
                </c:pt>
                <c:pt idx="810">
                  <c:v>3062.9598080000001</c:v>
                </c:pt>
                <c:pt idx="811">
                  <c:v>3064.8886240000002</c:v>
                </c:pt>
                <c:pt idx="812">
                  <c:v>3066.8174399999998</c:v>
                </c:pt>
                <c:pt idx="813">
                  <c:v>3068.7462559999999</c:v>
                </c:pt>
                <c:pt idx="814">
                  <c:v>3070.675072</c:v>
                </c:pt>
                <c:pt idx="815">
                  <c:v>3072.6038880000001</c:v>
                </c:pt>
                <c:pt idx="816">
                  <c:v>3074.5327040000002</c:v>
                </c:pt>
                <c:pt idx="817">
                  <c:v>3076.4615199999998</c:v>
                </c:pt>
                <c:pt idx="818">
                  <c:v>3078.3903359999999</c:v>
                </c:pt>
                <c:pt idx="819">
                  <c:v>3080.319152</c:v>
                </c:pt>
                <c:pt idx="820">
                  <c:v>3082.2479680000001</c:v>
                </c:pt>
                <c:pt idx="821">
                  <c:v>3084.1767840000002</c:v>
                </c:pt>
                <c:pt idx="822">
                  <c:v>3086.1055999999999</c:v>
                </c:pt>
                <c:pt idx="823">
                  <c:v>3088.034416</c:v>
                </c:pt>
                <c:pt idx="824">
                  <c:v>3089.9632320000001</c:v>
                </c:pt>
                <c:pt idx="825">
                  <c:v>3091.8920480000002</c:v>
                </c:pt>
                <c:pt idx="826">
                  <c:v>3093.8208639999998</c:v>
                </c:pt>
                <c:pt idx="827">
                  <c:v>3095.7496799999999</c:v>
                </c:pt>
                <c:pt idx="828">
                  <c:v>3097.678496</c:v>
                </c:pt>
                <c:pt idx="829">
                  <c:v>3099.6073120000001</c:v>
                </c:pt>
                <c:pt idx="830">
                  <c:v>3101.5361280000002</c:v>
                </c:pt>
                <c:pt idx="831">
                  <c:v>3103.4649439999998</c:v>
                </c:pt>
                <c:pt idx="832">
                  <c:v>3105.3937599999999</c:v>
                </c:pt>
                <c:pt idx="833">
                  <c:v>3107.322576</c:v>
                </c:pt>
                <c:pt idx="834">
                  <c:v>3109.2513920000001</c:v>
                </c:pt>
                <c:pt idx="835">
                  <c:v>3111.1802080000002</c:v>
                </c:pt>
                <c:pt idx="836">
                  <c:v>3113.1090239999999</c:v>
                </c:pt>
                <c:pt idx="837">
                  <c:v>3115.03784</c:v>
                </c:pt>
                <c:pt idx="838">
                  <c:v>3116.9666560000001</c:v>
                </c:pt>
                <c:pt idx="839">
                  <c:v>3118.8954720000002</c:v>
                </c:pt>
                <c:pt idx="840">
                  <c:v>3120.8242879999998</c:v>
                </c:pt>
                <c:pt idx="841">
                  <c:v>3122.7531039999999</c:v>
                </c:pt>
                <c:pt idx="842">
                  <c:v>3124.68192</c:v>
                </c:pt>
                <c:pt idx="843">
                  <c:v>3126.6107360000001</c:v>
                </c:pt>
                <c:pt idx="844">
                  <c:v>3128.5395520000002</c:v>
                </c:pt>
                <c:pt idx="845">
                  <c:v>3130.4683679999998</c:v>
                </c:pt>
                <c:pt idx="846">
                  <c:v>3132.3971839999999</c:v>
                </c:pt>
                <c:pt idx="847">
                  <c:v>3134.326</c:v>
                </c:pt>
                <c:pt idx="848">
                  <c:v>3136.2548160000001</c:v>
                </c:pt>
                <c:pt idx="849">
                  <c:v>3138.1836320000002</c:v>
                </c:pt>
                <c:pt idx="850">
                  <c:v>3140.1124479999999</c:v>
                </c:pt>
                <c:pt idx="851">
                  <c:v>3142.041264</c:v>
                </c:pt>
                <c:pt idx="852">
                  <c:v>3143.9700800000001</c:v>
                </c:pt>
                <c:pt idx="853">
                  <c:v>3145.8988960000001</c:v>
                </c:pt>
                <c:pt idx="854">
                  <c:v>3147.8277119999998</c:v>
                </c:pt>
                <c:pt idx="855">
                  <c:v>3149.7565279999999</c:v>
                </c:pt>
                <c:pt idx="856">
                  <c:v>3151.685344</c:v>
                </c:pt>
                <c:pt idx="857">
                  <c:v>3153.6141600000001</c:v>
                </c:pt>
                <c:pt idx="858">
                  <c:v>3155.5429760000002</c:v>
                </c:pt>
                <c:pt idx="859">
                  <c:v>3157.4717919999998</c:v>
                </c:pt>
                <c:pt idx="860">
                  <c:v>3159.4006079999999</c:v>
                </c:pt>
                <c:pt idx="861">
                  <c:v>3161.329424</c:v>
                </c:pt>
                <c:pt idx="862">
                  <c:v>3163.2582400000001</c:v>
                </c:pt>
                <c:pt idx="863">
                  <c:v>3165.1870560000002</c:v>
                </c:pt>
                <c:pt idx="864">
                  <c:v>3167.1158719999999</c:v>
                </c:pt>
                <c:pt idx="865">
                  <c:v>3169.044688</c:v>
                </c:pt>
                <c:pt idx="866">
                  <c:v>3170.973504</c:v>
                </c:pt>
                <c:pt idx="867">
                  <c:v>3172.9023200000001</c:v>
                </c:pt>
                <c:pt idx="868">
                  <c:v>3174.8311359999998</c:v>
                </c:pt>
                <c:pt idx="869">
                  <c:v>3176.7599519999999</c:v>
                </c:pt>
                <c:pt idx="870">
                  <c:v>3178.688768</c:v>
                </c:pt>
                <c:pt idx="871">
                  <c:v>3180.6175840000001</c:v>
                </c:pt>
                <c:pt idx="872">
                  <c:v>3182.5464000000002</c:v>
                </c:pt>
                <c:pt idx="873">
                  <c:v>3184.4752159999998</c:v>
                </c:pt>
                <c:pt idx="874">
                  <c:v>3186.4040319999999</c:v>
                </c:pt>
                <c:pt idx="875">
                  <c:v>3188.332848</c:v>
                </c:pt>
                <c:pt idx="876">
                  <c:v>3190.2616640000001</c:v>
                </c:pt>
                <c:pt idx="877">
                  <c:v>3192.1904800000002</c:v>
                </c:pt>
                <c:pt idx="878">
                  <c:v>3194.1192959999998</c:v>
                </c:pt>
                <c:pt idx="879">
                  <c:v>3196.0481119999999</c:v>
                </c:pt>
                <c:pt idx="880">
                  <c:v>3197.976928</c:v>
                </c:pt>
                <c:pt idx="881">
                  <c:v>3199.9057440000001</c:v>
                </c:pt>
                <c:pt idx="882">
                  <c:v>3201.8345599999998</c:v>
                </c:pt>
                <c:pt idx="883">
                  <c:v>3203.7633759999999</c:v>
                </c:pt>
                <c:pt idx="884">
                  <c:v>3205.692192</c:v>
                </c:pt>
                <c:pt idx="885">
                  <c:v>3207.6210080000001</c:v>
                </c:pt>
                <c:pt idx="886">
                  <c:v>3209.5498240000002</c:v>
                </c:pt>
                <c:pt idx="887">
                  <c:v>3211.4786399999998</c:v>
                </c:pt>
                <c:pt idx="888">
                  <c:v>3213.4074559999999</c:v>
                </c:pt>
                <c:pt idx="889">
                  <c:v>3215.336272</c:v>
                </c:pt>
                <c:pt idx="890">
                  <c:v>3217.2650880000001</c:v>
                </c:pt>
                <c:pt idx="891">
                  <c:v>3219.1939040000002</c:v>
                </c:pt>
                <c:pt idx="892">
                  <c:v>3221.1227199999998</c:v>
                </c:pt>
                <c:pt idx="893">
                  <c:v>3223.0515359999999</c:v>
                </c:pt>
                <c:pt idx="894">
                  <c:v>3224.980352</c:v>
                </c:pt>
                <c:pt idx="895">
                  <c:v>3226.9091680000001</c:v>
                </c:pt>
                <c:pt idx="896">
                  <c:v>3228.8379839999998</c:v>
                </c:pt>
                <c:pt idx="897">
                  <c:v>3230.7667999999999</c:v>
                </c:pt>
                <c:pt idx="898">
                  <c:v>3232.695616</c:v>
                </c:pt>
                <c:pt idx="899">
                  <c:v>3234.6244320000001</c:v>
                </c:pt>
                <c:pt idx="900">
                  <c:v>3236.5532480000002</c:v>
                </c:pt>
                <c:pt idx="901">
                  <c:v>3238.4820639999998</c:v>
                </c:pt>
                <c:pt idx="902">
                  <c:v>3240.4108799999999</c:v>
                </c:pt>
                <c:pt idx="903">
                  <c:v>3242.339696</c:v>
                </c:pt>
                <c:pt idx="904">
                  <c:v>3244.2685120000001</c:v>
                </c:pt>
                <c:pt idx="905">
                  <c:v>3246.1973280000002</c:v>
                </c:pt>
                <c:pt idx="906">
                  <c:v>3248.1261439999998</c:v>
                </c:pt>
                <c:pt idx="907">
                  <c:v>3250.0549599999999</c:v>
                </c:pt>
                <c:pt idx="908">
                  <c:v>3251.983776</c:v>
                </c:pt>
                <c:pt idx="909">
                  <c:v>3253.9125920000001</c:v>
                </c:pt>
                <c:pt idx="910">
                  <c:v>3255.8414079999998</c:v>
                </c:pt>
                <c:pt idx="911">
                  <c:v>3257.7702239999999</c:v>
                </c:pt>
                <c:pt idx="912">
                  <c:v>3259.69904</c:v>
                </c:pt>
                <c:pt idx="913">
                  <c:v>3261.6278560000001</c:v>
                </c:pt>
                <c:pt idx="914">
                  <c:v>3263.5566720000002</c:v>
                </c:pt>
                <c:pt idx="915">
                  <c:v>3265.4854879999998</c:v>
                </c:pt>
                <c:pt idx="916">
                  <c:v>3267.4143039999999</c:v>
                </c:pt>
                <c:pt idx="917">
                  <c:v>3269.34312</c:v>
                </c:pt>
                <c:pt idx="918">
                  <c:v>3271.2719360000001</c:v>
                </c:pt>
                <c:pt idx="919">
                  <c:v>3273.2007520000002</c:v>
                </c:pt>
                <c:pt idx="920">
                  <c:v>3275.1295679999998</c:v>
                </c:pt>
                <c:pt idx="921">
                  <c:v>3277.0583839999999</c:v>
                </c:pt>
                <c:pt idx="922">
                  <c:v>3278.9872</c:v>
                </c:pt>
                <c:pt idx="923">
                  <c:v>3280.9160160000001</c:v>
                </c:pt>
                <c:pt idx="924">
                  <c:v>3282.8448320000002</c:v>
                </c:pt>
                <c:pt idx="925">
                  <c:v>3284.7736479999999</c:v>
                </c:pt>
                <c:pt idx="926">
                  <c:v>3286.702464</c:v>
                </c:pt>
                <c:pt idx="927">
                  <c:v>3288.6312800000001</c:v>
                </c:pt>
                <c:pt idx="928">
                  <c:v>3290.5600960000002</c:v>
                </c:pt>
                <c:pt idx="929">
                  <c:v>3292.4889119999998</c:v>
                </c:pt>
                <c:pt idx="930">
                  <c:v>3294.4177279999999</c:v>
                </c:pt>
                <c:pt idx="931">
                  <c:v>3296.346544</c:v>
                </c:pt>
                <c:pt idx="932">
                  <c:v>3298.2753600000001</c:v>
                </c:pt>
                <c:pt idx="933">
                  <c:v>3300.2041760000002</c:v>
                </c:pt>
                <c:pt idx="934">
                  <c:v>3302.1329919999998</c:v>
                </c:pt>
                <c:pt idx="935">
                  <c:v>3304.0618079999999</c:v>
                </c:pt>
                <c:pt idx="936">
                  <c:v>3305.990624</c:v>
                </c:pt>
                <c:pt idx="937">
                  <c:v>3307.9194400000001</c:v>
                </c:pt>
                <c:pt idx="938">
                  <c:v>3309.8482560000002</c:v>
                </c:pt>
                <c:pt idx="939">
                  <c:v>3311.7770719999999</c:v>
                </c:pt>
                <c:pt idx="940">
                  <c:v>3313.705888</c:v>
                </c:pt>
                <c:pt idx="941">
                  <c:v>3315.6347040000001</c:v>
                </c:pt>
                <c:pt idx="942">
                  <c:v>3317.5635200000002</c:v>
                </c:pt>
                <c:pt idx="943">
                  <c:v>3319.4923359999998</c:v>
                </c:pt>
                <c:pt idx="944">
                  <c:v>3321.4211519999999</c:v>
                </c:pt>
                <c:pt idx="945">
                  <c:v>3323.349968</c:v>
                </c:pt>
                <c:pt idx="946">
                  <c:v>3325.2787840000001</c:v>
                </c:pt>
                <c:pt idx="947">
                  <c:v>3327.2076000000002</c:v>
                </c:pt>
                <c:pt idx="948">
                  <c:v>3329.1364159999998</c:v>
                </c:pt>
                <c:pt idx="949">
                  <c:v>3331.0652319999999</c:v>
                </c:pt>
                <c:pt idx="950">
                  <c:v>3332.994048</c:v>
                </c:pt>
                <c:pt idx="951">
                  <c:v>3334.9228640000001</c:v>
                </c:pt>
                <c:pt idx="952">
                  <c:v>3336.8516800000002</c:v>
                </c:pt>
                <c:pt idx="953">
                  <c:v>3338.7804959999999</c:v>
                </c:pt>
                <c:pt idx="954">
                  <c:v>3340.709312</c:v>
                </c:pt>
                <c:pt idx="955">
                  <c:v>3342.6381280000001</c:v>
                </c:pt>
                <c:pt idx="956">
                  <c:v>3344.5669440000001</c:v>
                </c:pt>
                <c:pt idx="957">
                  <c:v>3346.4957599999998</c:v>
                </c:pt>
                <c:pt idx="958">
                  <c:v>3348.4245759999999</c:v>
                </c:pt>
                <c:pt idx="959">
                  <c:v>3350.353392</c:v>
                </c:pt>
                <c:pt idx="960">
                  <c:v>3352.2822080000001</c:v>
                </c:pt>
                <c:pt idx="961">
                  <c:v>3354.2110240000002</c:v>
                </c:pt>
                <c:pt idx="962">
                  <c:v>3356.1398399999998</c:v>
                </c:pt>
                <c:pt idx="963">
                  <c:v>3358.0686559999999</c:v>
                </c:pt>
                <c:pt idx="964">
                  <c:v>3359.997472</c:v>
                </c:pt>
                <c:pt idx="965">
                  <c:v>3361.9262880000001</c:v>
                </c:pt>
                <c:pt idx="966">
                  <c:v>3363.8551040000002</c:v>
                </c:pt>
                <c:pt idx="967">
                  <c:v>3365.7839199999999</c:v>
                </c:pt>
                <c:pt idx="968">
                  <c:v>3367.7127359999999</c:v>
                </c:pt>
                <c:pt idx="969">
                  <c:v>3369.641552</c:v>
                </c:pt>
                <c:pt idx="970">
                  <c:v>3371.5703680000001</c:v>
                </c:pt>
                <c:pt idx="971">
                  <c:v>3373.4991839999998</c:v>
                </c:pt>
                <c:pt idx="972">
                  <c:v>3375.4279999999999</c:v>
                </c:pt>
                <c:pt idx="973">
                  <c:v>3377.356816</c:v>
                </c:pt>
                <c:pt idx="974">
                  <c:v>3379.2856320000001</c:v>
                </c:pt>
                <c:pt idx="975">
                  <c:v>3381.2144480000002</c:v>
                </c:pt>
                <c:pt idx="976">
                  <c:v>3383.1432639999998</c:v>
                </c:pt>
                <c:pt idx="977">
                  <c:v>3385.0720799999999</c:v>
                </c:pt>
                <c:pt idx="978">
                  <c:v>3387.000896</c:v>
                </c:pt>
                <c:pt idx="979">
                  <c:v>3388.9297120000001</c:v>
                </c:pt>
                <c:pt idx="980">
                  <c:v>3390.8585280000002</c:v>
                </c:pt>
                <c:pt idx="981">
                  <c:v>3392.7873439999998</c:v>
                </c:pt>
                <c:pt idx="982">
                  <c:v>3394.7161599999999</c:v>
                </c:pt>
                <c:pt idx="983">
                  <c:v>3396.644976</c:v>
                </c:pt>
                <c:pt idx="984">
                  <c:v>3398.5737920000001</c:v>
                </c:pt>
                <c:pt idx="985">
                  <c:v>3400.5026079999998</c:v>
                </c:pt>
                <c:pt idx="986">
                  <c:v>3402.4314239999999</c:v>
                </c:pt>
                <c:pt idx="987">
                  <c:v>3404.36024</c:v>
                </c:pt>
                <c:pt idx="988">
                  <c:v>3406.2890560000001</c:v>
                </c:pt>
                <c:pt idx="989">
                  <c:v>3408.2178720000002</c:v>
                </c:pt>
                <c:pt idx="990">
                  <c:v>3410.1466879999998</c:v>
                </c:pt>
                <c:pt idx="991">
                  <c:v>3412.0755039999999</c:v>
                </c:pt>
                <c:pt idx="992">
                  <c:v>3414.00432</c:v>
                </c:pt>
                <c:pt idx="993">
                  <c:v>3415.9331360000001</c:v>
                </c:pt>
                <c:pt idx="994">
                  <c:v>3417.8619520000002</c:v>
                </c:pt>
                <c:pt idx="995">
                  <c:v>3419.7907679999998</c:v>
                </c:pt>
                <c:pt idx="996">
                  <c:v>3421.7195839999999</c:v>
                </c:pt>
                <c:pt idx="997">
                  <c:v>3423.6484</c:v>
                </c:pt>
                <c:pt idx="998">
                  <c:v>3425.5772160000001</c:v>
                </c:pt>
                <c:pt idx="999">
                  <c:v>3427.5060319999998</c:v>
                </c:pt>
                <c:pt idx="1000">
                  <c:v>3429.4348479999999</c:v>
                </c:pt>
                <c:pt idx="1001">
                  <c:v>3431.363664</c:v>
                </c:pt>
                <c:pt idx="1002">
                  <c:v>3433.2924800000001</c:v>
                </c:pt>
                <c:pt idx="1003">
                  <c:v>3435.2212960000002</c:v>
                </c:pt>
                <c:pt idx="1004">
                  <c:v>3437.1501119999998</c:v>
                </c:pt>
                <c:pt idx="1005">
                  <c:v>3439.0789279999999</c:v>
                </c:pt>
                <c:pt idx="1006">
                  <c:v>3441.007744</c:v>
                </c:pt>
                <c:pt idx="1007">
                  <c:v>3442.9365600000001</c:v>
                </c:pt>
                <c:pt idx="1008">
                  <c:v>3444.8653760000002</c:v>
                </c:pt>
                <c:pt idx="1009">
                  <c:v>3446.7941919999998</c:v>
                </c:pt>
                <c:pt idx="1010">
                  <c:v>3448.7230079999999</c:v>
                </c:pt>
                <c:pt idx="1011">
                  <c:v>3450.651824</c:v>
                </c:pt>
                <c:pt idx="1012">
                  <c:v>3452.5806400000001</c:v>
                </c:pt>
                <c:pt idx="1013">
                  <c:v>3454.5094559999998</c:v>
                </c:pt>
                <c:pt idx="1014">
                  <c:v>3456.4382719999999</c:v>
                </c:pt>
                <c:pt idx="1015">
                  <c:v>3458.367088</c:v>
                </c:pt>
                <c:pt idx="1016">
                  <c:v>3460.2959040000001</c:v>
                </c:pt>
                <c:pt idx="1017">
                  <c:v>3462.2247200000002</c:v>
                </c:pt>
                <c:pt idx="1018">
                  <c:v>3464.1535359999998</c:v>
                </c:pt>
                <c:pt idx="1019">
                  <c:v>3466.0823519999999</c:v>
                </c:pt>
                <c:pt idx="1020">
                  <c:v>3468.011168</c:v>
                </c:pt>
                <c:pt idx="1021">
                  <c:v>3469.9399840000001</c:v>
                </c:pt>
                <c:pt idx="1022">
                  <c:v>3471.8688000000002</c:v>
                </c:pt>
                <c:pt idx="1023">
                  <c:v>3473.7976159999998</c:v>
                </c:pt>
                <c:pt idx="1024">
                  <c:v>3475.7264319999999</c:v>
                </c:pt>
                <c:pt idx="1025">
                  <c:v>3477.655248</c:v>
                </c:pt>
                <c:pt idx="1026">
                  <c:v>3479.5840640000001</c:v>
                </c:pt>
                <c:pt idx="1027">
                  <c:v>3481.5128800000002</c:v>
                </c:pt>
                <c:pt idx="1028">
                  <c:v>3483.4416959999999</c:v>
                </c:pt>
                <c:pt idx="1029">
                  <c:v>3485.370512</c:v>
                </c:pt>
                <c:pt idx="1030">
                  <c:v>3487.2993280000001</c:v>
                </c:pt>
                <c:pt idx="1031">
                  <c:v>3489.2281440000002</c:v>
                </c:pt>
                <c:pt idx="1032">
                  <c:v>3491.1569599999998</c:v>
                </c:pt>
                <c:pt idx="1033">
                  <c:v>3493.0857759999999</c:v>
                </c:pt>
                <c:pt idx="1034">
                  <c:v>3495.014592</c:v>
                </c:pt>
                <c:pt idx="1035">
                  <c:v>3496.9434080000001</c:v>
                </c:pt>
                <c:pt idx="1036">
                  <c:v>3498.8722240000002</c:v>
                </c:pt>
                <c:pt idx="1037">
                  <c:v>3500.8010399999998</c:v>
                </c:pt>
                <c:pt idx="1038">
                  <c:v>3502.7298559999999</c:v>
                </c:pt>
                <c:pt idx="1039">
                  <c:v>3504.658672</c:v>
                </c:pt>
                <c:pt idx="1040">
                  <c:v>3506.5874880000001</c:v>
                </c:pt>
                <c:pt idx="1041">
                  <c:v>3508.5163040000002</c:v>
                </c:pt>
                <c:pt idx="1042">
                  <c:v>3510.4451199999999</c:v>
                </c:pt>
                <c:pt idx="1043">
                  <c:v>3512.373936</c:v>
                </c:pt>
                <c:pt idx="1044">
                  <c:v>3514.3027520000001</c:v>
                </c:pt>
                <c:pt idx="1045">
                  <c:v>3516.2315680000002</c:v>
                </c:pt>
                <c:pt idx="1046">
                  <c:v>3518.1603839999998</c:v>
                </c:pt>
                <c:pt idx="1047">
                  <c:v>3520.0891999999999</c:v>
                </c:pt>
                <c:pt idx="1048">
                  <c:v>3522.018016</c:v>
                </c:pt>
                <c:pt idx="1049">
                  <c:v>3523.9468320000001</c:v>
                </c:pt>
                <c:pt idx="1050">
                  <c:v>3525.8756480000002</c:v>
                </c:pt>
                <c:pt idx="1051">
                  <c:v>3527.8044639999998</c:v>
                </c:pt>
                <c:pt idx="1052">
                  <c:v>3529.7332799999999</c:v>
                </c:pt>
                <c:pt idx="1053">
                  <c:v>3531.662096</c:v>
                </c:pt>
                <c:pt idx="1054">
                  <c:v>3533.5909120000001</c:v>
                </c:pt>
                <c:pt idx="1055">
                  <c:v>3535.5197280000002</c:v>
                </c:pt>
                <c:pt idx="1056">
                  <c:v>3537.4485439999999</c:v>
                </c:pt>
                <c:pt idx="1057">
                  <c:v>3539.37736</c:v>
                </c:pt>
                <c:pt idx="1058">
                  <c:v>3541.3061760000001</c:v>
                </c:pt>
                <c:pt idx="1059">
                  <c:v>3543.2349920000001</c:v>
                </c:pt>
                <c:pt idx="1060">
                  <c:v>3545.1638079999998</c:v>
                </c:pt>
                <c:pt idx="1061">
                  <c:v>3547.0926239999999</c:v>
                </c:pt>
                <c:pt idx="1062">
                  <c:v>3549.02144</c:v>
                </c:pt>
                <c:pt idx="1063">
                  <c:v>3550.9502560000001</c:v>
                </c:pt>
                <c:pt idx="1064">
                  <c:v>3552.8790720000002</c:v>
                </c:pt>
                <c:pt idx="1065">
                  <c:v>3554.8078879999998</c:v>
                </c:pt>
                <c:pt idx="1066">
                  <c:v>3556.7367039999999</c:v>
                </c:pt>
                <c:pt idx="1067">
                  <c:v>3558.66552</c:v>
                </c:pt>
                <c:pt idx="1068">
                  <c:v>3560.5943360000001</c:v>
                </c:pt>
                <c:pt idx="1069">
                  <c:v>3562.5231520000002</c:v>
                </c:pt>
                <c:pt idx="1070">
                  <c:v>3564.4519679999999</c:v>
                </c:pt>
                <c:pt idx="1071">
                  <c:v>3566.3807839999999</c:v>
                </c:pt>
                <c:pt idx="1072">
                  <c:v>3568.3096</c:v>
                </c:pt>
                <c:pt idx="1073">
                  <c:v>3570.2384160000001</c:v>
                </c:pt>
                <c:pt idx="1074">
                  <c:v>3572.1672319999998</c:v>
                </c:pt>
                <c:pt idx="1075">
                  <c:v>3574.0960479999999</c:v>
                </c:pt>
                <c:pt idx="1076">
                  <c:v>3576.024864</c:v>
                </c:pt>
                <c:pt idx="1077">
                  <c:v>3577.9536800000001</c:v>
                </c:pt>
                <c:pt idx="1078">
                  <c:v>3579.8824960000002</c:v>
                </c:pt>
                <c:pt idx="1079">
                  <c:v>3581.8113119999998</c:v>
                </c:pt>
                <c:pt idx="1080">
                  <c:v>3583.7401279999999</c:v>
                </c:pt>
                <c:pt idx="1081">
                  <c:v>3585.668944</c:v>
                </c:pt>
                <c:pt idx="1082">
                  <c:v>3587.5977600000001</c:v>
                </c:pt>
                <c:pt idx="1083">
                  <c:v>3589.5265760000002</c:v>
                </c:pt>
                <c:pt idx="1084">
                  <c:v>3591.4553919999998</c:v>
                </c:pt>
                <c:pt idx="1085">
                  <c:v>3593.3842079999999</c:v>
                </c:pt>
                <c:pt idx="1086">
                  <c:v>3595.313024</c:v>
                </c:pt>
                <c:pt idx="1087">
                  <c:v>3597.2418400000001</c:v>
                </c:pt>
                <c:pt idx="1088">
                  <c:v>3599.1706559999998</c:v>
                </c:pt>
                <c:pt idx="1089">
                  <c:v>3601.0994719999999</c:v>
                </c:pt>
                <c:pt idx="1090">
                  <c:v>3603.028288</c:v>
                </c:pt>
                <c:pt idx="1091">
                  <c:v>3604.9571040000001</c:v>
                </c:pt>
                <c:pt idx="1092">
                  <c:v>3606.8859200000002</c:v>
                </c:pt>
                <c:pt idx="1093">
                  <c:v>3608.8147359999998</c:v>
                </c:pt>
                <c:pt idx="1094">
                  <c:v>3610.7435519999999</c:v>
                </c:pt>
                <c:pt idx="1095">
                  <c:v>3612.672368</c:v>
                </c:pt>
                <c:pt idx="1096">
                  <c:v>3614.6011840000001</c:v>
                </c:pt>
                <c:pt idx="1097">
                  <c:v>3616.53</c:v>
                </c:pt>
                <c:pt idx="1098">
                  <c:v>3618.4588159999998</c:v>
                </c:pt>
                <c:pt idx="1099">
                  <c:v>3620.3876319999999</c:v>
                </c:pt>
                <c:pt idx="1100">
                  <c:v>3622.316448</c:v>
                </c:pt>
                <c:pt idx="1101">
                  <c:v>3624.2452640000001</c:v>
                </c:pt>
                <c:pt idx="1102">
                  <c:v>3626.1740799999998</c:v>
                </c:pt>
                <c:pt idx="1103">
                  <c:v>3628.1028959999999</c:v>
                </c:pt>
                <c:pt idx="1104">
                  <c:v>3630.031712</c:v>
                </c:pt>
                <c:pt idx="1105">
                  <c:v>3631.9605280000001</c:v>
                </c:pt>
                <c:pt idx="1106">
                  <c:v>3633.8893440000002</c:v>
                </c:pt>
                <c:pt idx="1107">
                  <c:v>3635.8181599999998</c:v>
                </c:pt>
                <c:pt idx="1108">
                  <c:v>3637.7469759999999</c:v>
                </c:pt>
                <c:pt idx="1109">
                  <c:v>3639.675792</c:v>
                </c:pt>
                <c:pt idx="1110">
                  <c:v>3641.6046080000001</c:v>
                </c:pt>
                <c:pt idx="1111">
                  <c:v>3643.5334240000002</c:v>
                </c:pt>
                <c:pt idx="1112">
                  <c:v>3645.4622399999998</c:v>
                </c:pt>
                <c:pt idx="1113">
                  <c:v>3647.3910559999999</c:v>
                </c:pt>
                <c:pt idx="1114">
                  <c:v>3649.319872</c:v>
                </c:pt>
                <c:pt idx="1115">
                  <c:v>3651.2486880000001</c:v>
                </c:pt>
                <c:pt idx="1116">
                  <c:v>3653.1775040000002</c:v>
                </c:pt>
                <c:pt idx="1117">
                  <c:v>3655.1063199999999</c:v>
                </c:pt>
                <c:pt idx="1118">
                  <c:v>3657.035136</c:v>
                </c:pt>
                <c:pt idx="1119">
                  <c:v>3658.9639520000001</c:v>
                </c:pt>
                <c:pt idx="1120">
                  <c:v>3660.8927680000002</c:v>
                </c:pt>
                <c:pt idx="1121">
                  <c:v>3662.8215839999998</c:v>
                </c:pt>
                <c:pt idx="1122">
                  <c:v>3664.7503999999999</c:v>
                </c:pt>
                <c:pt idx="1123">
                  <c:v>3666.679216</c:v>
                </c:pt>
                <c:pt idx="1124">
                  <c:v>3668.6080320000001</c:v>
                </c:pt>
                <c:pt idx="1125">
                  <c:v>3670.5368480000002</c:v>
                </c:pt>
                <c:pt idx="1126">
                  <c:v>3672.4656639999998</c:v>
                </c:pt>
                <c:pt idx="1127">
                  <c:v>3674.3944799999999</c:v>
                </c:pt>
                <c:pt idx="1128">
                  <c:v>3676.323296</c:v>
                </c:pt>
                <c:pt idx="1129">
                  <c:v>3678.2521120000001</c:v>
                </c:pt>
                <c:pt idx="1130">
                  <c:v>3680.1809280000002</c:v>
                </c:pt>
                <c:pt idx="1131">
                  <c:v>3682.1097439999999</c:v>
                </c:pt>
                <c:pt idx="1132">
                  <c:v>3684.03856</c:v>
                </c:pt>
                <c:pt idx="1133">
                  <c:v>3685.9673760000001</c:v>
                </c:pt>
                <c:pt idx="1134">
                  <c:v>3687.8961920000002</c:v>
                </c:pt>
                <c:pt idx="1135">
                  <c:v>3689.8250079999998</c:v>
                </c:pt>
                <c:pt idx="1136">
                  <c:v>3691.7538239999999</c:v>
                </c:pt>
                <c:pt idx="1137">
                  <c:v>3693.68264</c:v>
                </c:pt>
                <c:pt idx="1138">
                  <c:v>3695.6114560000001</c:v>
                </c:pt>
                <c:pt idx="1139">
                  <c:v>3697.5402720000002</c:v>
                </c:pt>
                <c:pt idx="1140">
                  <c:v>3699.4690879999998</c:v>
                </c:pt>
                <c:pt idx="1141">
                  <c:v>3701.3979039999999</c:v>
                </c:pt>
                <c:pt idx="1142">
                  <c:v>3703.32672</c:v>
                </c:pt>
                <c:pt idx="1143">
                  <c:v>3705.2555360000001</c:v>
                </c:pt>
                <c:pt idx="1144">
                  <c:v>3707.1843520000002</c:v>
                </c:pt>
                <c:pt idx="1145">
                  <c:v>3709.1131679999999</c:v>
                </c:pt>
                <c:pt idx="1146">
                  <c:v>3711.041984</c:v>
                </c:pt>
                <c:pt idx="1147">
                  <c:v>3712.9708000000001</c:v>
                </c:pt>
                <c:pt idx="1148">
                  <c:v>3714.8996160000002</c:v>
                </c:pt>
                <c:pt idx="1149">
                  <c:v>3716.8284319999998</c:v>
                </c:pt>
                <c:pt idx="1150">
                  <c:v>3718.7572479999999</c:v>
                </c:pt>
                <c:pt idx="1151">
                  <c:v>3720.686064</c:v>
                </c:pt>
                <c:pt idx="1152">
                  <c:v>3722.6148800000001</c:v>
                </c:pt>
                <c:pt idx="1153">
                  <c:v>3724.5436960000002</c:v>
                </c:pt>
                <c:pt idx="1154">
                  <c:v>3726.4725119999998</c:v>
                </c:pt>
                <c:pt idx="1155">
                  <c:v>3728.4013279999999</c:v>
                </c:pt>
                <c:pt idx="1156">
                  <c:v>3730.330144</c:v>
                </c:pt>
                <c:pt idx="1157">
                  <c:v>3732.2589600000001</c:v>
                </c:pt>
                <c:pt idx="1158">
                  <c:v>3734.1877760000002</c:v>
                </c:pt>
                <c:pt idx="1159">
                  <c:v>3736.1165919999999</c:v>
                </c:pt>
                <c:pt idx="1160">
                  <c:v>3738.045408</c:v>
                </c:pt>
                <c:pt idx="1161">
                  <c:v>3739.974224</c:v>
                </c:pt>
                <c:pt idx="1162">
                  <c:v>3741.9030400000001</c:v>
                </c:pt>
                <c:pt idx="1163">
                  <c:v>3743.8318559999998</c:v>
                </c:pt>
                <c:pt idx="1164">
                  <c:v>3745.7606719999999</c:v>
                </c:pt>
                <c:pt idx="1165">
                  <c:v>3747.689488</c:v>
                </c:pt>
                <c:pt idx="1166">
                  <c:v>3749.6183040000001</c:v>
                </c:pt>
                <c:pt idx="1167">
                  <c:v>3751.5471200000002</c:v>
                </c:pt>
                <c:pt idx="1168">
                  <c:v>3753.4759359999998</c:v>
                </c:pt>
                <c:pt idx="1169">
                  <c:v>3755.4047519999999</c:v>
                </c:pt>
                <c:pt idx="1170">
                  <c:v>3757.333568</c:v>
                </c:pt>
                <c:pt idx="1171">
                  <c:v>3759.2623840000001</c:v>
                </c:pt>
                <c:pt idx="1172">
                  <c:v>3761.1912000000002</c:v>
                </c:pt>
                <c:pt idx="1173">
                  <c:v>3763.1200159999999</c:v>
                </c:pt>
                <c:pt idx="1174">
                  <c:v>3765.0488319999999</c:v>
                </c:pt>
                <c:pt idx="1175">
                  <c:v>3766.977648</c:v>
                </c:pt>
                <c:pt idx="1176">
                  <c:v>3768.9064640000001</c:v>
                </c:pt>
                <c:pt idx="1177">
                  <c:v>3770.8352799999998</c:v>
                </c:pt>
                <c:pt idx="1178">
                  <c:v>3772.7640959999999</c:v>
                </c:pt>
                <c:pt idx="1179">
                  <c:v>3774.692912</c:v>
                </c:pt>
                <c:pt idx="1180">
                  <c:v>3776.6217280000001</c:v>
                </c:pt>
                <c:pt idx="1181">
                  <c:v>3778.5505440000002</c:v>
                </c:pt>
                <c:pt idx="1182">
                  <c:v>3780.4793599999998</c:v>
                </c:pt>
                <c:pt idx="1183">
                  <c:v>3782.4081759999999</c:v>
                </c:pt>
                <c:pt idx="1184">
                  <c:v>3784.336992</c:v>
                </c:pt>
                <c:pt idx="1185">
                  <c:v>3786.2658080000001</c:v>
                </c:pt>
                <c:pt idx="1186">
                  <c:v>3788.1946240000002</c:v>
                </c:pt>
                <c:pt idx="1187">
                  <c:v>3790.1234399999998</c:v>
                </c:pt>
                <c:pt idx="1188">
                  <c:v>3792.0522559999999</c:v>
                </c:pt>
                <c:pt idx="1189">
                  <c:v>3793.981072</c:v>
                </c:pt>
                <c:pt idx="1190">
                  <c:v>3795.9098880000001</c:v>
                </c:pt>
                <c:pt idx="1191">
                  <c:v>3797.8387039999998</c:v>
                </c:pt>
                <c:pt idx="1192">
                  <c:v>3799.7675199999999</c:v>
                </c:pt>
              </c:numCache>
            </c:numRef>
          </c:xVal>
          <c:yVal>
            <c:numRef>
              <c:f>'Fig 2 b'!$C$10:$C$1202</c:f>
              <c:numCache>
                <c:formatCode>General</c:formatCode>
                <c:ptCount val="1193"/>
                <c:pt idx="0">
                  <c:v>131.09889800000002</c:v>
                </c:pt>
                <c:pt idx="1">
                  <c:v>131.03384399999999</c:v>
                </c:pt>
                <c:pt idx="2">
                  <c:v>130.867132</c:v>
                </c:pt>
                <c:pt idx="3">
                  <c:v>130.720405</c:v>
                </c:pt>
                <c:pt idx="4">
                  <c:v>130.90197599999999</c:v>
                </c:pt>
                <c:pt idx="5">
                  <c:v>130.94891799999999</c:v>
                </c:pt>
                <c:pt idx="6">
                  <c:v>130.99740199999999</c:v>
                </c:pt>
                <c:pt idx="7">
                  <c:v>130.941822</c:v>
                </c:pt>
                <c:pt idx="8">
                  <c:v>130.84748500000001</c:v>
                </c:pt>
                <c:pt idx="9">
                  <c:v>130.92491000000001</c:v>
                </c:pt>
                <c:pt idx="10">
                  <c:v>130.76510400000001</c:v>
                </c:pt>
                <c:pt idx="11">
                  <c:v>130.78786300000002</c:v>
                </c:pt>
                <c:pt idx="12">
                  <c:v>130.97924</c:v>
                </c:pt>
                <c:pt idx="13">
                  <c:v>130.873211</c:v>
                </c:pt>
                <c:pt idx="14">
                  <c:v>130.86097799999999</c:v>
                </c:pt>
                <c:pt idx="15">
                  <c:v>130.886934</c:v>
                </c:pt>
                <c:pt idx="16">
                  <c:v>130.761763</c:v>
                </c:pt>
                <c:pt idx="17">
                  <c:v>130.70202999999998</c:v>
                </c:pt>
                <c:pt idx="18">
                  <c:v>130.84364499999998</c:v>
                </c:pt>
                <c:pt idx="19">
                  <c:v>130.70576499999999</c:v>
                </c:pt>
                <c:pt idx="20">
                  <c:v>130.56638700000002</c:v>
                </c:pt>
                <c:pt idx="21">
                  <c:v>130.754932</c:v>
                </c:pt>
                <c:pt idx="22">
                  <c:v>130.68088499999999</c:v>
                </c:pt>
                <c:pt idx="23">
                  <c:v>130.68321400000002</c:v>
                </c:pt>
                <c:pt idx="24">
                  <c:v>130.736863</c:v>
                </c:pt>
                <c:pt idx="25">
                  <c:v>130.64839799999999</c:v>
                </c:pt>
                <c:pt idx="26">
                  <c:v>130.66985099999999</c:v>
                </c:pt>
                <c:pt idx="27">
                  <c:v>130.64904899999999</c:v>
                </c:pt>
                <c:pt idx="28">
                  <c:v>130.62263100000001</c:v>
                </c:pt>
                <c:pt idx="29">
                  <c:v>130.569017</c:v>
                </c:pt>
                <c:pt idx="30">
                  <c:v>130.44826999999998</c:v>
                </c:pt>
                <c:pt idx="31">
                  <c:v>130.77769499999999</c:v>
                </c:pt>
                <c:pt idx="32">
                  <c:v>130.60908599999999</c:v>
                </c:pt>
                <c:pt idx="33">
                  <c:v>130.496015</c:v>
                </c:pt>
                <c:pt idx="34">
                  <c:v>130.56535700000001</c:v>
                </c:pt>
                <c:pt idx="35">
                  <c:v>130.512641</c:v>
                </c:pt>
                <c:pt idx="36">
                  <c:v>130.53451000000001</c:v>
                </c:pt>
                <c:pt idx="37">
                  <c:v>130.57489099999998</c:v>
                </c:pt>
                <c:pt idx="38">
                  <c:v>130.38172400000002</c:v>
                </c:pt>
                <c:pt idx="39">
                  <c:v>130.30630200000002</c:v>
                </c:pt>
                <c:pt idx="40">
                  <c:v>130.50094200000001</c:v>
                </c:pt>
                <c:pt idx="41">
                  <c:v>130.42492900000002</c:v>
                </c:pt>
                <c:pt idx="42">
                  <c:v>130.38325900000001</c:v>
                </c:pt>
                <c:pt idx="43">
                  <c:v>130.393303</c:v>
                </c:pt>
                <c:pt idx="44">
                  <c:v>130.368088</c:v>
                </c:pt>
                <c:pt idx="45">
                  <c:v>130.36832200000001</c:v>
                </c:pt>
                <c:pt idx="46">
                  <c:v>130.317993</c:v>
                </c:pt>
                <c:pt idx="47">
                  <c:v>130.276791</c:v>
                </c:pt>
                <c:pt idx="48">
                  <c:v>130.25909999999999</c:v>
                </c:pt>
                <c:pt idx="49">
                  <c:v>130.251655</c:v>
                </c:pt>
                <c:pt idx="50">
                  <c:v>130.207618</c:v>
                </c:pt>
                <c:pt idx="51">
                  <c:v>130.15571</c:v>
                </c:pt>
                <c:pt idx="52">
                  <c:v>130.09242999999998</c:v>
                </c:pt>
                <c:pt idx="53">
                  <c:v>130.04209600000002</c:v>
                </c:pt>
                <c:pt idx="54">
                  <c:v>130.01243199999999</c:v>
                </c:pt>
                <c:pt idx="55">
                  <c:v>129.948161</c:v>
                </c:pt>
                <c:pt idx="56">
                  <c:v>129.87209799999999</c:v>
                </c:pt>
                <c:pt idx="57">
                  <c:v>129.81565499999999</c:v>
                </c:pt>
                <c:pt idx="58">
                  <c:v>129.79627299999999</c:v>
                </c:pt>
                <c:pt idx="59">
                  <c:v>129.69110999999998</c:v>
                </c:pt>
                <c:pt idx="60">
                  <c:v>129.562039</c:v>
                </c:pt>
                <c:pt idx="61">
                  <c:v>129.62418600000001</c:v>
                </c:pt>
                <c:pt idx="62">
                  <c:v>129.56790899999999</c:v>
                </c:pt>
                <c:pt idx="63">
                  <c:v>129.45664199999999</c:v>
                </c:pt>
                <c:pt idx="64">
                  <c:v>129.47286200000002</c:v>
                </c:pt>
                <c:pt idx="65">
                  <c:v>129.44452200000001</c:v>
                </c:pt>
                <c:pt idx="66">
                  <c:v>129.38270199999999</c:v>
                </c:pt>
                <c:pt idx="67">
                  <c:v>129.43398000000002</c:v>
                </c:pt>
                <c:pt idx="68">
                  <c:v>129.405216</c:v>
                </c:pt>
                <c:pt idx="69">
                  <c:v>129.278019</c:v>
                </c:pt>
                <c:pt idx="70">
                  <c:v>129.25254999999999</c:v>
                </c:pt>
                <c:pt idx="71">
                  <c:v>129.45613500000002</c:v>
                </c:pt>
                <c:pt idx="72">
                  <c:v>129.41651999999999</c:v>
                </c:pt>
                <c:pt idx="73">
                  <c:v>129.41628300000002</c:v>
                </c:pt>
                <c:pt idx="74">
                  <c:v>129.39135299999998</c:v>
                </c:pt>
                <c:pt idx="75">
                  <c:v>129.262226</c:v>
                </c:pt>
                <c:pt idx="76">
                  <c:v>129.330276</c:v>
                </c:pt>
                <c:pt idx="77">
                  <c:v>129.4486</c:v>
                </c:pt>
                <c:pt idx="78">
                  <c:v>129.24714299999999</c:v>
                </c:pt>
                <c:pt idx="79">
                  <c:v>129.08748900000001</c:v>
                </c:pt>
                <c:pt idx="80">
                  <c:v>129.43679700000001</c:v>
                </c:pt>
                <c:pt idx="81">
                  <c:v>129.416855</c:v>
                </c:pt>
                <c:pt idx="82">
                  <c:v>129.348702</c:v>
                </c:pt>
                <c:pt idx="83">
                  <c:v>129.30510099999998</c:v>
                </c:pt>
                <c:pt idx="84">
                  <c:v>129.29261400000001</c:v>
                </c:pt>
                <c:pt idx="85">
                  <c:v>129.420704</c:v>
                </c:pt>
                <c:pt idx="86">
                  <c:v>129.342668</c:v>
                </c:pt>
                <c:pt idx="87">
                  <c:v>129.19313199999999</c:v>
                </c:pt>
                <c:pt idx="88">
                  <c:v>129.20534700000002</c:v>
                </c:pt>
                <c:pt idx="89">
                  <c:v>129.299792</c:v>
                </c:pt>
                <c:pt idx="90">
                  <c:v>129.23231800000002</c:v>
                </c:pt>
                <c:pt idx="91">
                  <c:v>129.257631</c:v>
                </c:pt>
                <c:pt idx="92">
                  <c:v>129.24248</c:v>
                </c:pt>
                <c:pt idx="93">
                  <c:v>129.189684</c:v>
                </c:pt>
                <c:pt idx="94">
                  <c:v>129.06586299999998</c:v>
                </c:pt>
                <c:pt idx="95">
                  <c:v>128.85581300000001</c:v>
                </c:pt>
                <c:pt idx="96">
                  <c:v>129.10773</c:v>
                </c:pt>
                <c:pt idx="97">
                  <c:v>129.10969299999999</c:v>
                </c:pt>
                <c:pt idx="98">
                  <c:v>129.05466100000001</c:v>
                </c:pt>
                <c:pt idx="99">
                  <c:v>129.08746600000001</c:v>
                </c:pt>
                <c:pt idx="100">
                  <c:v>129.034493</c:v>
                </c:pt>
                <c:pt idx="101">
                  <c:v>128.907713</c:v>
                </c:pt>
                <c:pt idx="102">
                  <c:v>128.88069300000001</c:v>
                </c:pt>
                <c:pt idx="103">
                  <c:v>128.68403499999999</c:v>
                </c:pt>
                <c:pt idx="104">
                  <c:v>128.85736700000001</c:v>
                </c:pt>
                <c:pt idx="105">
                  <c:v>128.96966</c:v>
                </c:pt>
                <c:pt idx="106">
                  <c:v>128.87782900000002</c:v>
                </c:pt>
                <c:pt idx="107">
                  <c:v>128.89801900000001</c:v>
                </c:pt>
                <c:pt idx="108">
                  <c:v>128.88341500000001</c:v>
                </c:pt>
                <c:pt idx="109">
                  <c:v>128.866908</c:v>
                </c:pt>
                <c:pt idx="110">
                  <c:v>128.778291</c:v>
                </c:pt>
                <c:pt idx="111">
                  <c:v>128.63789700000001</c:v>
                </c:pt>
                <c:pt idx="112">
                  <c:v>128.48791199999999</c:v>
                </c:pt>
                <c:pt idx="113">
                  <c:v>128.555768</c:v>
                </c:pt>
                <c:pt idx="114">
                  <c:v>128.672552</c:v>
                </c:pt>
                <c:pt idx="115">
                  <c:v>128.64554800000002</c:v>
                </c:pt>
                <c:pt idx="116">
                  <c:v>128.625023</c:v>
                </c:pt>
                <c:pt idx="117">
                  <c:v>128.571304</c:v>
                </c:pt>
                <c:pt idx="118">
                  <c:v>128.53381100000001</c:v>
                </c:pt>
                <c:pt idx="119">
                  <c:v>128.527953</c:v>
                </c:pt>
                <c:pt idx="120">
                  <c:v>128.380281</c:v>
                </c:pt>
                <c:pt idx="121">
                  <c:v>128.31781599999999</c:v>
                </c:pt>
                <c:pt idx="122">
                  <c:v>128.51398899999998</c:v>
                </c:pt>
                <c:pt idx="123">
                  <c:v>128.38165900000001</c:v>
                </c:pt>
                <c:pt idx="124">
                  <c:v>128.37745999999999</c:v>
                </c:pt>
                <c:pt idx="125">
                  <c:v>128.41179599999998</c:v>
                </c:pt>
                <c:pt idx="126">
                  <c:v>128.33996200000001</c:v>
                </c:pt>
                <c:pt idx="127">
                  <c:v>128.354266</c:v>
                </c:pt>
                <c:pt idx="128">
                  <c:v>128.27983</c:v>
                </c:pt>
                <c:pt idx="129">
                  <c:v>128.28240399999999</c:v>
                </c:pt>
                <c:pt idx="130">
                  <c:v>128.30866600000002</c:v>
                </c:pt>
                <c:pt idx="131">
                  <c:v>128.38144800000001</c:v>
                </c:pt>
                <c:pt idx="132">
                  <c:v>128.317519</c:v>
                </c:pt>
                <c:pt idx="133">
                  <c:v>128.335351</c:v>
                </c:pt>
                <c:pt idx="134">
                  <c:v>128.33555699999999</c:v>
                </c:pt>
                <c:pt idx="135">
                  <c:v>128.24031600000001</c:v>
                </c:pt>
                <c:pt idx="136">
                  <c:v>128.29388299999999</c:v>
                </c:pt>
                <c:pt idx="137">
                  <c:v>128.33194600000002</c:v>
                </c:pt>
                <c:pt idx="138">
                  <c:v>128.283052</c:v>
                </c:pt>
                <c:pt idx="139">
                  <c:v>128.31643600000001</c:v>
                </c:pt>
                <c:pt idx="140">
                  <c:v>128.294859</c:v>
                </c:pt>
                <c:pt idx="141">
                  <c:v>128.326607</c:v>
                </c:pt>
                <c:pt idx="142">
                  <c:v>128.39616699999999</c:v>
                </c:pt>
                <c:pt idx="143">
                  <c:v>128.406159</c:v>
                </c:pt>
                <c:pt idx="144">
                  <c:v>128.31512499999999</c:v>
                </c:pt>
                <c:pt idx="145">
                  <c:v>128.24572899999998</c:v>
                </c:pt>
                <c:pt idx="146">
                  <c:v>128.275104</c:v>
                </c:pt>
                <c:pt idx="147">
                  <c:v>128.26908299999999</c:v>
                </c:pt>
                <c:pt idx="148">
                  <c:v>128.28565500000002</c:v>
                </c:pt>
                <c:pt idx="149">
                  <c:v>128.27879300000001</c:v>
                </c:pt>
                <c:pt idx="150">
                  <c:v>128.17515500000002</c:v>
                </c:pt>
                <c:pt idx="151">
                  <c:v>128.11061699999999</c:v>
                </c:pt>
                <c:pt idx="152">
                  <c:v>128.13533200000001</c:v>
                </c:pt>
                <c:pt idx="153">
                  <c:v>128.15216599999999</c:v>
                </c:pt>
                <c:pt idx="154">
                  <c:v>128.16354000000001</c:v>
                </c:pt>
                <c:pt idx="155">
                  <c:v>128.059282</c:v>
                </c:pt>
                <c:pt idx="156">
                  <c:v>128.05398400000001</c:v>
                </c:pt>
                <c:pt idx="157">
                  <c:v>128.13963799999999</c:v>
                </c:pt>
                <c:pt idx="158">
                  <c:v>128.131663</c:v>
                </c:pt>
                <c:pt idx="159">
                  <c:v>128.07833299999999</c:v>
                </c:pt>
                <c:pt idx="160">
                  <c:v>128.02952199999999</c:v>
                </c:pt>
                <c:pt idx="161">
                  <c:v>127.980225</c:v>
                </c:pt>
                <c:pt idx="162">
                  <c:v>127.97333500000001</c:v>
                </c:pt>
                <c:pt idx="163">
                  <c:v>127.996</c:v>
                </c:pt>
                <c:pt idx="164">
                  <c:v>127.939262</c:v>
                </c:pt>
                <c:pt idx="165">
                  <c:v>127.822801</c:v>
                </c:pt>
                <c:pt idx="166">
                  <c:v>127.73858199999999</c:v>
                </c:pt>
                <c:pt idx="167">
                  <c:v>127.702787</c:v>
                </c:pt>
                <c:pt idx="168">
                  <c:v>127.710324</c:v>
                </c:pt>
                <c:pt idx="169">
                  <c:v>127.794753</c:v>
                </c:pt>
                <c:pt idx="170">
                  <c:v>127.68557699999999</c:v>
                </c:pt>
                <c:pt idx="171">
                  <c:v>127.682878</c:v>
                </c:pt>
                <c:pt idx="172">
                  <c:v>127.706873</c:v>
                </c:pt>
                <c:pt idx="173">
                  <c:v>127.672318</c:v>
                </c:pt>
                <c:pt idx="174">
                  <c:v>127.628106</c:v>
                </c:pt>
                <c:pt idx="175">
                  <c:v>127.59261600000001</c:v>
                </c:pt>
                <c:pt idx="176">
                  <c:v>127.602756</c:v>
                </c:pt>
                <c:pt idx="177">
                  <c:v>127.55989099999999</c:v>
                </c:pt>
                <c:pt idx="178">
                  <c:v>127.426987</c:v>
                </c:pt>
                <c:pt idx="179">
                  <c:v>127.381291</c:v>
                </c:pt>
                <c:pt idx="180">
                  <c:v>127.415065</c:v>
                </c:pt>
                <c:pt idx="181">
                  <c:v>127.476829</c:v>
                </c:pt>
                <c:pt idx="182">
                  <c:v>127.4452</c:v>
                </c:pt>
                <c:pt idx="183">
                  <c:v>127.434603</c:v>
                </c:pt>
                <c:pt idx="184">
                  <c:v>127.47395299999999</c:v>
                </c:pt>
                <c:pt idx="185">
                  <c:v>127.474294</c:v>
                </c:pt>
                <c:pt idx="186">
                  <c:v>127.37889300000001</c:v>
                </c:pt>
                <c:pt idx="187">
                  <c:v>127.289411</c:v>
                </c:pt>
                <c:pt idx="188">
                  <c:v>127.31209699999999</c:v>
                </c:pt>
                <c:pt idx="189">
                  <c:v>127.37061199999999</c:v>
                </c:pt>
                <c:pt idx="190">
                  <c:v>127.271219</c:v>
                </c:pt>
                <c:pt idx="191">
                  <c:v>127.16355299999999</c:v>
                </c:pt>
                <c:pt idx="192">
                  <c:v>127.16502199999999</c:v>
                </c:pt>
                <c:pt idx="193">
                  <c:v>127.274978</c:v>
                </c:pt>
                <c:pt idx="194">
                  <c:v>127.37544800000001</c:v>
                </c:pt>
                <c:pt idx="195">
                  <c:v>127.369266</c:v>
                </c:pt>
                <c:pt idx="196">
                  <c:v>127.248071</c:v>
                </c:pt>
                <c:pt idx="197">
                  <c:v>127.138716</c:v>
                </c:pt>
                <c:pt idx="198">
                  <c:v>127.077325</c:v>
                </c:pt>
                <c:pt idx="199">
                  <c:v>127.140951</c:v>
                </c:pt>
                <c:pt idx="200">
                  <c:v>127.182463</c:v>
                </c:pt>
                <c:pt idx="201">
                  <c:v>127.09612199999999</c:v>
                </c:pt>
                <c:pt idx="202">
                  <c:v>126.979378</c:v>
                </c:pt>
                <c:pt idx="203">
                  <c:v>127.073452</c:v>
                </c:pt>
                <c:pt idx="204">
                  <c:v>127.06881199999999</c:v>
                </c:pt>
                <c:pt idx="205">
                  <c:v>127.125398</c:v>
                </c:pt>
                <c:pt idx="206">
                  <c:v>127.180475</c:v>
                </c:pt>
                <c:pt idx="207">
                  <c:v>127.21807800000001</c:v>
                </c:pt>
                <c:pt idx="208">
                  <c:v>127.218743</c:v>
                </c:pt>
                <c:pt idx="209">
                  <c:v>127.19284399999999</c:v>
                </c:pt>
                <c:pt idx="210">
                  <c:v>127.10711000000001</c:v>
                </c:pt>
                <c:pt idx="211">
                  <c:v>127.069199</c:v>
                </c:pt>
                <c:pt idx="212">
                  <c:v>127.03468700000001</c:v>
                </c:pt>
                <c:pt idx="213">
                  <c:v>127.109797</c:v>
                </c:pt>
                <c:pt idx="214">
                  <c:v>126.87408000000001</c:v>
                </c:pt>
                <c:pt idx="215">
                  <c:v>126.70402</c:v>
                </c:pt>
                <c:pt idx="216">
                  <c:v>126.734171</c:v>
                </c:pt>
                <c:pt idx="217">
                  <c:v>126.77879799999999</c:v>
                </c:pt>
                <c:pt idx="218">
                  <c:v>126.94445</c:v>
                </c:pt>
                <c:pt idx="219">
                  <c:v>127.060458</c:v>
                </c:pt>
                <c:pt idx="220">
                  <c:v>126.893125</c:v>
                </c:pt>
                <c:pt idx="221">
                  <c:v>126.83487700000001</c:v>
                </c:pt>
                <c:pt idx="222">
                  <c:v>126.899073</c:v>
                </c:pt>
                <c:pt idx="223">
                  <c:v>126.87262800000001</c:v>
                </c:pt>
                <c:pt idx="224">
                  <c:v>126.93123900000001</c:v>
                </c:pt>
                <c:pt idx="225">
                  <c:v>127.07768900000001</c:v>
                </c:pt>
                <c:pt idx="226">
                  <c:v>127.00187099999999</c:v>
                </c:pt>
                <c:pt idx="227">
                  <c:v>126.618166</c:v>
                </c:pt>
                <c:pt idx="228">
                  <c:v>126.346017</c:v>
                </c:pt>
                <c:pt idx="229">
                  <c:v>126.287356</c:v>
                </c:pt>
                <c:pt idx="230">
                  <c:v>126.30469600000001</c:v>
                </c:pt>
                <c:pt idx="231">
                  <c:v>126.50278400000001</c:v>
                </c:pt>
                <c:pt idx="232">
                  <c:v>126.56366800000001</c:v>
                </c:pt>
                <c:pt idx="233">
                  <c:v>126.474909</c:v>
                </c:pt>
                <c:pt idx="234">
                  <c:v>126.633914</c:v>
                </c:pt>
                <c:pt idx="235">
                  <c:v>126.762164</c:v>
                </c:pt>
                <c:pt idx="236">
                  <c:v>126.841019</c:v>
                </c:pt>
                <c:pt idx="237">
                  <c:v>126.355037</c:v>
                </c:pt>
                <c:pt idx="238">
                  <c:v>125.988337</c:v>
                </c:pt>
                <c:pt idx="239">
                  <c:v>126.169853</c:v>
                </c:pt>
                <c:pt idx="240">
                  <c:v>126.23642700000001</c:v>
                </c:pt>
                <c:pt idx="241">
                  <c:v>125.75720200000001</c:v>
                </c:pt>
                <c:pt idx="242">
                  <c:v>125.362542</c:v>
                </c:pt>
                <c:pt idx="243">
                  <c:v>126.016025</c:v>
                </c:pt>
                <c:pt idx="244">
                  <c:v>126.26038699999999</c:v>
                </c:pt>
                <c:pt idx="245">
                  <c:v>125.997657</c:v>
                </c:pt>
                <c:pt idx="246">
                  <c:v>125.692391</c:v>
                </c:pt>
                <c:pt idx="247">
                  <c:v>125.38903500000001</c:v>
                </c:pt>
                <c:pt idx="248">
                  <c:v>125.17974700000001</c:v>
                </c:pt>
                <c:pt idx="249">
                  <c:v>125.548233</c:v>
                </c:pt>
                <c:pt idx="250">
                  <c:v>125.80273699999999</c:v>
                </c:pt>
                <c:pt idx="251">
                  <c:v>125.860236</c:v>
                </c:pt>
                <c:pt idx="252">
                  <c:v>126.11899099999999</c:v>
                </c:pt>
                <c:pt idx="253">
                  <c:v>126.150503</c:v>
                </c:pt>
                <c:pt idx="254">
                  <c:v>125.96344499999999</c:v>
                </c:pt>
                <c:pt idx="255">
                  <c:v>125.89826100000001</c:v>
                </c:pt>
                <c:pt idx="256">
                  <c:v>126.16306299999999</c:v>
                </c:pt>
                <c:pt idx="257">
                  <c:v>126.141113</c:v>
                </c:pt>
                <c:pt idx="258">
                  <c:v>126.225092</c:v>
                </c:pt>
                <c:pt idx="259">
                  <c:v>126.73846399999999</c:v>
                </c:pt>
                <c:pt idx="260">
                  <c:v>126.717288</c:v>
                </c:pt>
                <c:pt idx="261">
                  <c:v>126.79282600000001</c:v>
                </c:pt>
                <c:pt idx="262">
                  <c:v>126.52782999999999</c:v>
                </c:pt>
                <c:pt idx="263">
                  <c:v>126.10075000000001</c:v>
                </c:pt>
                <c:pt idx="264">
                  <c:v>125.99279799999999</c:v>
                </c:pt>
                <c:pt idx="265">
                  <c:v>126.422579</c:v>
                </c:pt>
                <c:pt idx="266">
                  <c:v>126.228442</c:v>
                </c:pt>
                <c:pt idx="267">
                  <c:v>126.339715</c:v>
                </c:pt>
                <c:pt idx="268">
                  <c:v>126.80698099999999</c:v>
                </c:pt>
                <c:pt idx="269">
                  <c:v>126.934276</c:v>
                </c:pt>
                <c:pt idx="270">
                  <c:v>126.82266799999999</c:v>
                </c:pt>
                <c:pt idx="271">
                  <c:v>127.25584499999999</c:v>
                </c:pt>
                <c:pt idx="272">
                  <c:v>127.064335</c:v>
                </c:pt>
                <c:pt idx="273">
                  <c:v>126.613685</c:v>
                </c:pt>
                <c:pt idx="274">
                  <c:v>126.690444</c:v>
                </c:pt>
                <c:pt idx="275">
                  <c:v>127.01326400000001</c:v>
                </c:pt>
                <c:pt idx="276">
                  <c:v>127.530276</c:v>
                </c:pt>
                <c:pt idx="277">
                  <c:v>127.81437200000001</c:v>
                </c:pt>
                <c:pt idx="278">
                  <c:v>127.73581799999999</c:v>
                </c:pt>
                <c:pt idx="279">
                  <c:v>127.44633</c:v>
                </c:pt>
                <c:pt idx="280">
                  <c:v>127.67518200000001</c:v>
                </c:pt>
                <c:pt idx="281">
                  <c:v>127.754609</c:v>
                </c:pt>
                <c:pt idx="282">
                  <c:v>127.548457</c:v>
                </c:pt>
                <c:pt idx="283">
                  <c:v>127.66798</c:v>
                </c:pt>
                <c:pt idx="284">
                  <c:v>127.775913</c:v>
                </c:pt>
                <c:pt idx="285">
                  <c:v>127.731616</c:v>
                </c:pt>
                <c:pt idx="286">
                  <c:v>127.546587</c:v>
                </c:pt>
                <c:pt idx="287">
                  <c:v>127.436736</c:v>
                </c:pt>
                <c:pt idx="288">
                  <c:v>127.44051</c:v>
                </c:pt>
                <c:pt idx="289">
                  <c:v>127.76802000000001</c:v>
                </c:pt>
                <c:pt idx="290">
                  <c:v>127.714371</c:v>
                </c:pt>
                <c:pt idx="291">
                  <c:v>127.528229</c:v>
                </c:pt>
                <c:pt idx="292">
                  <c:v>127.52745</c:v>
                </c:pt>
                <c:pt idx="293">
                  <c:v>127.66279900000001</c:v>
                </c:pt>
                <c:pt idx="294">
                  <c:v>127.604669</c:v>
                </c:pt>
                <c:pt idx="295">
                  <c:v>127.52878699999999</c:v>
                </c:pt>
                <c:pt idx="296">
                  <c:v>127.527922</c:v>
                </c:pt>
                <c:pt idx="297">
                  <c:v>127.439505</c:v>
                </c:pt>
                <c:pt idx="298">
                  <c:v>127.45486099999999</c:v>
                </c:pt>
                <c:pt idx="299">
                  <c:v>127.486589</c:v>
                </c:pt>
                <c:pt idx="300">
                  <c:v>127.344257</c:v>
                </c:pt>
                <c:pt idx="301">
                  <c:v>127.20137099999999</c:v>
                </c:pt>
                <c:pt idx="302">
                  <c:v>127.420739</c:v>
                </c:pt>
                <c:pt idx="303">
                  <c:v>127.647254</c:v>
                </c:pt>
                <c:pt idx="304">
                  <c:v>127.665576</c:v>
                </c:pt>
                <c:pt idx="305">
                  <c:v>127.670559</c:v>
                </c:pt>
                <c:pt idx="306">
                  <c:v>127.55452200000001</c:v>
                </c:pt>
                <c:pt idx="307">
                  <c:v>127.45177</c:v>
                </c:pt>
                <c:pt idx="308">
                  <c:v>127.36676300000001</c:v>
                </c:pt>
                <c:pt idx="309">
                  <c:v>127.23025699999999</c:v>
                </c:pt>
                <c:pt idx="310">
                  <c:v>127.37308</c:v>
                </c:pt>
                <c:pt idx="311">
                  <c:v>127.47430799999999</c:v>
                </c:pt>
                <c:pt idx="312">
                  <c:v>127.364318</c:v>
                </c:pt>
                <c:pt idx="313">
                  <c:v>127.234522</c:v>
                </c:pt>
                <c:pt idx="314">
                  <c:v>127.326562</c:v>
                </c:pt>
                <c:pt idx="315">
                  <c:v>127.343058</c:v>
                </c:pt>
                <c:pt idx="316">
                  <c:v>127.14209099999999</c:v>
                </c:pt>
                <c:pt idx="317">
                  <c:v>127.097837</c:v>
                </c:pt>
                <c:pt idx="318">
                  <c:v>127.18004500000001</c:v>
                </c:pt>
                <c:pt idx="319">
                  <c:v>127.19726799999999</c:v>
                </c:pt>
                <c:pt idx="320">
                  <c:v>127.15459199999999</c:v>
                </c:pt>
                <c:pt idx="321">
                  <c:v>127.170798</c:v>
                </c:pt>
                <c:pt idx="322">
                  <c:v>127.123744</c:v>
                </c:pt>
                <c:pt idx="323">
                  <c:v>127.26128300000001</c:v>
                </c:pt>
                <c:pt idx="324">
                  <c:v>127.14067</c:v>
                </c:pt>
                <c:pt idx="325">
                  <c:v>127.07522400000001</c:v>
                </c:pt>
                <c:pt idx="326">
                  <c:v>127.33643000000001</c:v>
                </c:pt>
                <c:pt idx="327">
                  <c:v>127.47954300000001</c:v>
                </c:pt>
                <c:pt idx="328">
                  <c:v>127.45343699999999</c:v>
                </c:pt>
                <c:pt idx="329">
                  <c:v>127.506748</c:v>
                </c:pt>
                <c:pt idx="330">
                  <c:v>127.49476300000001</c:v>
                </c:pt>
                <c:pt idx="331">
                  <c:v>127.539562</c:v>
                </c:pt>
                <c:pt idx="332">
                  <c:v>127.725438</c:v>
                </c:pt>
                <c:pt idx="333">
                  <c:v>127.87216100000001</c:v>
                </c:pt>
                <c:pt idx="334">
                  <c:v>127.724023</c:v>
                </c:pt>
                <c:pt idx="335">
                  <c:v>127.465298</c:v>
                </c:pt>
                <c:pt idx="336">
                  <c:v>127.207464</c:v>
                </c:pt>
                <c:pt idx="337">
                  <c:v>127.361373</c:v>
                </c:pt>
                <c:pt idx="338">
                  <c:v>127.66618</c:v>
                </c:pt>
                <c:pt idx="339">
                  <c:v>128.42540500000001</c:v>
                </c:pt>
                <c:pt idx="340">
                  <c:v>128.678077</c:v>
                </c:pt>
                <c:pt idx="341">
                  <c:v>128.22542199999998</c:v>
                </c:pt>
                <c:pt idx="342">
                  <c:v>127.30496599999999</c:v>
                </c:pt>
                <c:pt idx="343">
                  <c:v>127.443667</c:v>
                </c:pt>
                <c:pt idx="344">
                  <c:v>127.73457399999999</c:v>
                </c:pt>
                <c:pt idx="345">
                  <c:v>127.55271</c:v>
                </c:pt>
                <c:pt idx="346">
                  <c:v>127.039383</c:v>
                </c:pt>
                <c:pt idx="347">
                  <c:v>127.194197</c:v>
                </c:pt>
                <c:pt idx="348">
                  <c:v>127.15406</c:v>
                </c:pt>
                <c:pt idx="349">
                  <c:v>126.885713</c:v>
                </c:pt>
                <c:pt idx="350">
                  <c:v>127.301243</c:v>
                </c:pt>
                <c:pt idx="351">
                  <c:v>127.46865699999999</c:v>
                </c:pt>
                <c:pt idx="352">
                  <c:v>127.13154299999999</c:v>
                </c:pt>
                <c:pt idx="353">
                  <c:v>127.10211700000001</c:v>
                </c:pt>
                <c:pt idx="354">
                  <c:v>127.240742</c:v>
                </c:pt>
                <c:pt idx="355">
                  <c:v>127.028806</c:v>
                </c:pt>
                <c:pt idx="356">
                  <c:v>126.545995</c:v>
                </c:pt>
                <c:pt idx="357">
                  <c:v>126.69757</c:v>
                </c:pt>
                <c:pt idx="358">
                  <c:v>126.781187</c:v>
                </c:pt>
                <c:pt idx="359">
                  <c:v>126.634536</c:v>
                </c:pt>
                <c:pt idx="360">
                  <c:v>126.365531</c:v>
                </c:pt>
                <c:pt idx="361">
                  <c:v>126.381328</c:v>
                </c:pt>
                <c:pt idx="362">
                  <c:v>126.53018299999999</c:v>
                </c:pt>
                <c:pt idx="363">
                  <c:v>126.717669</c:v>
                </c:pt>
                <c:pt idx="364">
                  <c:v>126.53271100000001</c:v>
                </c:pt>
                <c:pt idx="365">
                  <c:v>126.336772</c:v>
                </c:pt>
                <c:pt idx="366">
                  <c:v>126.145949</c:v>
                </c:pt>
                <c:pt idx="367">
                  <c:v>126.143275</c:v>
                </c:pt>
                <c:pt idx="368">
                  <c:v>125.928721</c:v>
                </c:pt>
                <c:pt idx="369">
                  <c:v>125.81005</c:v>
                </c:pt>
                <c:pt idx="370">
                  <c:v>126.0371</c:v>
                </c:pt>
                <c:pt idx="371">
                  <c:v>126.114255</c:v>
                </c:pt>
                <c:pt idx="372">
                  <c:v>126.191551</c:v>
                </c:pt>
                <c:pt idx="373">
                  <c:v>126.11553499999999</c:v>
                </c:pt>
                <c:pt idx="374">
                  <c:v>125.842837</c:v>
                </c:pt>
                <c:pt idx="375">
                  <c:v>125.717522</c:v>
                </c:pt>
                <c:pt idx="376">
                  <c:v>125.784094</c:v>
                </c:pt>
                <c:pt idx="377">
                  <c:v>125.875473</c:v>
                </c:pt>
                <c:pt idx="378">
                  <c:v>125.74512</c:v>
                </c:pt>
                <c:pt idx="379">
                  <c:v>125.785697</c:v>
                </c:pt>
                <c:pt idx="380">
                  <c:v>125.851814</c:v>
                </c:pt>
                <c:pt idx="381">
                  <c:v>125.872547</c:v>
                </c:pt>
                <c:pt idx="382">
                  <c:v>125.90431700000001</c:v>
                </c:pt>
                <c:pt idx="383">
                  <c:v>125.701477</c:v>
                </c:pt>
                <c:pt idx="384">
                  <c:v>125.466121</c:v>
                </c:pt>
                <c:pt idx="385">
                  <c:v>125.371835</c:v>
                </c:pt>
                <c:pt idx="386">
                  <c:v>125.417721</c:v>
                </c:pt>
                <c:pt idx="387">
                  <c:v>125.57083799999999</c:v>
                </c:pt>
                <c:pt idx="388">
                  <c:v>125.546119</c:v>
                </c:pt>
                <c:pt idx="389">
                  <c:v>125.579644</c:v>
                </c:pt>
                <c:pt idx="390">
                  <c:v>125.608149</c:v>
                </c:pt>
                <c:pt idx="391">
                  <c:v>125.600469</c:v>
                </c:pt>
                <c:pt idx="392">
                  <c:v>125.43047799999999</c:v>
                </c:pt>
                <c:pt idx="393">
                  <c:v>125.249841</c:v>
                </c:pt>
                <c:pt idx="394">
                  <c:v>125.242474</c:v>
                </c:pt>
                <c:pt idx="395">
                  <c:v>125.27817400000001</c:v>
                </c:pt>
                <c:pt idx="396">
                  <c:v>125.33939599999999</c:v>
                </c:pt>
                <c:pt idx="397">
                  <c:v>125.236368</c:v>
                </c:pt>
                <c:pt idx="398">
                  <c:v>125.183595</c:v>
                </c:pt>
                <c:pt idx="399">
                  <c:v>125.323033</c:v>
                </c:pt>
                <c:pt idx="400">
                  <c:v>125.44824</c:v>
                </c:pt>
                <c:pt idx="401">
                  <c:v>125.408312</c:v>
                </c:pt>
                <c:pt idx="402">
                  <c:v>125.35974899999999</c:v>
                </c:pt>
                <c:pt idx="403">
                  <c:v>125.385595</c:v>
                </c:pt>
                <c:pt idx="404">
                  <c:v>125.337217</c:v>
                </c:pt>
                <c:pt idx="405">
                  <c:v>125.31935300000001</c:v>
                </c:pt>
                <c:pt idx="406">
                  <c:v>125.35308999999999</c:v>
                </c:pt>
                <c:pt idx="407">
                  <c:v>125.329166</c:v>
                </c:pt>
                <c:pt idx="408">
                  <c:v>125.26081000000001</c:v>
                </c:pt>
                <c:pt idx="409">
                  <c:v>125.190468</c:v>
                </c:pt>
                <c:pt idx="410">
                  <c:v>125.08712800000001</c:v>
                </c:pt>
                <c:pt idx="411">
                  <c:v>125.14517499999999</c:v>
                </c:pt>
                <c:pt idx="412">
                  <c:v>125.228965</c:v>
                </c:pt>
                <c:pt idx="413">
                  <c:v>125.170525</c:v>
                </c:pt>
                <c:pt idx="414">
                  <c:v>125.161689</c:v>
                </c:pt>
                <c:pt idx="415">
                  <c:v>125.183216</c:v>
                </c:pt>
                <c:pt idx="416">
                  <c:v>125.161435</c:v>
                </c:pt>
                <c:pt idx="417">
                  <c:v>125.168108</c:v>
                </c:pt>
                <c:pt idx="418">
                  <c:v>125.183392</c:v>
                </c:pt>
                <c:pt idx="419">
                  <c:v>125.144797</c:v>
                </c:pt>
                <c:pt idx="420">
                  <c:v>125.13120499999999</c:v>
                </c:pt>
                <c:pt idx="421">
                  <c:v>125.134451</c:v>
                </c:pt>
                <c:pt idx="422">
                  <c:v>125.057259</c:v>
                </c:pt>
                <c:pt idx="423">
                  <c:v>124.936329</c:v>
                </c:pt>
                <c:pt idx="424">
                  <c:v>124.905548</c:v>
                </c:pt>
                <c:pt idx="425">
                  <c:v>125.079728</c:v>
                </c:pt>
                <c:pt idx="426">
                  <c:v>125.11644200000001</c:v>
                </c:pt>
                <c:pt idx="427">
                  <c:v>125.075221</c:v>
                </c:pt>
                <c:pt idx="428">
                  <c:v>125.159414</c:v>
                </c:pt>
                <c:pt idx="429">
                  <c:v>125.15091099999999</c:v>
                </c:pt>
                <c:pt idx="430">
                  <c:v>125.141227</c:v>
                </c:pt>
                <c:pt idx="431">
                  <c:v>125.11709</c:v>
                </c:pt>
                <c:pt idx="432">
                  <c:v>125.124438</c:v>
                </c:pt>
                <c:pt idx="433">
                  <c:v>125.10027599999999</c:v>
                </c:pt>
                <c:pt idx="434">
                  <c:v>124.947157</c:v>
                </c:pt>
                <c:pt idx="435">
                  <c:v>124.912218</c:v>
                </c:pt>
                <c:pt idx="436">
                  <c:v>124.88790899999999</c:v>
                </c:pt>
                <c:pt idx="437">
                  <c:v>124.903425</c:v>
                </c:pt>
                <c:pt idx="438">
                  <c:v>124.863377</c:v>
                </c:pt>
                <c:pt idx="439">
                  <c:v>124.958597</c:v>
                </c:pt>
                <c:pt idx="440">
                  <c:v>125.038365</c:v>
                </c:pt>
                <c:pt idx="441">
                  <c:v>124.994147</c:v>
                </c:pt>
                <c:pt idx="442">
                  <c:v>124.821438</c:v>
                </c:pt>
                <c:pt idx="443">
                  <c:v>124.67198500000001</c:v>
                </c:pt>
                <c:pt idx="444">
                  <c:v>124.805145</c:v>
                </c:pt>
                <c:pt idx="445">
                  <c:v>124.94166199999999</c:v>
                </c:pt>
                <c:pt idx="446">
                  <c:v>124.85201499999999</c:v>
                </c:pt>
                <c:pt idx="447">
                  <c:v>124.77744199999999</c:v>
                </c:pt>
                <c:pt idx="448">
                  <c:v>124.749331</c:v>
                </c:pt>
                <c:pt idx="449">
                  <c:v>124.757052</c:v>
                </c:pt>
                <c:pt idx="450">
                  <c:v>124.78867200000001</c:v>
                </c:pt>
                <c:pt idx="451">
                  <c:v>124.800251</c:v>
                </c:pt>
                <c:pt idx="452">
                  <c:v>124.860631</c:v>
                </c:pt>
                <c:pt idx="453">
                  <c:v>124.91737500000001</c:v>
                </c:pt>
                <c:pt idx="454">
                  <c:v>124.852526</c:v>
                </c:pt>
                <c:pt idx="455">
                  <c:v>124.831219</c:v>
                </c:pt>
                <c:pt idx="456">
                  <c:v>124.849756</c:v>
                </c:pt>
                <c:pt idx="457">
                  <c:v>124.836511</c:v>
                </c:pt>
                <c:pt idx="458">
                  <c:v>124.78989300000001</c:v>
                </c:pt>
                <c:pt idx="459">
                  <c:v>124.73595</c:v>
                </c:pt>
                <c:pt idx="460">
                  <c:v>124.644363</c:v>
                </c:pt>
                <c:pt idx="461">
                  <c:v>124.66001900000001</c:v>
                </c:pt>
                <c:pt idx="462">
                  <c:v>124.77438100000001</c:v>
                </c:pt>
                <c:pt idx="463">
                  <c:v>124.790082</c:v>
                </c:pt>
                <c:pt idx="464">
                  <c:v>124.703087</c:v>
                </c:pt>
                <c:pt idx="465">
                  <c:v>124.672511</c:v>
                </c:pt>
                <c:pt idx="466">
                  <c:v>124.650983</c:v>
                </c:pt>
                <c:pt idx="467">
                  <c:v>124.65253800000001</c:v>
                </c:pt>
                <c:pt idx="468">
                  <c:v>124.686421</c:v>
                </c:pt>
                <c:pt idx="469">
                  <c:v>124.629931</c:v>
                </c:pt>
                <c:pt idx="470">
                  <c:v>124.535669</c:v>
                </c:pt>
                <c:pt idx="471">
                  <c:v>124.54783399999999</c:v>
                </c:pt>
                <c:pt idx="472">
                  <c:v>124.613811</c:v>
                </c:pt>
                <c:pt idx="473">
                  <c:v>124.628186</c:v>
                </c:pt>
                <c:pt idx="474">
                  <c:v>124.615925</c:v>
                </c:pt>
                <c:pt idx="475">
                  <c:v>124.615201</c:v>
                </c:pt>
                <c:pt idx="476">
                  <c:v>124.621461</c:v>
                </c:pt>
                <c:pt idx="477">
                  <c:v>124.54530099999999</c:v>
                </c:pt>
                <c:pt idx="478">
                  <c:v>124.505602</c:v>
                </c:pt>
                <c:pt idx="479">
                  <c:v>124.46484100000001</c:v>
                </c:pt>
                <c:pt idx="480">
                  <c:v>124.429923</c:v>
                </c:pt>
                <c:pt idx="481">
                  <c:v>124.444338</c:v>
                </c:pt>
                <c:pt idx="482">
                  <c:v>124.529721</c:v>
                </c:pt>
                <c:pt idx="483">
                  <c:v>124.559444</c:v>
                </c:pt>
                <c:pt idx="484">
                  <c:v>124.45448399999999</c:v>
                </c:pt>
                <c:pt idx="485">
                  <c:v>124.399073</c:v>
                </c:pt>
                <c:pt idx="486">
                  <c:v>124.335246</c:v>
                </c:pt>
                <c:pt idx="487">
                  <c:v>124.293503</c:v>
                </c:pt>
                <c:pt idx="488">
                  <c:v>124.270245</c:v>
                </c:pt>
                <c:pt idx="489">
                  <c:v>124.325115</c:v>
                </c:pt>
                <c:pt idx="490">
                  <c:v>124.358408</c:v>
                </c:pt>
                <c:pt idx="491">
                  <c:v>124.349977</c:v>
                </c:pt>
                <c:pt idx="492">
                  <c:v>124.290429</c:v>
                </c:pt>
                <c:pt idx="493">
                  <c:v>124.278566</c:v>
                </c:pt>
                <c:pt idx="494">
                  <c:v>124.31614999999999</c:v>
                </c:pt>
                <c:pt idx="495">
                  <c:v>124.26549199999999</c:v>
                </c:pt>
                <c:pt idx="496">
                  <c:v>124.27826</c:v>
                </c:pt>
                <c:pt idx="497">
                  <c:v>124.352412</c:v>
                </c:pt>
                <c:pt idx="498">
                  <c:v>124.319495</c:v>
                </c:pt>
                <c:pt idx="499">
                  <c:v>124.204919</c:v>
                </c:pt>
                <c:pt idx="500">
                  <c:v>124.141733</c:v>
                </c:pt>
                <c:pt idx="501">
                  <c:v>124.17019000000001</c:v>
                </c:pt>
                <c:pt idx="502">
                  <c:v>124.208044</c:v>
                </c:pt>
                <c:pt idx="503">
                  <c:v>124.214947</c:v>
                </c:pt>
                <c:pt idx="504">
                  <c:v>124.187246</c:v>
                </c:pt>
                <c:pt idx="505">
                  <c:v>124.14400500000001</c:v>
                </c:pt>
                <c:pt idx="506">
                  <c:v>124.112872</c:v>
                </c:pt>
                <c:pt idx="507">
                  <c:v>124.1426</c:v>
                </c:pt>
                <c:pt idx="508">
                  <c:v>124.180841</c:v>
                </c:pt>
                <c:pt idx="509">
                  <c:v>124.13288300000001</c:v>
                </c:pt>
                <c:pt idx="510">
                  <c:v>124.071944</c:v>
                </c:pt>
                <c:pt idx="511">
                  <c:v>124.073215</c:v>
                </c:pt>
                <c:pt idx="512">
                  <c:v>124.095792</c:v>
                </c:pt>
                <c:pt idx="513">
                  <c:v>124.05230400000001</c:v>
                </c:pt>
                <c:pt idx="514">
                  <c:v>124.023375</c:v>
                </c:pt>
                <c:pt idx="515">
                  <c:v>124.051733</c:v>
                </c:pt>
                <c:pt idx="516">
                  <c:v>124.09928499999999</c:v>
                </c:pt>
                <c:pt idx="517">
                  <c:v>124.06105700000001</c:v>
                </c:pt>
                <c:pt idx="518">
                  <c:v>123.988613</c:v>
                </c:pt>
                <c:pt idx="519">
                  <c:v>123.943578</c:v>
                </c:pt>
                <c:pt idx="520">
                  <c:v>123.959159</c:v>
                </c:pt>
                <c:pt idx="521">
                  <c:v>123.99410899999999</c:v>
                </c:pt>
                <c:pt idx="522">
                  <c:v>123.86027300000001</c:v>
                </c:pt>
                <c:pt idx="523">
                  <c:v>123.876529</c:v>
                </c:pt>
                <c:pt idx="524">
                  <c:v>123.86272700000001</c:v>
                </c:pt>
                <c:pt idx="525">
                  <c:v>123.870711</c:v>
                </c:pt>
                <c:pt idx="526">
                  <c:v>123.91291099999999</c:v>
                </c:pt>
                <c:pt idx="527">
                  <c:v>123.96527500000001</c:v>
                </c:pt>
                <c:pt idx="528">
                  <c:v>123.92035199999999</c:v>
                </c:pt>
                <c:pt idx="529">
                  <c:v>123.759467</c:v>
                </c:pt>
                <c:pt idx="530">
                  <c:v>123.68606200000001</c:v>
                </c:pt>
                <c:pt idx="531">
                  <c:v>123.75915500000001</c:v>
                </c:pt>
                <c:pt idx="532">
                  <c:v>123.857041</c:v>
                </c:pt>
                <c:pt idx="533">
                  <c:v>123.824612</c:v>
                </c:pt>
                <c:pt idx="534">
                  <c:v>123.763074</c:v>
                </c:pt>
                <c:pt idx="535">
                  <c:v>123.776203</c:v>
                </c:pt>
                <c:pt idx="536">
                  <c:v>123.68944399999999</c:v>
                </c:pt>
                <c:pt idx="537">
                  <c:v>123.62312799999999</c:v>
                </c:pt>
                <c:pt idx="538">
                  <c:v>123.692821</c:v>
                </c:pt>
                <c:pt idx="539">
                  <c:v>123.799526</c:v>
                </c:pt>
                <c:pt idx="540">
                  <c:v>123.76005600000001</c:v>
                </c:pt>
                <c:pt idx="541">
                  <c:v>123.69869199999999</c:v>
                </c:pt>
                <c:pt idx="542">
                  <c:v>123.712915</c:v>
                </c:pt>
                <c:pt idx="543">
                  <c:v>123.616478</c:v>
                </c:pt>
                <c:pt idx="544">
                  <c:v>123.54105</c:v>
                </c:pt>
                <c:pt idx="545">
                  <c:v>123.56156900000001</c:v>
                </c:pt>
                <c:pt idx="546">
                  <c:v>123.562331</c:v>
                </c:pt>
                <c:pt idx="547">
                  <c:v>123.557716</c:v>
                </c:pt>
                <c:pt idx="548">
                  <c:v>123.578872</c:v>
                </c:pt>
                <c:pt idx="549">
                  <c:v>123.605284</c:v>
                </c:pt>
                <c:pt idx="550">
                  <c:v>123.570132</c:v>
                </c:pt>
                <c:pt idx="551">
                  <c:v>123.51647</c:v>
                </c:pt>
                <c:pt idx="552">
                  <c:v>123.490714</c:v>
                </c:pt>
                <c:pt idx="553">
                  <c:v>123.493021</c:v>
                </c:pt>
                <c:pt idx="554">
                  <c:v>123.55122799999999</c:v>
                </c:pt>
                <c:pt idx="555">
                  <c:v>123.57253900000001</c:v>
                </c:pt>
                <c:pt idx="556">
                  <c:v>123.524553</c:v>
                </c:pt>
                <c:pt idx="557">
                  <c:v>123.454162</c:v>
                </c:pt>
                <c:pt idx="558">
                  <c:v>123.433618</c:v>
                </c:pt>
                <c:pt idx="559">
                  <c:v>123.40697400000001</c:v>
                </c:pt>
                <c:pt idx="560">
                  <c:v>123.417278</c:v>
                </c:pt>
                <c:pt idx="561">
                  <c:v>123.436071</c:v>
                </c:pt>
                <c:pt idx="562">
                  <c:v>123.37665800000001</c:v>
                </c:pt>
                <c:pt idx="563">
                  <c:v>123.351945</c:v>
                </c:pt>
                <c:pt idx="564">
                  <c:v>123.34326299999999</c:v>
                </c:pt>
                <c:pt idx="565">
                  <c:v>123.306808</c:v>
                </c:pt>
                <c:pt idx="566">
                  <c:v>123.31228299999999</c:v>
                </c:pt>
                <c:pt idx="567">
                  <c:v>123.365374</c:v>
                </c:pt>
                <c:pt idx="568">
                  <c:v>123.345932</c:v>
                </c:pt>
                <c:pt idx="569">
                  <c:v>123.295055</c:v>
                </c:pt>
                <c:pt idx="570">
                  <c:v>123.252354</c:v>
                </c:pt>
                <c:pt idx="571">
                  <c:v>123.314221</c:v>
                </c:pt>
                <c:pt idx="572">
                  <c:v>123.30877700000001</c:v>
                </c:pt>
                <c:pt idx="573">
                  <c:v>123.286846</c:v>
                </c:pt>
                <c:pt idx="574">
                  <c:v>123.333541</c:v>
                </c:pt>
                <c:pt idx="575">
                  <c:v>123.348522</c:v>
                </c:pt>
                <c:pt idx="576">
                  <c:v>123.327389</c:v>
                </c:pt>
                <c:pt idx="577">
                  <c:v>123.29603</c:v>
                </c:pt>
                <c:pt idx="578">
                  <c:v>123.250334</c:v>
                </c:pt>
                <c:pt idx="579">
                  <c:v>123.22217999999999</c:v>
                </c:pt>
                <c:pt idx="580">
                  <c:v>123.25341</c:v>
                </c:pt>
                <c:pt idx="581">
                  <c:v>123.325013</c:v>
                </c:pt>
                <c:pt idx="582">
                  <c:v>123.322153</c:v>
                </c:pt>
                <c:pt idx="583">
                  <c:v>123.29715299999999</c:v>
                </c:pt>
                <c:pt idx="584">
                  <c:v>123.288738</c:v>
                </c:pt>
                <c:pt idx="585">
                  <c:v>123.309113</c:v>
                </c:pt>
                <c:pt idx="586">
                  <c:v>123.314063</c:v>
                </c:pt>
                <c:pt idx="587">
                  <c:v>123.294662</c:v>
                </c:pt>
                <c:pt idx="588">
                  <c:v>123.272874</c:v>
                </c:pt>
                <c:pt idx="589">
                  <c:v>123.292385</c:v>
                </c:pt>
                <c:pt idx="590">
                  <c:v>123.310638</c:v>
                </c:pt>
                <c:pt idx="591">
                  <c:v>123.32748100000001</c:v>
                </c:pt>
                <c:pt idx="592">
                  <c:v>123.306825</c:v>
                </c:pt>
                <c:pt idx="593">
                  <c:v>123.27932199999999</c:v>
                </c:pt>
                <c:pt idx="594">
                  <c:v>123.245807</c:v>
                </c:pt>
                <c:pt idx="595">
                  <c:v>123.241152</c:v>
                </c:pt>
                <c:pt idx="596">
                  <c:v>123.255731</c:v>
                </c:pt>
                <c:pt idx="597">
                  <c:v>123.28692700000001</c:v>
                </c:pt>
                <c:pt idx="598">
                  <c:v>123.281806</c:v>
                </c:pt>
                <c:pt idx="599">
                  <c:v>123.237148</c:v>
                </c:pt>
                <c:pt idx="600">
                  <c:v>123.241849</c:v>
                </c:pt>
                <c:pt idx="601">
                  <c:v>123.277643</c:v>
                </c:pt>
                <c:pt idx="602">
                  <c:v>123.289616</c:v>
                </c:pt>
                <c:pt idx="603">
                  <c:v>123.284447</c:v>
                </c:pt>
                <c:pt idx="604">
                  <c:v>123.284958</c:v>
                </c:pt>
                <c:pt idx="605">
                  <c:v>123.323429</c:v>
                </c:pt>
                <c:pt idx="606">
                  <c:v>123.30899599999999</c:v>
                </c:pt>
                <c:pt idx="607">
                  <c:v>123.287558</c:v>
                </c:pt>
                <c:pt idx="608">
                  <c:v>123.29435599999999</c:v>
                </c:pt>
                <c:pt idx="609">
                  <c:v>123.294239</c:v>
                </c:pt>
                <c:pt idx="610">
                  <c:v>123.30149900000001</c:v>
                </c:pt>
                <c:pt idx="611">
                  <c:v>123.297887</c:v>
                </c:pt>
                <c:pt idx="612">
                  <c:v>123.248164</c:v>
                </c:pt>
                <c:pt idx="613">
                  <c:v>123.208977</c:v>
                </c:pt>
                <c:pt idx="614">
                  <c:v>123.236295</c:v>
                </c:pt>
                <c:pt idx="615">
                  <c:v>123.22478700000001</c:v>
                </c:pt>
                <c:pt idx="616">
                  <c:v>123.20244</c:v>
                </c:pt>
                <c:pt idx="617">
                  <c:v>123.222418</c:v>
                </c:pt>
                <c:pt idx="618">
                  <c:v>123.18689999999999</c:v>
                </c:pt>
                <c:pt idx="619">
                  <c:v>123.127319</c:v>
                </c:pt>
                <c:pt idx="620">
                  <c:v>123.119539</c:v>
                </c:pt>
                <c:pt idx="621">
                  <c:v>123.117512</c:v>
                </c:pt>
                <c:pt idx="622">
                  <c:v>123.09892600000001</c:v>
                </c:pt>
                <c:pt idx="623">
                  <c:v>123.11201699999999</c:v>
                </c:pt>
                <c:pt idx="624">
                  <c:v>123.150375</c:v>
                </c:pt>
                <c:pt idx="625">
                  <c:v>123.149276</c:v>
                </c:pt>
                <c:pt idx="626">
                  <c:v>123.13879300000001</c:v>
                </c:pt>
                <c:pt idx="627">
                  <c:v>123.10817299999999</c:v>
                </c:pt>
                <c:pt idx="628">
                  <c:v>123.05855699999999</c:v>
                </c:pt>
                <c:pt idx="629">
                  <c:v>123.066394</c:v>
                </c:pt>
                <c:pt idx="630">
                  <c:v>123.07992900000001</c:v>
                </c:pt>
                <c:pt idx="631">
                  <c:v>123.07765999999999</c:v>
                </c:pt>
                <c:pt idx="632">
                  <c:v>123.07543200000001</c:v>
                </c:pt>
                <c:pt idx="633">
                  <c:v>123.0745</c:v>
                </c:pt>
                <c:pt idx="634">
                  <c:v>123.032189</c:v>
                </c:pt>
                <c:pt idx="635">
                  <c:v>122.993453</c:v>
                </c:pt>
                <c:pt idx="636">
                  <c:v>123.00645400000001</c:v>
                </c:pt>
                <c:pt idx="637">
                  <c:v>123.01061</c:v>
                </c:pt>
                <c:pt idx="638">
                  <c:v>122.983092</c:v>
                </c:pt>
                <c:pt idx="639">
                  <c:v>122.975582</c:v>
                </c:pt>
                <c:pt idx="640">
                  <c:v>122.930752</c:v>
                </c:pt>
                <c:pt idx="641">
                  <c:v>122.854141</c:v>
                </c:pt>
                <c:pt idx="642">
                  <c:v>122.86544000000001</c:v>
                </c:pt>
                <c:pt idx="643">
                  <c:v>122.923953</c:v>
                </c:pt>
                <c:pt idx="644">
                  <c:v>122.910428</c:v>
                </c:pt>
                <c:pt idx="645">
                  <c:v>122.85105799999999</c:v>
                </c:pt>
                <c:pt idx="646">
                  <c:v>122.870334</c:v>
                </c:pt>
                <c:pt idx="647">
                  <c:v>122.885411</c:v>
                </c:pt>
                <c:pt idx="648">
                  <c:v>122.893558</c:v>
                </c:pt>
                <c:pt idx="649">
                  <c:v>122.846338</c:v>
                </c:pt>
                <c:pt idx="650">
                  <c:v>122.811864</c:v>
                </c:pt>
                <c:pt idx="651">
                  <c:v>122.816159</c:v>
                </c:pt>
                <c:pt idx="652">
                  <c:v>122.832114</c:v>
                </c:pt>
                <c:pt idx="653">
                  <c:v>122.840046</c:v>
                </c:pt>
                <c:pt idx="654">
                  <c:v>122.8074</c:v>
                </c:pt>
                <c:pt idx="655">
                  <c:v>122.788312</c:v>
                </c:pt>
                <c:pt idx="656">
                  <c:v>122.768145</c:v>
                </c:pt>
                <c:pt idx="657">
                  <c:v>122.75532200000001</c:v>
                </c:pt>
                <c:pt idx="658">
                  <c:v>122.766155</c:v>
                </c:pt>
                <c:pt idx="659">
                  <c:v>122.762799</c:v>
                </c:pt>
                <c:pt idx="660">
                  <c:v>122.75425799999999</c:v>
                </c:pt>
                <c:pt idx="661">
                  <c:v>122.75509</c:v>
                </c:pt>
                <c:pt idx="662">
                  <c:v>122.724845</c:v>
                </c:pt>
                <c:pt idx="663">
                  <c:v>122.69377799999999</c:v>
                </c:pt>
                <c:pt idx="664">
                  <c:v>122.65963600000001</c:v>
                </c:pt>
                <c:pt idx="665">
                  <c:v>122.680536</c:v>
                </c:pt>
                <c:pt idx="666">
                  <c:v>122.679861</c:v>
                </c:pt>
                <c:pt idx="667">
                  <c:v>122.714478</c:v>
                </c:pt>
                <c:pt idx="668">
                  <c:v>122.712293</c:v>
                </c:pt>
                <c:pt idx="669">
                  <c:v>122.682892</c:v>
                </c:pt>
                <c:pt idx="670">
                  <c:v>122.636726</c:v>
                </c:pt>
                <c:pt idx="671">
                  <c:v>122.59583499999999</c:v>
                </c:pt>
                <c:pt idx="672">
                  <c:v>122.63824</c:v>
                </c:pt>
                <c:pt idx="673">
                  <c:v>122.6574</c:v>
                </c:pt>
                <c:pt idx="674">
                  <c:v>122.59867300000001</c:v>
                </c:pt>
                <c:pt idx="675">
                  <c:v>122.57299500000001</c:v>
                </c:pt>
                <c:pt idx="676">
                  <c:v>122.56558</c:v>
                </c:pt>
                <c:pt idx="677">
                  <c:v>122.557134</c:v>
                </c:pt>
                <c:pt idx="678">
                  <c:v>122.565299</c:v>
                </c:pt>
                <c:pt idx="679">
                  <c:v>122.583089</c:v>
                </c:pt>
                <c:pt idx="680">
                  <c:v>122.542451</c:v>
                </c:pt>
                <c:pt idx="681">
                  <c:v>122.54697400000001</c:v>
                </c:pt>
                <c:pt idx="682">
                  <c:v>122.587576</c:v>
                </c:pt>
                <c:pt idx="683">
                  <c:v>122.575996</c:v>
                </c:pt>
                <c:pt idx="684">
                  <c:v>122.564353</c:v>
                </c:pt>
                <c:pt idx="685">
                  <c:v>122.529712</c:v>
                </c:pt>
                <c:pt idx="686">
                  <c:v>122.49912399999999</c:v>
                </c:pt>
                <c:pt idx="687">
                  <c:v>122.47628400000001</c:v>
                </c:pt>
                <c:pt idx="688">
                  <c:v>122.456861</c:v>
                </c:pt>
                <c:pt idx="689">
                  <c:v>122.45567699999999</c:v>
                </c:pt>
                <c:pt idx="690">
                  <c:v>122.454549</c:v>
                </c:pt>
                <c:pt idx="691">
                  <c:v>122.435163</c:v>
                </c:pt>
                <c:pt idx="692">
                  <c:v>122.41172</c:v>
                </c:pt>
                <c:pt idx="693">
                  <c:v>122.462524</c:v>
                </c:pt>
                <c:pt idx="694">
                  <c:v>122.475959</c:v>
                </c:pt>
                <c:pt idx="695">
                  <c:v>122.41274300000001</c:v>
                </c:pt>
                <c:pt idx="696">
                  <c:v>122.385706</c:v>
                </c:pt>
                <c:pt idx="697">
                  <c:v>122.420254</c:v>
                </c:pt>
                <c:pt idx="698">
                  <c:v>122.434721</c:v>
                </c:pt>
                <c:pt idx="699">
                  <c:v>122.44954199999999</c:v>
                </c:pt>
                <c:pt idx="700">
                  <c:v>122.45835599999999</c:v>
                </c:pt>
                <c:pt idx="701">
                  <c:v>122.450159</c:v>
                </c:pt>
                <c:pt idx="702">
                  <c:v>122.42716</c:v>
                </c:pt>
                <c:pt idx="703">
                  <c:v>122.389297</c:v>
                </c:pt>
                <c:pt idx="704">
                  <c:v>122.381659</c:v>
                </c:pt>
                <c:pt idx="705">
                  <c:v>122.371197</c:v>
                </c:pt>
                <c:pt idx="706">
                  <c:v>122.305645</c:v>
                </c:pt>
                <c:pt idx="707">
                  <c:v>122.270309</c:v>
                </c:pt>
                <c:pt idx="708">
                  <c:v>122.272402</c:v>
                </c:pt>
                <c:pt idx="709">
                  <c:v>122.28971799999999</c:v>
                </c:pt>
                <c:pt idx="710">
                  <c:v>122.278319</c:v>
                </c:pt>
                <c:pt idx="711">
                  <c:v>122.284297</c:v>
                </c:pt>
                <c:pt idx="712">
                  <c:v>122.276736</c:v>
                </c:pt>
                <c:pt idx="713">
                  <c:v>122.22500599999999</c:v>
                </c:pt>
                <c:pt idx="714">
                  <c:v>122.197422</c:v>
                </c:pt>
                <c:pt idx="715">
                  <c:v>122.183678</c:v>
                </c:pt>
                <c:pt idx="716">
                  <c:v>122.156054</c:v>
                </c:pt>
                <c:pt idx="717">
                  <c:v>122.140265</c:v>
                </c:pt>
                <c:pt idx="718">
                  <c:v>122.123701</c:v>
                </c:pt>
                <c:pt idx="719">
                  <c:v>122.125632</c:v>
                </c:pt>
                <c:pt idx="720">
                  <c:v>122.140485</c:v>
                </c:pt>
                <c:pt idx="721">
                  <c:v>122.124633</c:v>
                </c:pt>
                <c:pt idx="722">
                  <c:v>122.10902900000001</c:v>
                </c:pt>
                <c:pt idx="723">
                  <c:v>122.153519</c:v>
                </c:pt>
                <c:pt idx="724">
                  <c:v>122.148656</c:v>
                </c:pt>
                <c:pt idx="725">
                  <c:v>122.102783</c:v>
                </c:pt>
                <c:pt idx="726">
                  <c:v>122.03499600000001</c:v>
                </c:pt>
                <c:pt idx="727">
                  <c:v>122.03193400000001</c:v>
                </c:pt>
                <c:pt idx="728">
                  <c:v>122.069283</c:v>
                </c:pt>
                <c:pt idx="729">
                  <c:v>122.050235</c:v>
                </c:pt>
                <c:pt idx="730">
                  <c:v>122.093013</c:v>
                </c:pt>
                <c:pt idx="731">
                  <c:v>122.16488</c:v>
                </c:pt>
                <c:pt idx="732">
                  <c:v>122.164918</c:v>
                </c:pt>
                <c:pt idx="733">
                  <c:v>122.15338199999999</c:v>
                </c:pt>
                <c:pt idx="734">
                  <c:v>122.154918</c:v>
                </c:pt>
                <c:pt idx="735">
                  <c:v>122.133937</c:v>
                </c:pt>
                <c:pt idx="736">
                  <c:v>122.052036</c:v>
                </c:pt>
                <c:pt idx="737">
                  <c:v>122.02061999999999</c:v>
                </c:pt>
                <c:pt idx="738">
                  <c:v>122.01237999999999</c:v>
                </c:pt>
                <c:pt idx="739">
                  <c:v>121.996129</c:v>
                </c:pt>
                <c:pt idx="740">
                  <c:v>121.993195</c:v>
                </c:pt>
                <c:pt idx="741">
                  <c:v>121.99450899999999</c:v>
                </c:pt>
                <c:pt idx="742">
                  <c:v>121.94002</c:v>
                </c:pt>
                <c:pt idx="743">
                  <c:v>121.89699299999999</c:v>
                </c:pt>
                <c:pt idx="744">
                  <c:v>121.843271</c:v>
                </c:pt>
                <c:pt idx="745">
                  <c:v>121.787721</c:v>
                </c:pt>
                <c:pt idx="746">
                  <c:v>121.80357100000001</c:v>
                </c:pt>
                <c:pt idx="747">
                  <c:v>121.855402</c:v>
                </c:pt>
                <c:pt idx="748">
                  <c:v>121.859707</c:v>
                </c:pt>
                <c:pt idx="749">
                  <c:v>121.83067</c:v>
                </c:pt>
                <c:pt idx="750">
                  <c:v>121.767149</c:v>
                </c:pt>
                <c:pt idx="751">
                  <c:v>121.740674</c:v>
                </c:pt>
                <c:pt idx="752">
                  <c:v>121.78024499999999</c:v>
                </c:pt>
                <c:pt idx="753">
                  <c:v>121.752504</c:v>
                </c:pt>
                <c:pt idx="754">
                  <c:v>121.682776</c:v>
                </c:pt>
                <c:pt idx="755">
                  <c:v>121.712431</c:v>
                </c:pt>
                <c:pt idx="756">
                  <c:v>121.71468299999999</c:v>
                </c:pt>
                <c:pt idx="757">
                  <c:v>121.642989</c:v>
                </c:pt>
                <c:pt idx="758">
                  <c:v>121.591556</c:v>
                </c:pt>
                <c:pt idx="759">
                  <c:v>121.587214</c:v>
                </c:pt>
                <c:pt idx="760">
                  <c:v>121.610563</c:v>
                </c:pt>
                <c:pt idx="761">
                  <c:v>121.553881</c:v>
                </c:pt>
                <c:pt idx="762">
                  <c:v>121.480981</c:v>
                </c:pt>
                <c:pt idx="763">
                  <c:v>121.549702</c:v>
                </c:pt>
                <c:pt idx="764">
                  <c:v>121.594357</c:v>
                </c:pt>
                <c:pt idx="765">
                  <c:v>121.571504</c:v>
                </c:pt>
                <c:pt idx="766">
                  <c:v>121.576334</c:v>
                </c:pt>
                <c:pt idx="767">
                  <c:v>121.59933100000001</c:v>
                </c:pt>
                <c:pt idx="768">
                  <c:v>121.562408</c:v>
                </c:pt>
                <c:pt idx="769">
                  <c:v>121.48148</c:v>
                </c:pt>
                <c:pt idx="770">
                  <c:v>121.452997</c:v>
                </c:pt>
                <c:pt idx="771">
                  <c:v>121.49477400000001</c:v>
                </c:pt>
                <c:pt idx="772">
                  <c:v>121.533838</c:v>
                </c:pt>
                <c:pt idx="773">
                  <c:v>121.567542</c:v>
                </c:pt>
                <c:pt idx="774">
                  <c:v>121.503851</c:v>
                </c:pt>
                <c:pt idx="775">
                  <c:v>121.461611</c:v>
                </c:pt>
                <c:pt idx="776">
                  <c:v>121.49204899999999</c:v>
                </c:pt>
                <c:pt idx="777">
                  <c:v>121.43435700000001</c:v>
                </c:pt>
                <c:pt idx="778">
                  <c:v>121.342275</c:v>
                </c:pt>
                <c:pt idx="779">
                  <c:v>121.33273</c:v>
                </c:pt>
                <c:pt idx="780">
                  <c:v>121.34818799999999</c:v>
                </c:pt>
                <c:pt idx="781">
                  <c:v>121.31959999999999</c:v>
                </c:pt>
                <c:pt idx="782">
                  <c:v>121.307399</c:v>
                </c:pt>
                <c:pt idx="783">
                  <c:v>121.36360000000001</c:v>
                </c:pt>
                <c:pt idx="784">
                  <c:v>121.428995</c:v>
                </c:pt>
                <c:pt idx="785">
                  <c:v>121.451441</c:v>
                </c:pt>
                <c:pt idx="786">
                  <c:v>121.40078200000001</c:v>
                </c:pt>
                <c:pt idx="787">
                  <c:v>121.346405</c:v>
                </c:pt>
                <c:pt idx="788">
                  <c:v>121.30953599999999</c:v>
                </c:pt>
                <c:pt idx="789">
                  <c:v>121.29637</c:v>
                </c:pt>
                <c:pt idx="790">
                  <c:v>121.30002</c:v>
                </c:pt>
                <c:pt idx="791">
                  <c:v>121.289387</c:v>
                </c:pt>
                <c:pt idx="792">
                  <c:v>121.233712</c:v>
                </c:pt>
                <c:pt idx="793">
                  <c:v>121.257411</c:v>
                </c:pt>
                <c:pt idx="794">
                  <c:v>121.251642</c:v>
                </c:pt>
                <c:pt idx="795">
                  <c:v>121.24296099999999</c:v>
                </c:pt>
                <c:pt idx="796">
                  <c:v>121.21362499999999</c:v>
                </c:pt>
                <c:pt idx="797">
                  <c:v>121.196668</c:v>
                </c:pt>
                <c:pt idx="798">
                  <c:v>121.23400700000001</c:v>
                </c:pt>
                <c:pt idx="799">
                  <c:v>121.28904799999999</c:v>
                </c:pt>
                <c:pt idx="800">
                  <c:v>121.30037799999999</c:v>
                </c:pt>
                <c:pt idx="801">
                  <c:v>121.285954</c:v>
                </c:pt>
                <c:pt idx="802">
                  <c:v>121.25885</c:v>
                </c:pt>
                <c:pt idx="803">
                  <c:v>121.241022</c:v>
                </c:pt>
                <c:pt idx="804">
                  <c:v>121.19691</c:v>
                </c:pt>
                <c:pt idx="805">
                  <c:v>121.224917</c:v>
                </c:pt>
                <c:pt idx="806">
                  <c:v>121.257936</c:v>
                </c:pt>
                <c:pt idx="807">
                  <c:v>121.178354</c:v>
                </c:pt>
                <c:pt idx="808">
                  <c:v>121.08485400000001</c:v>
                </c:pt>
                <c:pt idx="809">
                  <c:v>121.060874</c:v>
                </c:pt>
                <c:pt idx="810">
                  <c:v>121.055758</c:v>
                </c:pt>
                <c:pt idx="811">
                  <c:v>121.075022</c:v>
                </c:pt>
                <c:pt idx="812">
                  <c:v>121.111878</c:v>
                </c:pt>
                <c:pt idx="813">
                  <c:v>121.055882</c:v>
                </c:pt>
                <c:pt idx="814">
                  <c:v>121.010869</c:v>
                </c:pt>
                <c:pt idx="815">
                  <c:v>121.028289</c:v>
                </c:pt>
                <c:pt idx="816">
                  <c:v>120.994147</c:v>
                </c:pt>
                <c:pt idx="817">
                  <c:v>120.96295600000001</c:v>
                </c:pt>
                <c:pt idx="818">
                  <c:v>121.001633</c:v>
                </c:pt>
                <c:pt idx="819">
                  <c:v>121.02707100000001</c:v>
                </c:pt>
                <c:pt idx="820">
                  <c:v>121.06923</c:v>
                </c:pt>
                <c:pt idx="821">
                  <c:v>121.06406200000001</c:v>
                </c:pt>
                <c:pt idx="822">
                  <c:v>120.990894</c:v>
                </c:pt>
                <c:pt idx="823">
                  <c:v>120.923519</c:v>
                </c:pt>
                <c:pt idx="824">
                  <c:v>120.900811</c:v>
                </c:pt>
                <c:pt idx="825">
                  <c:v>120.922313</c:v>
                </c:pt>
                <c:pt idx="826">
                  <c:v>120.86841800000001</c:v>
                </c:pt>
                <c:pt idx="827">
                  <c:v>120.797383</c:v>
                </c:pt>
                <c:pt idx="828">
                  <c:v>120.809681</c:v>
                </c:pt>
                <c:pt idx="829">
                  <c:v>120.876575</c:v>
                </c:pt>
                <c:pt idx="830">
                  <c:v>120.861203</c:v>
                </c:pt>
                <c:pt idx="831">
                  <c:v>120.85699700000001</c:v>
                </c:pt>
                <c:pt idx="832">
                  <c:v>120.82346</c:v>
                </c:pt>
                <c:pt idx="833">
                  <c:v>120.84126999999999</c:v>
                </c:pt>
                <c:pt idx="834">
                  <c:v>120.899182</c:v>
                </c:pt>
                <c:pt idx="835">
                  <c:v>120.88394099999999</c:v>
                </c:pt>
                <c:pt idx="836">
                  <c:v>120.84050000000001</c:v>
                </c:pt>
                <c:pt idx="837">
                  <c:v>120.841206</c:v>
                </c:pt>
                <c:pt idx="838">
                  <c:v>120.84044</c:v>
                </c:pt>
                <c:pt idx="839">
                  <c:v>120.822344</c:v>
                </c:pt>
                <c:pt idx="840">
                  <c:v>120.82495</c:v>
                </c:pt>
                <c:pt idx="841">
                  <c:v>120.872567</c:v>
                </c:pt>
                <c:pt idx="842">
                  <c:v>120.83755499999999</c:v>
                </c:pt>
                <c:pt idx="843">
                  <c:v>120.722459</c:v>
                </c:pt>
                <c:pt idx="844">
                  <c:v>120.693808</c:v>
                </c:pt>
                <c:pt idx="845">
                  <c:v>120.663826</c:v>
                </c:pt>
                <c:pt idx="846">
                  <c:v>120.63352500000001</c:v>
                </c:pt>
                <c:pt idx="847">
                  <c:v>120.66109899999999</c:v>
                </c:pt>
                <c:pt idx="848">
                  <c:v>120.652725</c:v>
                </c:pt>
                <c:pt idx="849">
                  <c:v>120.65774</c:v>
                </c:pt>
                <c:pt idx="850">
                  <c:v>120.65654499999999</c:v>
                </c:pt>
                <c:pt idx="851">
                  <c:v>120.632904</c:v>
                </c:pt>
                <c:pt idx="852">
                  <c:v>120.594818</c:v>
                </c:pt>
                <c:pt idx="853">
                  <c:v>120.606644</c:v>
                </c:pt>
                <c:pt idx="854">
                  <c:v>120.529747</c:v>
                </c:pt>
                <c:pt idx="855">
                  <c:v>120.512985</c:v>
                </c:pt>
                <c:pt idx="856">
                  <c:v>120.61790499999999</c:v>
                </c:pt>
                <c:pt idx="857">
                  <c:v>120.59947200000001</c:v>
                </c:pt>
                <c:pt idx="858">
                  <c:v>120.520385</c:v>
                </c:pt>
                <c:pt idx="859">
                  <c:v>120.50673</c:v>
                </c:pt>
                <c:pt idx="860">
                  <c:v>120.46269700000001</c:v>
                </c:pt>
                <c:pt idx="861">
                  <c:v>120.415285</c:v>
                </c:pt>
                <c:pt idx="862">
                  <c:v>120.391901</c:v>
                </c:pt>
                <c:pt idx="863">
                  <c:v>120.432946</c:v>
                </c:pt>
                <c:pt idx="864">
                  <c:v>120.47693</c:v>
                </c:pt>
                <c:pt idx="865">
                  <c:v>120.473181</c:v>
                </c:pt>
                <c:pt idx="866">
                  <c:v>120.401944</c:v>
                </c:pt>
                <c:pt idx="867">
                  <c:v>120.35103100000001</c:v>
                </c:pt>
                <c:pt idx="868">
                  <c:v>120.366663</c:v>
                </c:pt>
                <c:pt idx="869">
                  <c:v>120.375288</c:v>
                </c:pt>
                <c:pt idx="870">
                  <c:v>120.423523</c:v>
                </c:pt>
                <c:pt idx="871">
                  <c:v>120.360724</c:v>
                </c:pt>
                <c:pt idx="872">
                  <c:v>120.27512</c:v>
                </c:pt>
                <c:pt idx="873">
                  <c:v>120.322836</c:v>
                </c:pt>
                <c:pt idx="874">
                  <c:v>120.38531999999999</c:v>
                </c:pt>
                <c:pt idx="875">
                  <c:v>120.375823</c:v>
                </c:pt>
                <c:pt idx="876">
                  <c:v>120.35262</c:v>
                </c:pt>
                <c:pt idx="877">
                  <c:v>120.305719</c:v>
                </c:pt>
                <c:pt idx="878">
                  <c:v>120.30043999999999</c:v>
                </c:pt>
                <c:pt idx="879">
                  <c:v>120.36027</c:v>
                </c:pt>
                <c:pt idx="880">
                  <c:v>120.34415</c:v>
                </c:pt>
                <c:pt idx="881">
                  <c:v>120.259664</c:v>
                </c:pt>
                <c:pt idx="882">
                  <c:v>120.237534</c:v>
                </c:pt>
                <c:pt idx="883">
                  <c:v>120.253013</c:v>
                </c:pt>
                <c:pt idx="884">
                  <c:v>120.234252</c:v>
                </c:pt>
                <c:pt idx="885">
                  <c:v>120.241005</c:v>
                </c:pt>
                <c:pt idx="886">
                  <c:v>120.208529</c:v>
                </c:pt>
                <c:pt idx="887">
                  <c:v>120.183126</c:v>
                </c:pt>
                <c:pt idx="888">
                  <c:v>120.17425</c:v>
                </c:pt>
                <c:pt idx="889">
                  <c:v>120.162492</c:v>
                </c:pt>
                <c:pt idx="890">
                  <c:v>120.206659</c:v>
                </c:pt>
                <c:pt idx="891">
                  <c:v>120.201078</c:v>
                </c:pt>
                <c:pt idx="892">
                  <c:v>120.110967</c:v>
                </c:pt>
                <c:pt idx="893">
                  <c:v>120.048891</c:v>
                </c:pt>
                <c:pt idx="894">
                  <c:v>120.07929</c:v>
                </c:pt>
                <c:pt idx="895">
                  <c:v>120.08671200000001</c:v>
                </c:pt>
                <c:pt idx="896">
                  <c:v>120.07444700000001</c:v>
                </c:pt>
                <c:pt idx="897">
                  <c:v>120.066697</c:v>
                </c:pt>
                <c:pt idx="898">
                  <c:v>120.13961399999999</c:v>
                </c:pt>
                <c:pt idx="899">
                  <c:v>120.162609</c:v>
                </c:pt>
                <c:pt idx="900">
                  <c:v>120.097458</c:v>
                </c:pt>
                <c:pt idx="901">
                  <c:v>120.121757</c:v>
                </c:pt>
                <c:pt idx="902">
                  <c:v>120.138457</c:v>
                </c:pt>
                <c:pt idx="903">
                  <c:v>120.058348</c:v>
                </c:pt>
                <c:pt idx="904">
                  <c:v>120.001547</c:v>
                </c:pt>
                <c:pt idx="905">
                  <c:v>120.050479</c:v>
                </c:pt>
                <c:pt idx="906">
                  <c:v>120.079025</c:v>
                </c:pt>
                <c:pt idx="907">
                  <c:v>120.040676</c:v>
                </c:pt>
                <c:pt idx="908">
                  <c:v>119.95973600000001</c:v>
                </c:pt>
                <c:pt idx="909">
                  <c:v>119.975317</c:v>
                </c:pt>
                <c:pt idx="910">
                  <c:v>120.02426</c:v>
                </c:pt>
                <c:pt idx="911">
                  <c:v>120.029971</c:v>
                </c:pt>
                <c:pt idx="912">
                  <c:v>120.020968</c:v>
                </c:pt>
                <c:pt idx="913">
                  <c:v>119.974058</c:v>
                </c:pt>
                <c:pt idx="914">
                  <c:v>119.917531</c:v>
                </c:pt>
                <c:pt idx="915">
                  <c:v>119.91633400000001</c:v>
                </c:pt>
                <c:pt idx="916">
                  <c:v>119.929981</c:v>
                </c:pt>
                <c:pt idx="917">
                  <c:v>119.960706</c:v>
                </c:pt>
                <c:pt idx="918">
                  <c:v>119.96179100000001</c:v>
                </c:pt>
                <c:pt idx="919">
                  <c:v>119.930386</c:v>
                </c:pt>
                <c:pt idx="920">
                  <c:v>119.902945</c:v>
                </c:pt>
                <c:pt idx="921">
                  <c:v>119.888347</c:v>
                </c:pt>
                <c:pt idx="922">
                  <c:v>119.83736500000001</c:v>
                </c:pt>
                <c:pt idx="923">
                  <c:v>119.867897</c:v>
                </c:pt>
                <c:pt idx="924">
                  <c:v>119.90523899999999</c:v>
                </c:pt>
                <c:pt idx="925">
                  <c:v>119.92182</c:v>
                </c:pt>
                <c:pt idx="926">
                  <c:v>119.885457</c:v>
                </c:pt>
                <c:pt idx="927">
                  <c:v>119.85404800000001</c:v>
                </c:pt>
                <c:pt idx="928">
                  <c:v>119.85377200000001</c:v>
                </c:pt>
                <c:pt idx="929">
                  <c:v>119.834346</c:v>
                </c:pt>
                <c:pt idx="930">
                  <c:v>119.777017</c:v>
                </c:pt>
                <c:pt idx="931">
                  <c:v>119.811988</c:v>
                </c:pt>
                <c:pt idx="932">
                  <c:v>119.845249</c:v>
                </c:pt>
                <c:pt idx="933">
                  <c:v>119.823218</c:v>
                </c:pt>
                <c:pt idx="934">
                  <c:v>119.847613</c:v>
                </c:pt>
                <c:pt idx="935">
                  <c:v>119.841339</c:v>
                </c:pt>
                <c:pt idx="936">
                  <c:v>119.730464</c:v>
                </c:pt>
                <c:pt idx="937">
                  <c:v>119.714907</c:v>
                </c:pt>
                <c:pt idx="938">
                  <c:v>119.776876</c:v>
                </c:pt>
                <c:pt idx="939">
                  <c:v>119.730031</c:v>
                </c:pt>
                <c:pt idx="940">
                  <c:v>119.709476</c:v>
                </c:pt>
                <c:pt idx="941">
                  <c:v>119.720242</c:v>
                </c:pt>
                <c:pt idx="942">
                  <c:v>119.705894</c:v>
                </c:pt>
                <c:pt idx="943">
                  <c:v>119.67372</c:v>
                </c:pt>
                <c:pt idx="944">
                  <c:v>119.651651</c:v>
                </c:pt>
                <c:pt idx="945">
                  <c:v>119.71041099999999</c:v>
                </c:pt>
                <c:pt idx="946">
                  <c:v>119.772583</c:v>
                </c:pt>
                <c:pt idx="947">
                  <c:v>119.743987</c:v>
                </c:pt>
                <c:pt idx="948">
                  <c:v>119.693088</c:v>
                </c:pt>
                <c:pt idx="949">
                  <c:v>119.6871</c:v>
                </c:pt>
                <c:pt idx="950">
                  <c:v>119.655058</c:v>
                </c:pt>
                <c:pt idx="951">
                  <c:v>119.639017</c:v>
                </c:pt>
                <c:pt idx="952">
                  <c:v>119.67476600000001</c:v>
                </c:pt>
                <c:pt idx="953">
                  <c:v>119.70862200000001</c:v>
                </c:pt>
                <c:pt idx="954">
                  <c:v>119.67952699999999</c:v>
                </c:pt>
                <c:pt idx="955">
                  <c:v>119.68555000000001</c:v>
                </c:pt>
                <c:pt idx="956">
                  <c:v>119.68670299999999</c:v>
                </c:pt>
                <c:pt idx="957">
                  <c:v>119.622083</c:v>
                </c:pt>
                <c:pt idx="958">
                  <c:v>119.583198</c:v>
                </c:pt>
                <c:pt idx="959">
                  <c:v>119.627308</c:v>
                </c:pt>
                <c:pt idx="960">
                  <c:v>119.622963</c:v>
                </c:pt>
                <c:pt idx="961">
                  <c:v>119.56710200000001</c:v>
                </c:pt>
                <c:pt idx="962">
                  <c:v>119.558781</c:v>
                </c:pt>
                <c:pt idx="963">
                  <c:v>119.51317299999999</c:v>
                </c:pt>
                <c:pt idx="964">
                  <c:v>119.460809</c:v>
                </c:pt>
                <c:pt idx="965">
                  <c:v>119.462654</c:v>
                </c:pt>
                <c:pt idx="966">
                  <c:v>119.516035</c:v>
                </c:pt>
                <c:pt idx="967">
                  <c:v>119.553724</c:v>
                </c:pt>
                <c:pt idx="968">
                  <c:v>119.576549</c:v>
                </c:pt>
                <c:pt idx="969">
                  <c:v>119.55681800000001</c:v>
                </c:pt>
                <c:pt idx="970">
                  <c:v>119.48377000000001</c:v>
                </c:pt>
                <c:pt idx="971">
                  <c:v>119.481751</c:v>
                </c:pt>
                <c:pt idx="972">
                  <c:v>119.477485</c:v>
                </c:pt>
                <c:pt idx="973">
                  <c:v>119.49273100000001</c:v>
                </c:pt>
                <c:pt idx="974">
                  <c:v>119.50870999999999</c:v>
                </c:pt>
                <c:pt idx="975">
                  <c:v>119.48674</c:v>
                </c:pt>
                <c:pt idx="976">
                  <c:v>119.443595</c:v>
                </c:pt>
                <c:pt idx="977">
                  <c:v>119.45415300000001</c:v>
                </c:pt>
                <c:pt idx="978">
                  <c:v>119.469947</c:v>
                </c:pt>
                <c:pt idx="979">
                  <c:v>119.484861</c:v>
                </c:pt>
                <c:pt idx="980">
                  <c:v>119.513245</c:v>
                </c:pt>
                <c:pt idx="981">
                  <c:v>119.479685</c:v>
                </c:pt>
                <c:pt idx="982">
                  <c:v>119.451352</c:v>
                </c:pt>
                <c:pt idx="983">
                  <c:v>119.42795599999999</c:v>
                </c:pt>
                <c:pt idx="984">
                  <c:v>119.405466</c:v>
                </c:pt>
                <c:pt idx="985">
                  <c:v>119.36318900000001</c:v>
                </c:pt>
                <c:pt idx="986">
                  <c:v>119.339805</c:v>
                </c:pt>
                <c:pt idx="987">
                  <c:v>119.326187</c:v>
                </c:pt>
                <c:pt idx="988">
                  <c:v>119.338144</c:v>
                </c:pt>
                <c:pt idx="989">
                  <c:v>119.35119</c:v>
                </c:pt>
                <c:pt idx="990">
                  <c:v>119.358853</c:v>
                </c:pt>
                <c:pt idx="991">
                  <c:v>119.33665999999999</c:v>
                </c:pt>
                <c:pt idx="992">
                  <c:v>119.33099199999999</c:v>
                </c:pt>
                <c:pt idx="993">
                  <c:v>119.358919</c:v>
                </c:pt>
                <c:pt idx="994">
                  <c:v>119.339783</c:v>
                </c:pt>
                <c:pt idx="995">
                  <c:v>119.297414</c:v>
                </c:pt>
                <c:pt idx="996">
                  <c:v>119.327161</c:v>
                </c:pt>
                <c:pt idx="997">
                  <c:v>119.32292099999999</c:v>
                </c:pt>
                <c:pt idx="998">
                  <c:v>119.26569600000001</c:v>
                </c:pt>
                <c:pt idx="999">
                  <c:v>119.274917</c:v>
                </c:pt>
                <c:pt idx="1000">
                  <c:v>119.317333</c:v>
                </c:pt>
                <c:pt idx="1001">
                  <c:v>119.338543</c:v>
                </c:pt>
                <c:pt idx="1002">
                  <c:v>119.35168899999999</c:v>
                </c:pt>
                <c:pt idx="1003">
                  <c:v>119.29993899999999</c:v>
                </c:pt>
                <c:pt idx="1004">
                  <c:v>119.211309</c:v>
                </c:pt>
                <c:pt idx="1005">
                  <c:v>119.18284800000001</c:v>
                </c:pt>
                <c:pt idx="1006">
                  <c:v>119.17388099999999</c:v>
                </c:pt>
                <c:pt idx="1007">
                  <c:v>119.161351</c:v>
                </c:pt>
                <c:pt idx="1008">
                  <c:v>119.13795500000001</c:v>
                </c:pt>
                <c:pt idx="1009">
                  <c:v>119.14993200000001</c:v>
                </c:pt>
                <c:pt idx="1010">
                  <c:v>119.142144</c:v>
                </c:pt>
                <c:pt idx="1011">
                  <c:v>119.163854</c:v>
                </c:pt>
                <c:pt idx="1012">
                  <c:v>119.214625</c:v>
                </c:pt>
                <c:pt idx="1013">
                  <c:v>119.185036</c:v>
                </c:pt>
                <c:pt idx="1014">
                  <c:v>119.172653</c:v>
                </c:pt>
                <c:pt idx="1015">
                  <c:v>119.17620100000001</c:v>
                </c:pt>
                <c:pt idx="1016">
                  <c:v>119.16301</c:v>
                </c:pt>
                <c:pt idx="1017">
                  <c:v>119.15401799999999</c:v>
                </c:pt>
                <c:pt idx="1018">
                  <c:v>119.17101</c:v>
                </c:pt>
                <c:pt idx="1019">
                  <c:v>119.191711</c:v>
                </c:pt>
                <c:pt idx="1020">
                  <c:v>119.178445</c:v>
                </c:pt>
                <c:pt idx="1021">
                  <c:v>119.152339</c:v>
                </c:pt>
                <c:pt idx="1022">
                  <c:v>119.100999</c:v>
                </c:pt>
                <c:pt idx="1023">
                  <c:v>119.115655</c:v>
                </c:pt>
                <c:pt idx="1024">
                  <c:v>119.117591</c:v>
                </c:pt>
                <c:pt idx="1025">
                  <c:v>119.138386</c:v>
                </c:pt>
                <c:pt idx="1026">
                  <c:v>119.116698</c:v>
                </c:pt>
                <c:pt idx="1027">
                  <c:v>119.100696</c:v>
                </c:pt>
                <c:pt idx="1028">
                  <c:v>119.165334</c:v>
                </c:pt>
                <c:pt idx="1029">
                  <c:v>119.141087</c:v>
                </c:pt>
                <c:pt idx="1030">
                  <c:v>119.06263</c:v>
                </c:pt>
                <c:pt idx="1031">
                  <c:v>119.027567</c:v>
                </c:pt>
                <c:pt idx="1032">
                  <c:v>119.078467</c:v>
                </c:pt>
                <c:pt idx="1033">
                  <c:v>119.09407</c:v>
                </c:pt>
                <c:pt idx="1034">
                  <c:v>119.04347300000001</c:v>
                </c:pt>
                <c:pt idx="1035">
                  <c:v>119.003635</c:v>
                </c:pt>
                <c:pt idx="1036">
                  <c:v>119.026127</c:v>
                </c:pt>
                <c:pt idx="1037">
                  <c:v>119.088258</c:v>
                </c:pt>
                <c:pt idx="1038">
                  <c:v>119.085657</c:v>
                </c:pt>
                <c:pt idx="1039">
                  <c:v>119.085881</c:v>
                </c:pt>
                <c:pt idx="1040">
                  <c:v>119.093886</c:v>
                </c:pt>
                <c:pt idx="1041">
                  <c:v>119.03666200000001</c:v>
                </c:pt>
                <c:pt idx="1042">
                  <c:v>119.079825</c:v>
                </c:pt>
                <c:pt idx="1043">
                  <c:v>119.099452</c:v>
                </c:pt>
                <c:pt idx="1044">
                  <c:v>119.063129</c:v>
                </c:pt>
                <c:pt idx="1045">
                  <c:v>119.07729</c:v>
                </c:pt>
                <c:pt idx="1046">
                  <c:v>119.079189</c:v>
                </c:pt>
                <c:pt idx="1047">
                  <c:v>119.024002</c:v>
                </c:pt>
                <c:pt idx="1048">
                  <c:v>119.00658300000001</c:v>
                </c:pt>
                <c:pt idx="1049">
                  <c:v>118.99792600000001</c:v>
                </c:pt>
                <c:pt idx="1050">
                  <c:v>118.98117999999999</c:v>
                </c:pt>
                <c:pt idx="1051">
                  <c:v>118.978443</c:v>
                </c:pt>
                <c:pt idx="1052">
                  <c:v>119.025469</c:v>
                </c:pt>
                <c:pt idx="1053">
                  <c:v>119.028685</c:v>
                </c:pt>
                <c:pt idx="1054">
                  <c:v>119.017321</c:v>
                </c:pt>
                <c:pt idx="1055">
                  <c:v>118.98812700000001</c:v>
                </c:pt>
                <c:pt idx="1056">
                  <c:v>119.052549</c:v>
                </c:pt>
                <c:pt idx="1057">
                  <c:v>119.06360599999999</c:v>
                </c:pt>
                <c:pt idx="1058">
                  <c:v>119.02208899999999</c:v>
                </c:pt>
                <c:pt idx="1059">
                  <c:v>119.032077</c:v>
                </c:pt>
                <c:pt idx="1060">
                  <c:v>119.007195</c:v>
                </c:pt>
                <c:pt idx="1061">
                  <c:v>119.025569</c:v>
                </c:pt>
                <c:pt idx="1062">
                  <c:v>119.05014199999999</c:v>
                </c:pt>
                <c:pt idx="1063">
                  <c:v>118.97557399999999</c:v>
                </c:pt>
                <c:pt idx="1064">
                  <c:v>118.93472800000001</c:v>
                </c:pt>
                <c:pt idx="1065">
                  <c:v>119.004165</c:v>
                </c:pt>
                <c:pt idx="1066">
                  <c:v>119.02042299999999</c:v>
                </c:pt>
                <c:pt idx="1067">
                  <c:v>119.043673</c:v>
                </c:pt>
                <c:pt idx="1068">
                  <c:v>119.04926</c:v>
                </c:pt>
                <c:pt idx="1069">
                  <c:v>118.987517</c:v>
                </c:pt>
                <c:pt idx="1070">
                  <c:v>118.823792</c:v>
                </c:pt>
                <c:pt idx="1071">
                  <c:v>118.70408</c:v>
                </c:pt>
                <c:pt idx="1072">
                  <c:v>118.88753</c:v>
                </c:pt>
                <c:pt idx="1073">
                  <c:v>118.92052</c:v>
                </c:pt>
                <c:pt idx="1074">
                  <c:v>118.88152100000001</c:v>
                </c:pt>
                <c:pt idx="1075">
                  <c:v>118.88495</c:v>
                </c:pt>
                <c:pt idx="1076">
                  <c:v>118.963751</c:v>
                </c:pt>
                <c:pt idx="1077">
                  <c:v>119.009649</c:v>
                </c:pt>
                <c:pt idx="1078">
                  <c:v>118.947647</c:v>
                </c:pt>
                <c:pt idx="1079">
                  <c:v>118.94324</c:v>
                </c:pt>
                <c:pt idx="1080">
                  <c:v>118.969559</c:v>
                </c:pt>
                <c:pt idx="1081">
                  <c:v>118.828017</c:v>
                </c:pt>
                <c:pt idx="1082">
                  <c:v>118.74684499999999</c:v>
                </c:pt>
                <c:pt idx="1083">
                  <c:v>118.945578</c:v>
                </c:pt>
                <c:pt idx="1084">
                  <c:v>118.891091</c:v>
                </c:pt>
                <c:pt idx="1085">
                  <c:v>118.743675</c:v>
                </c:pt>
                <c:pt idx="1086">
                  <c:v>118.735463</c:v>
                </c:pt>
                <c:pt idx="1087">
                  <c:v>118.86414600000001</c:v>
                </c:pt>
                <c:pt idx="1088">
                  <c:v>118.873701</c:v>
                </c:pt>
                <c:pt idx="1089">
                  <c:v>118.81621800000001</c:v>
                </c:pt>
                <c:pt idx="1090">
                  <c:v>118.781769</c:v>
                </c:pt>
                <c:pt idx="1091">
                  <c:v>118.74257299999999</c:v>
                </c:pt>
                <c:pt idx="1092">
                  <c:v>118.615792</c:v>
                </c:pt>
                <c:pt idx="1093">
                  <c:v>118.60171099999999</c:v>
                </c:pt>
                <c:pt idx="1094">
                  <c:v>118.706165</c:v>
                </c:pt>
                <c:pt idx="1095">
                  <c:v>118.680212</c:v>
                </c:pt>
                <c:pt idx="1096">
                  <c:v>118.775756</c:v>
                </c:pt>
                <c:pt idx="1097">
                  <c:v>118.751155</c:v>
                </c:pt>
                <c:pt idx="1098">
                  <c:v>118.636989</c:v>
                </c:pt>
                <c:pt idx="1099">
                  <c:v>118.678257</c:v>
                </c:pt>
                <c:pt idx="1100">
                  <c:v>118.82129</c:v>
                </c:pt>
                <c:pt idx="1101">
                  <c:v>118.84291399999999</c:v>
                </c:pt>
                <c:pt idx="1102">
                  <c:v>118.662752</c:v>
                </c:pt>
                <c:pt idx="1103">
                  <c:v>118.288241</c:v>
                </c:pt>
                <c:pt idx="1104">
                  <c:v>118.55366100000001</c:v>
                </c:pt>
                <c:pt idx="1105">
                  <c:v>118.83772999999999</c:v>
                </c:pt>
                <c:pt idx="1106">
                  <c:v>118.917316</c:v>
                </c:pt>
                <c:pt idx="1107">
                  <c:v>118.96442999999999</c:v>
                </c:pt>
                <c:pt idx="1108">
                  <c:v>118.85598</c:v>
                </c:pt>
                <c:pt idx="1109">
                  <c:v>118.844365</c:v>
                </c:pt>
                <c:pt idx="1110">
                  <c:v>118.763094</c:v>
                </c:pt>
                <c:pt idx="1111">
                  <c:v>118.772535</c:v>
                </c:pt>
                <c:pt idx="1112">
                  <c:v>118.686988</c:v>
                </c:pt>
                <c:pt idx="1113">
                  <c:v>118.40856700000001</c:v>
                </c:pt>
                <c:pt idx="1114">
                  <c:v>118.187815</c:v>
                </c:pt>
                <c:pt idx="1115">
                  <c:v>118.676923</c:v>
                </c:pt>
                <c:pt idx="1116">
                  <c:v>118.93022999999999</c:v>
                </c:pt>
                <c:pt idx="1117">
                  <c:v>118.784949</c:v>
                </c:pt>
                <c:pt idx="1118">
                  <c:v>118.842698</c:v>
                </c:pt>
                <c:pt idx="1119">
                  <c:v>118.925074</c:v>
                </c:pt>
                <c:pt idx="1120">
                  <c:v>118.8304</c:v>
                </c:pt>
                <c:pt idx="1121">
                  <c:v>118.811318</c:v>
                </c:pt>
                <c:pt idx="1122">
                  <c:v>118.856227</c:v>
                </c:pt>
                <c:pt idx="1123">
                  <c:v>118.77856300000001</c:v>
                </c:pt>
                <c:pt idx="1124">
                  <c:v>118.46826</c:v>
                </c:pt>
                <c:pt idx="1125">
                  <c:v>118.57729399999999</c:v>
                </c:pt>
                <c:pt idx="1126">
                  <c:v>118.800298</c:v>
                </c:pt>
                <c:pt idx="1127">
                  <c:v>118.49631599999999</c:v>
                </c:pt>
                <c:pt idx="1128">
                  <c:v>118.64055999999999</c:v>
                </c:pt>
                <c:pt idx="1129">
                  <c:v>118.77405400000001</c:v>
                </c:pt>
                <c:pt idx="1130">
                  <c:v>118.779436</c:v>
                </c:pt>
                <c:pt idx="1131">
                  <c:v>118.85217299999999</c:v>
                </c:pt>
                <c:pt idx="1132">
                  <c:v>118.827088</c:v>
                </c:pt>
                <c:pt idx="1133">
                  <c:v>118.68334400000001</c:v>
                </c:pt>
                <c:pt idx="1134">
                  <c:v>118.476108</c:v>
                </c:pt>
                <c:pt idx="1135">
                  <c:v>118.674989</c:v>
                </c:pt>
                <c:pt idx="1136">
                  <c:v>118.900567</c:v>
                </c:pt>
                <c:pt idx="1137">
                  <c:v>118.93539800000001</c:v>
                </c:pt>
                <c:pt idx="1138">
                  <c:v>118.819399</c:v>
                </c:pt>
                <c:pt idx="1139">
                  <c:v>118.763988</c:v>
                </c:pt>
                <c:pt idx="1140">
                  <c:v>118.666434</c:v>
                </c:pt>
                <c:pt idx="1141">
                  <c:v>118.60239</c:v>
                </c:pt>
                <c:pt idx="1142">
                  <c:v>118.730594</c:v>
                </c:pt>
                <c:pt idx="1143">
                  <c:v>118.797934</c:v>
                </c:pt>
                <c:pt idx="1144">
                  <c:v>118.74564700000001</c:v>
                </c:pt>
                <c:pt idx="1145">
                  <c:v>118.622602</c:v>
                </c:pt>
                <c:pt idx="1146">
                  <c:v>118.585178</c:v>
                </c:pt>
                <c:pt idx="1147">
                  <c:v>118.751266</c:v>
                </c:pt>
                <c:pt idx="1148">
                  <c:v>118.843481</c:v>
                </c:pt>
                <c:pt idx="1149">
                  <c:v>118.842708</c:v>
                </c:pt>
                <c:pt idx="1150">
                  <c:v>118.769001</c:v>
                </c:pt>
                <c:pt idx="1151">
                  <c:v>118.751302</c:v>
                </c:pt>
                <c:pt idx="1152">
                  <c:v>118.739076</c:v>
                </c:pt>
                <c:pt idx="1153">
                  <c:v>118.601122</c:v>
                </c:pt>
                <c:pt idx="1154">
                  <c:v>118.535758</c:v>
                </c:pt>
                <c:pt idx="1155">
                  <c:v>118.73503700000001</c:v>
                </c:pt>
                <c:pt idx="1156">
                  <c:v>118.653357</c:v>
                </c:pt>
                <c:pt idx="1157">
                  <c:v>118.453535</c:v>
                </c:pt>
                <c:pt idx="1158">
                  <c:v>118.284843</c:v>
                </c:pt>
                <c:pt idx="1159">
                  <c:v>118.332519</c:v>
                </c:pt>
                <c:pt idx="1160">
                  <c:v>118.642628</c:v>
                </c:pt>
                <c:pt idx="1161">
                  <c:v>118.62398</c:v>
                </c:pt>
                <c:pt idx="1162">
                  <c:v>118.455397</c:v>
                </c:pt>
                <c:pt idx="1163">
                  <c:v>118.00256899999999</c:v>
                </c:pt>
                <c:pt idx="1164">
                  <c:v>117.887365</c:v>
                </c:pt>
                <c:pt idx="1165">
                  <c:v>117.939937</c:v>
                </c:pt>
                <c:pt idx="1166">
                  <c:v>117.965613</c:v>
                </c:pt>
                <c:pt idx="1167">
                  <c:v>118.251706</c:v>
                </c:pt>
                <c:pt idx="1168">
                  <c:v>118.79890399999999</c:v>
                </c:pt>
                <c:pt idx="1169">
                  <c:v>119.018683</c:v>
                </c:pt>
                <c:pt idx="1170">
                  <c:v>118.961811</c:v>
                </c:pt>
                <c:pt idx="1171">
                  <c:v>118.790666</c:v>
                </c:pt>
                <c:pt idx="1172">
                  <c:v>118.84489000000001</c:v>
                </c:pt>
                <c:pt idx="1173">
                  <c:v>118.903606</c:v>
                </c:pt>
                <c:pt idx="1174">
                  <c:v>118.883769</c:v>
                </c:pt>
                <c:pt idx="1175">
                  <c:v>118.92492300000001</c:v>
                </c:pt>
                <c:pt idx="1176">
                  <c:v>118.84169199999999</c:v>
                </c:pt>
                <c:pt idx="1177">
                  <c:v>118.934558</c:v>
                </c:pt>
                <c:pt idx="1178">
                  <c:v>118.934969</c:v>
                </c:pt>
                <c:pt idx="1179">
                  <c:v>118.84786800000001</c:v>
                </c:pt>
                <c:pt idx="1180">
                  <c:v>118.838019</c:v>
                </c:pt>
                <c:pt idx="1181">
                  <c:v>118.875004</c:v>
                </c:pt>
                <c:pt idx="1182">
                  <c:v>118.972493</c:v>
                </c:pt>
                <c:pt idx="1183">
                  <c:v>118.924194</c:v>
                </c:pt>
                <c:pt idx="1184">
                  <c:v>118.916588</c:v>
                </c:pt>
                <c:pt idx="1185">
                  <c:v>119.006389</c:v>
                </c:pt>
                <c:pt idx="1186">
                  <c:v>118.984094</c:v>
                </c:pt>
                <c:pt idx="1187">
                  <c:v>118.935106</c:v>
                </c:pt>
                <c:pt idx="1188">
                  <c:v>118.892831</c:v>
                </c:pt>
                <c:pt idx="1189">
                  <c:v>118.855633</c:v>
                </c:pt>
                <c:pt idx="1190">
                  <c:v>118.771086</c:v>
                </c:pt>
                <c:pt idx="1191">
                  <c:v>118.883871</c:v>
                </c:pt>
                <c:pt idx="1192">
                  <c:v>118.78222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0DE-4C50-BBC3-9E9B8E65B9D6}"/>
            </c:ext>
          </c:extLst>
        </c:ser>
        <c:ser>
          <c:idx val="0"/>
          <c:order val="1"/>
          <c:tx>
            <c:strRef>
              <c:f>'Fig 2 b'!$E$7</c:f>
              <c:strCache>
                <c:ptCount val="1"/>
                <c:pt idx="0">
                  <c:v>S-P-1.4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'Fig 2 b'!$E$10:$E$1202</c:f>
              <c:numCache>
                <c:formatCode>General</c:formatCode>
                <c:ptCount val="1193"/>
                <c:pt idx="0">
                  <c:v>1500.6188480000001</c:v>
                </c:pt>
                <c:pt idx="1">
                  <c:v>1502.5476639999999</c:v>
                </c:pt>
                <c:pt idx="2">
                  <c:v>1504.47648</c:v>
                </c:pt>
                <c:pt idx="3">
                  <c:v>1506.4052959999999</c:v>
                </c:pt>
                <c:pt idx="4">
                  <c:v>1508.334112</c:v>
                </c:pt>
                <c:pt idx="5">
                  <c:v>1510.2629280000001</c:v>
                </c:pt>
                <c:pt idx="6">
                  <c:v>1512.191744</c:v>
                </c:pt>
                <c:pt idx="7">
                  <c:v>1514.1205600000001</c:v>
                </c:pt>
                <c:pt idx="8">
                  <c:v>1516.0493759999999</c:v>
                </c:pt>
                <c:pt idx="9">
                  <c:v>1517.978192</c:v>
                </c:pt>
                <c:pt idx="10">
                  <c:v>1519.9070079999999</c:v>
                </c:pt>
                <c:pt idx="11">
                  <c:v>1521.835824</c:v>
                </c:pt>
                <c:pt idx="12">
                  <c:v>1523.7646400000001</c:v>
                </c:pt>
                <c:pt idx="13">
                  <c:v>1525.693456</c:v>
                </c:pt>
                <c:pt idx="14">
                  <c:v>1527.6222720000001</c:v>
                </c:pt>
                <c:pt idx="15">
                  <c:v>1529.5510879999999</c:v>
                </c:pt>
                <c:pt idx="16">
                  <c:v>1531.479904</c:v>
                </c:pt>
                <c:pt idx="17">
                  <c:v>1533.4087199999999</c:v>
                </c:pt>
                <c:pt idx="18">
                  <c:v>1535.337536</c:v>
                </c:pt>
                <c:pt idx="19">
                  <c:v>1537.2663520000001</c:v>
                </c:pt>
                <c:pt idx="20">
                  <c:v>1539.195168</c:v>
                </c:pt>
                <c:pt idx="21">
                  <c:v>1541.1239840000001</c:v>
                </c:pt>
                <c:pt idx="22">
                  <c:v>1543.0527999999999</c:v>
                </c:pt>
                <c:pt idx="23">
                  <c:v>1544.981616</c:v>
                </c:pt>
                <c:pt idx="24">
                  <c:v>1546.9104319999999</c:v>
                </c:pt>
                <c:pt idx="25">
                  <c:v>1548.839248</c:v>
                </c:pt>
                <c:pt idx="26">
                  <c:v>1550.7680640000001</c:v>
                </c:pt>
                <c:pt idx="27">
                  <c:v>1552.69688</c:v>
                </c:pt>
                <c:pt idx="28">
                  <c:v>1554.6256960000001</c:v>
                </c:pt>
                <c:pt idx="29">
                  <c:v>1556.5545119999999</c:v>
                </c:pt>
                <c:pt idx="30">
                  <c:v>1558.483328</c:v>
                </c:pt>
                <c:pt idx="31">
                  <c:v>1560.4121439999999</c:v>
                </c:pt>
                <c:pt idx="32">
                  <c:v>1562.34096</c:v>
                </c:pt>
                <c:pt idx="33">
                  <c:v>1564.2697760000001</c:v>
                </c:pt>
                <c:pt idx="34">
                  <c:v>1566.198592</c:v>
                </c:pt>
                <c:pt idx="35">
                  <c:v>1568.1274080000001</c:v>
                </c:pt>
                <c:pt idx="36">
                  <c:v>1570.0562239999999</c:v>
                </c:pt>
                <c:pt idx="37">
                  <c:v>1571.98504</c:v>
                </c:pt>
                <c:pt idx="38">
                  <c:v>1573.9138559999999</c:v>
                </c:pt>
                <c:pt idx="39">
                  <c:v>1575.842672</c:v>
                </c:pt>
                <c:pt idx="40">
                  <c:v>1577.7714880000001</c:v>
                </c:pt>
                <c:pt idx="41">
                  <c:v>1579.700304</c:v>
                </c:pt>
                <c:pt idx="42">
                  <c:v>1581.6291200000001</c:v>
                </c:pt>
                <c:pt idx="43">
                  <c:v>1583.5579359999999</c:v>
                </c:pt>
                <c:pt idx="44">
                  <c:v>1585.486752</c:v>
                </c:pt>
                <c:pt idx="45">
                  <c:v>1587.4155679999999</c:v>
                </c:pt>
                <c:pt idx="46">
                  <c:v>1589.344384</c:v>
                </c:pt>
                <c:pt idx="47">
                  <c:v>1591.2732000000001</c:v>
                </c:pt>
                <c:pt idx="48">
                  <c:v>1593.202016</c:v>
                </c:pt>
                <c:pt idx="49">
                  <c:v>1595.1308320000001</c:v>
                </c:pt>
                <c:pt idx="50">
                  <c:v>1597.0596479999999</c:v>
                </c:pt>
                <c:pt idx="51">
                  <c:v>1598.988464</c:v>
                </c:pt>
                <c:pt idx="52">
                  <c:v>1600.9172799999999</c:v>
                </c:pt>
                <c:pt idx="53">
                  <c:v>1602.846096</c:v>
                </c:pt>
                <c:pt idx="54">
                  <c:v>1604.7749120000001</c:v>
                </c:pt>
                <c:pt idx="55">
                  <c:v>1606.703728</c:v>
                </c:pt>
                <c:pt idx="56">
                  <c:v>1608.6325440000001</c:v>
                </c:pt>
                <c:pt idx="57">
                  <c:v>1610.5613599999999</c:v>
                </c:pt>
                <c:pt idx="58">
                  <c:v>1612.490176</c:v>
                </c:pt>
                <c:pt idx="59">
                  <c:v>1614.4189919999999</c:v>
                </c:pt>
                <c:pt idx="60">
                  <c:v>1616.347808</c:v>
                </c:pt>
                <c:pt idx="61">
                  <c:v>1618.2766240000001</c:v>
                </c:pt>
                <c:pt idx="62">
                  <c:v>1620.20544</c:v>
                </c:pt>
                <c:pt idx="63">
                  <c:v>1622.1342560000001</c:v>
                </c:pt>
                <c:pt idx="64">
                  <c:v>1624.0630719999999</c:v>
                </c:pt>
                <c:pt idx="65">
                  <c:v>1625.991888</c:v>
                </c:pt>
                <c:pt idx="66">
                  <c:v>1627.9207039999999</c:v>
                </c:pt>
                <c:pt idx="67">
                  <c:v>1629.84952</c:v>
                </c:pt>
                <c:pt idx="68">
                  <c:v>1631.7783360000001</c:v>
                </c:pt>
                <c:pt idx="69">
                  <c:v>1633.707152</c:v>
                </c:pt>
                <c:pt idx="70">
                  <c:v>1635.635968</c:v>
                </c:pt>
                <c:pt idx="71">
                  <c:v>1637.5647839999999</c:v>
                </c:pt>
                <c:pt idx="72">
                  <c:v>1639.4936</c:v>
                </c:pt>
                <c:pt idx="73">
                  <c:v>1641.4224160000001</c:v>
                </c:pt>
                <c:pt idx="74">
                  <c:v>1643.351232</c:v>
                </c:pt>
                <c:pt idx="75">
                  <c:v>1645.2800480000001</c:v>
                </c:pt>
                <c:pt idx="76">
                  <c:v>1647.2088639999999</c:v>
                </c:pt>
                <c:pt idx="77">
                  <c:v>1649.13768</c:v>
                </c:pt>
                <c:pt idx="78">
                  <c:v>1651.0664959999999</c:v>
                </c:pt>
                <c:pt idx="79">
                  <c:v>1652.995312</c:v>
                </c:pt>
                <c:pt idx="80">
                  <c:v>1654.9241280000001</c:v>
                </c:pt>
                <c:pt idx="81">
                  <c:v>1656.852944</c:v>
                </c:pt>
                <c:pt idx="82">
                  <c:v>1658.7817600000001</c:v>
                </c:pt>
                <c:pt idx="83">
                  <c:v>1660.7105759999999</c:v>
                </c:pt>
                <c:pt idx="84">
                  <c:v>1662.639392</c:v>
                </c:pt>
                <c:pt idx="85">
                  <c:v>1664.5682079999999</c:v>
                </c:pt>
                <c:pt idx="86">
                  <c:v>1666.497024</c:v>
                </c:pt>
                <c:pt idx="87">
                  <c:v>1668.4258400000001</c:v>
                </c:pt>
                <c:pt idx="88">
                  <c:v>1670.354656</c:v>
                </c:pt>
                <c:pt idx="89">
                  <c:v>1672.2834720000001</c:v>
                </c:pt>
                <c:pt idx="90">
                  <c:v>1674.2122879999999</c:v>
                </c:pt>
                <c:pt idx="91">
                  <c:v>1676.141104</c:v>
                </c:pt>
                <c:pt idx="92">
                  <c:v>1678.0699199999999</c:v>
                </c:pt>
                <c:pt idx="93">
                  <c:v>1679.998736</c:v>
                </c:pt>
                <c:pt idx="94">
                  <c:v>1681.9275520000001</c:v>
                </c:pt>
                <c:pt idx="95">
                  <c:v>1683.856368</c:v>
                </c:pt>
                <c:pt idx="96">
                  <c:v>1685.7851840000001</c:v>
                </c:pt>
                <c:pt idx="97">
                  <c:v>1687.7139999999999</c:v>
                </c:pt>
                <c:pt idx="98">
                  <c:v>1689.642816</c:v>
                </c:pt>
                <c:pt idx="99">
                  <c:v>1691.5716319999999</c:v>
                </c:pt>
                <c:pt idx="100">
                  <c:v>1693.500448</c:v>
                </c:pt>
                <c:pt idx="101">
                  <c:v>1695.4292640000001</c:v>
                </c:pt>
                <c:pt idx="102">
                  <c:v>1697.35808</c:v>
                </c:pt>
                <c:pt idx="103">
                  <c:v>1699.2868960000001</c:v>
                </c:pt>
                <c:pt idx="104">
                  <c:v>1701.2157119999999</c:v>
                </c:pt>
                <c:pt idx="105">
                  <c:v>1703.144528</c:v>
                </c:pt>
                <c:pt idx="106">
                  <c:v>1705.0733439999999</c:v>
                </c:pt>
                <c:pt idx="107">
                  <c:v>1707.00216</c:v>
                </c:pt>
                <c:pt idx="108">
                  <c:v>1708.9309760000001</c:v>
                </c:pt>
                <c:pt idx="109">
                  <c:v>1710.859792</c:v>
                </c:pt>
                <c:pt idx="110">
                  <c:v>1712.7886080000001</c:v>
                </c:pt>
                <c:pt idx="111">
                  <c:v>1714.7174239999999</c:v>
                </c:pt>
                <c:pt idx="112">
                  <c:v>1716.64624</c:v>
                </c:pt>
                <c:pt idx="113">
                  <c:v>1718.5750559999999</c:v>
                </c:pt>
                <c:pt idx="114">
                  <c:v>1720.503872</c:v>
                </c:pt>
                <c:pt idx="115">
                  <c:v>1722.4326880000001</c:v>
                </c:pt>
                <c:pt idx="116">
                  <c:v>1724.361504</c:v>
                </c:pt>
                <c:pt idx="117">
                  <c:v>1726.2903200000001</c:v>
                </c:pt>
                <c:pt idx="118">
                  <c:v>1728.2191359999999</c:v>
                </c:pt>
                <c:pt idx="119">
                  <c:v>1730.147952</c:v>
                </c:pt>
                <c:pt idx="120">
                  <c:v>1732.0767679999999</c:v>
                </c:pt>
                <c:pt idx="121">
                  <c:v>1734.005584</c:v>
                </c:pt>
                <c:pt idx="122">
                  <c:v>1735.9344000000001</c:v>
                </c:pt>
                <c:pt idx="123">
                  <c:v>1737.863216</c:v>
                </c:pt>
                <c:pt idx="124">
                  <c:v>1739.7920320000001</c:v>
                </c:pt>
                <c:pt idx="125">
                  <c:v>1741.7208479999999</c:v>
                </c:pt>
                <c:pt idx="126">
                  <c:v>1743.649664</c:v>
                </c:pt>
                <c:pt idx="127">
                  <c:v>1745.5784799999999</c:v>
                </c:pt>
                <c:pt idx="128">
                  <c:v>1747.507296</c:v>
                </c:pt>
                <c:pt idx="129">
                  <c:v>1749.4361120000001</c:v>
                </c:pt>
                <c:pt idx="130">
                  <c:v>1751.364928</c:v>
                </c:pt>
                <c:pt idx="131">
                  <c:v>1753.2937440000001</c:v>
                </c:pt>
                <c:pt idx="132">
                  <c:v>1755.2225599999999</c:v>
                </c:pt>
                <c:pt idx="133">
                  <c:v>1757.151376</c:v>
                </c:pt>
                <c:pt idx="134">
                  <c:v>1759.0801919999999</c:v>
                </c:pt>
                <c:pt idx="135">
                  <c:v>1761.009008</c:v>
                </c:pt>
                <c:pt idx="136">
                  <c:v>1762.9378240000001</c:v>
                </c:pt>
                <c:pt idx="137">
                  <c:v>1764.86664</c:v>
                </c:pt>
                <c:pt idx="138">
                  <c:v>1766.7954560000001</c:v>
                </c:pt>
                <c:pt idx="139">
                  <c:v>1768.7242719999999</c:v>
                </c:pt>
                <c:pt idx="140">
                  <c:v>1770.653088</c:v>
                </c:pt>
                <c:pt idx="141">
                  <c:v>1772.5819039999999</c:v>
                </c:pt>
                <c:pt idx="142">
                  <c:v>1774.51072</c:v>
                </c:pt>
                <c:pt idx="143">
                  <c:v>1776.4395360000001</c:v>
                </c:pt>
                <c:pt idx="144">
                  <c:v>1778.368352</c:v>
                </c:pt>
                <c:pt idx="145">
                  <c:v>1780.2971680000001</c:v>
                </c:pt>
                <c:pt idx="146">
                  <c:v>1782.2259839999999</c:v>
                </c:pt>
                <c:pt idx="147">
                  <c:v>1784.1548</c:v>
                </c:pt>
                <c:pt idx="148">
                  <c:v>1786.0836159999999</c:v>
                </c:pt>
                <c:pt idx="149">
                  <c:v>1788.012432</c:v>
                </c:pt>
                <c:pt idx="150">
                  <c:v>1789.9412480000001</c:v>
                </c:pt>
                <c:pt idx="151">
                  <c:v>1791.870064</c:v>
                </c:pt>
                <c:pt idx="152">
                  <c:v>1793.7988800000001</c:v>
                </c:pt>
                <c:pt idx="153">
                  <c:v>1795.7276959999999</c:v>
                </c:pt>
                <c:pt idx="154">
                  <c:v>1797.656512</c:v>
                </c:pt>
                <c:pt idx="155">
                  <c:v>1799.5853279999999</c:v>
                </c:pt>
                <c:pt idx="156">
                  <c:v>1801.514144</c:v>
                </c:pt>
                <c:pt idx="157">
                  <c:v>1803.4429600000001</c:v>
                </c:pt>
                <c:pt idx="158">
                  <c:v>1805.371776</c:v>
                </c:pt>
                <c:pt idx="159">
                  <c:v>1807.3005920000001</c:v>
                </c:pt>
                <c:pt idx="160">
                  <c:v>1809.2294079999999</c:v>
                </c:pt>
                <c:pt idx="161">
                  <c:v>1811.158224</c:v>
                </c:pt>
                <c:pt idx="162">
                  <c:v>1813.0870399999999</c:v>
                </c:pt>
                <c:pt idx="163">
                  <c:v>1815.015856</c:v>
                </c:pt>
                <c:pt idx="164">
                  <c:v>1816.9446720000001</c:v>
                </c:pt>
                <c:pt idx="165">
                  <c:v>1818.873488</c:v>
                </c:pt>
                <c:pt idx="166">
                  <c:v>1820.802304</c:v>
                </c:pt>
                <c:pt idx="167">
                  <c:v>1822.7311199999999</c:v>
                </c:pt>
                <c:pt idx="168">
                  <c:v>1824.659936</c:v>
                </c:pt>
                <c:pt idx="169">
                  <c:v>1826.5887520000001</c:v>
                </c:pt>
                <c:pt idx="170">
                  <c:v>1828.517568</c:v>
                </c:pt>
                <c:pt idx="171">
                  <c:v>1830.4463840000001</c:v>
                </c:pt>
                <c:pt idx="172">
                  <c:v>1832.3751999999999</c:v>
                </c:pt>
                <c:pt idx="173">
                  <c:v>1834.304016</c:v>
                </c:pt>
                <c:pt idx="174">
                  <c:v>1836.2328319999999</c:v>
                </c:pt>
                <c:pt idx="175">
                  <c:v>1838.161648</c:v>
                </c:pt>
                <c:pt idx="176">
                  <c:v>1840.0904640000001</c:v>
                </c:pt>
                <c:pt idx="177">
                  <c:v>1842.01928</c:v>
                </c:pt>
                <c:pt idx="178">
                  <c:v>1843.9480960000001</c:v>
                </c:pt>
                <c:pt idx="179">
                  <c:v>1845.8769119999999</c:v>
                </c:pt>
                <c:pt idx="180">
                  <c:v>1847.805728</c:v>
                </c:pt>
                <c:pt idx="181">
                  <c:v>1849.7345439999999</c:v>
                </c:pt>
                <c:pt idx="182">
                  <c:v>1851.66336</c:v>
                </c:pt>
                <c:pt idx="183">
                  <c:v>1853.5921760000001</c:v>
                </c:pt>
                <c:pt idx="184">
                  <c:v>1855.520992</c:v>
                </c:pt>
                <c:pt idx="185">
                  <c:v>1857.4498080000001</c:v>
                </c:pt>
                <c:pt idx="186">
                  <c:v>1859.3786239999999</c:v>
                </c:pt>
                <c:pt idx="187">
                  <c:v>1861.30744</c:v>
                </c:pt>
                <c:pt idx="188">
                  <c:v>1863.2362559999999</c:v>
                </c:pt>
                <c:pt idx="189">
                  <c:v>1865.165072</c:v>
                </c:pt>
                <c:pt idx="190">
                  <c:v>1867.0938880000001</c:v>
                </c:pt>
                <c:pt idx="191">
                  <c:v>1869.022704</c:v>
                </c:pt>
                <c:pt idx="192">
                  <c:v>1870.9515200000001</c:v>
                </c:pt>
                <c:pt idx="193">
                  <c:v>1872.8803359999999</c:v>
                </c:pt>
                <c:pt idx="194">
                  <c:v>1874.809152</c:v>
                </c:pt>
                <c:pt idx="195">
                  <c:v>1876.7379679999999</c:v>
                </c:pt>
                <c:pt idx="196">
                  <c:v>1878.666784</c:v>
                </c:pt>
                <c:pt idx="197">
                  <c:v>1880.5956000000001</c:v>
                </c:pt>
                <c:pt idx="198">
                  <c:v>1882.524416</c:v>
                </c:pt>
                <c:pt idx="199">
                  <c:v>1884.4532320000001</c:v>
                </c:pt>
                <c:pt idx="200">
                  <c:v>1886.3820479999999</c:v>
                </c:pt>
                <c:pt idx="201">
                  <c:v>1888.310864</c:v>
                </c:pt>
                <c:pt idx="202">
                  <c:v>1890.2396799999999</c:v>
                </c:pt>
                <c:pt idx="203">
                  <c:v>1892.168496</c:v>
                </c:pt>
                <c:pt idx="204">
                  <c:v>1894.0973120000001</c:v>
                </c:pt>
                <c:pt idx="205">
                  <c:v>1896.026128</c:v>
                </c:pt>
                <c:pt idx="206">
                  <c:v>1897.9549440000001</c:v>
                </c:pt>
                <c:pt idx="207">
                  <c:v>1899.8837599999999</c:v>
                </c:pt>
                <c:pt idx="208">
                  <c:v>1901.812576</c:v>
                </c:pt>
                <c:pt idx="209">
                  <c:v>1903.7413919999999</c:v>
                </c:pt>
                <c:pt idx="210">
                  <c:v>1905.670208</c:v>
                </c:pt>
                <c:pt idx="211">
                  <c:v>1907.5990240000001</c:v>
                </c:pt>
                <c:pt idx="212">
                  <c:v>1909.52784</c:v>
                </c:pt>
                <c:pt idx="213">
                  <c:v>1911.4566560000001</c:v>
                </c:pt>
                <c:pt idx="214">
                  <c:v>1913.3854719999999</c:v>
                </c:pt>
                <c:pt idx="215">
                  <c:v>1915.314288</c:v>
                </c:pt>
                <c:pt idx="216">
                  <c:v>1917.2431039999999</c:v>
                </c:pt>
                <c:pt idx="217">
                  <c:v>1919.17192</c:v>
                </c:pt>
                <c:pt idx="218">
                  <c:v>1921.1007360000001</c:v>
                </c:pt>
                <c:pt idx="219">
                  <c:v>1923.029552</c:v>
                </c:pt>
                <c:pt idx="220">
                  <c:v>1924.9583680000001</c:v>
                </c:pt>
                <c:pt idx="221">
                  <c:v>1926.8871839999999</c:v>
                </c:pt>
                <c:pt idx="222">
                  <c:v>1928.816</c:v>
                </c:pt>
                <c:pt idx="223">
                  <c:v>1930.7448159999999</c:v>
                </c:pt>
                <c:pt idx="224">
                  <c:v>1932.673632</c:v>
                </c:pt>
                <c:pt idx="225">
                  <c:v>1934.6024480000001</c:v>
                </c:pt>
                <c:pt idx="226">
                  <c:v>1936.531264</c:v>
                </c:pt>
                <c:pt idx="227">
                  <c:v>1938.4600800000001</c:v>
                </c:pt>
                <c:pt idx="228">
                  <c:v>1940.3888959999999</c:v>
                </c:pt>
                <c:pt idx="229">
                  <c:v>1942.317712</c:v>
                </c:pt>
                <c:pt idx="230">
                  <c:v>1944.2465279999999</c:v>
                </c:pt>
                <c:pt idx="231">
                  <c:v>1946.175344</c:v>
                </c:pt>
                <c:pt idx="232">
                  <c:v>1948.1041600000001</c:v>
                </c:pt>
                <c:pt idx="233">
                  <c:v>1950.032976</c:v>
                </c:pt>
                <c:pt idx="234">
                  <c:v>1951.9617920000001</c:v>
                </c:pt>
                <c:pt idx="235">
                  <c:v>1953.8906079999999</c:v>
                </c:pt>
                <c:pt idx="236">
                  <c:v>1955.819424</c:v>
                </c:pt>
                <c:pt idx="237">
                  <c:v>1957.7482399999999</c:v>
                </c:pt>
                <c:pt idx="238">
                  <c:v>1959.677056</c:v>
                </c:pt>
                <c:pt idx="239">
                  <c:v>1961.6058720000001</c:v>
                </c:pt>
                <c:pt idx="240">
                  <c:v>1963.534688</c:v>
                </c:pt>
                <c:pt idx="241">
                  <c:v>1965.4635040000001</c:v>
                </c:pt>
                <c:pt idx="242">
                  <c:v>1967.3923199999999</c:v>
                </c:pt>
                <c:pt idx="243">
                  <c:v>1969.321136</c:v>
                </c:pt>
                <c:pt idx="244">
                  <c:v>1971.2499519999999</c:v>
                </c:pt>
                <c:pt idx="245">
                  <c:v>1973.178768</c:v>
                </c:pt>
                <c:pt idx="246">
                  <c:v>1975.1075840000001</c:v>
                </c:pt>
                <c:pt idx="247">
                  <c:v>1977.0364</c:v>
                </c:pt>
                <c:pt idx="248">
                  <c:v>1978.9652160000001</c:v>
                </c:pt>
                <c:pt idx="249">
                  <c:v>1980.8940319999999</c:v>
                </c:pt>
                <c:pt idx="250">
                  <c:v>1982.822848</c:v>
                </c:pt>
                <c:pt idx="251">
                  <c:v>1984.7516639999999</c:v>
                </c:pt>
                <c:pt idx="252">
                  <c:v>1986.68048</c:v>
                </c:pt>
                <c:pt idx="253">
                  <c:v>1988.6092960000001</c:v>
                </c:pt>
                <c:pt idx="254">
                  <c:v>1990.538112</c:v>
                </c:pt>
                <c:pt idx="255">
                  <c:v>1992.4669280000001</c:v>
                </c:pt>
                <c:pt idx="256">
                  <c:v>1994.3957439999999</c:v>
                </c:pt>
                <c:pt idx="257">
                  <c:v>1996.32456</c:v>
                </c:pt>
                <c:pt idx="258">
                  <c:v>1998.2533759999999</c:v>
                </c:pt>
                <c:pt idx="259">
                  <c:v>2000.182192</c:v>
                </c:pt>
                <c:pt idx="260">
                  <c:v>2002.1110080000001</c:v>
                </c:pt>
                <c:pt idx="261">
                  <c:v>2004.039824</c:v>
                </c:pt>
                <c:pt idx="262">
                  <c:v>2005.9686400000001</c:v>
                </c:pt>
                <c:pt idx="263">
                  <c:v>2007.8974559999999</c:v>
                </c:pt>
                <c:pt idx="264">
                  <c:v>2009.826272</c:v>
                </c:pt>
                <c:pt idx="265">
                  <c:v>2011.7550879999999</c:v>
                </c:pt>
                <c:pt idx="266">
                  <c:v>2013.683904</c:v>
                </c:pt>
                <c:pt idx="267">
                  <c:v>2015.6127200000001</c:v>
                </c:pt>
                <c:pt idx="268">
                  <c:v>2017.541536</c:v>
                </c:pt>
                <c:pt idx="269">
                  <c:v>2019.470352</c:v>
                </c:pt>
                <c:pt idx="270">
                  <c:v>2021.3991679999999</c:v>
                </c:pt>
                <c:pt idx="271">
                  <c:v>2023.327984</c:v>
                </c:pt>
                <c:pt idx="272">
                  <c:v>2025.2568000000001</c:v>
                </c:pt>
                <c:pt idx="273">
                  <c:v>2027.185616</c:v>
                </c:pt>
                <c:pt idx="274">
                  <c:v>2029.1144320000001</c:v>
                </c:pt>
                <c:pt idx="275">
                  <c:v>2031.0432479999999</c:v>
                </c:pt>
                <c:pt idx="276">
                  <c:v>2032.972064</c:v>
                </c:pt>
                <c:pt idx="277">
                  <c:v>2034.9008799999999</c:v>
                </c:pt>
                <c:pt idx="278">
                  <c:v>2036.829696</c:v>
                </c:pt>
                <c:pt idx="279">
                  <c:v>2038.7585120000001</c:v>
                </c:pt>
                <c:pt idx="280">
                  <c:v>2040.687328</c:v>
                </c:pt>
                <c:pt idx="281">
                  <c:v>2042.6161440000001</c:v>
                </c:pt>
                <c:pt idx="282">
                  <c:v>2044.5449599999999</c:v>
                </c:pt>
                <c:pt idx="283">
                  <c:v>2046.473776</c:v>
                </c:pt>
                <c:pt idx="284">
                  <c:v>2048.4025919999999</c:v>
                </c:pt>
                <c:pt idx="285">
                  <c:v>2050.331408</c:v>
                </c:pt>
                <c:pt idx="286">
                  <c:v>2052.2602240000001</c:v>
                </c:pt>
                <c:pt idx="287">
                  <c:v>2054.1890400000002</c:v>
                </c:pt>
                <c:pt idx="288">
                  <c:v>2056.1178559999998</c:v>
                </c:pt>
                <c:pt idx="289">
                  <c:v>2058.0466719999999</c:v>
                </c:pt>
                <c:pt idx="290">
                  <c:v>2059.975488</c:v>
                </c:pt>
                <c:pt idx="291">
                  <c:v>2061.9043040000001</c:v>
                </c:pt>
                <c:pt idx="292">
                  <c:v>2063.8331199999998</c:v>
                </c:pt>
                <c:pt idx="293">
                  <c:v>2065.7619359999999</c:v>
                </c:pt>
                <c:pt idx="294">
                  <c:v>2067.690752</c:v>
                </c:pt>
                <c:pt idx="295">
                  <c:v>2069.6195680000001</c:v>
                </c:pt>
                <c:pt idx="296">
                  <c:v>2071.5483840000002</c:v>
                </c:pt>
                <c:pt idx="297">
                  <c:v>2073.4771999999998</c:v>
                </c:pt>
                <c:pt idx="298">
                  <c:v>2075.4060159999999</c:v>
                </c:pt>
                <c:pt idx="299">
                  <c:v>2077.334832</c:v>
                </c:pt>
                <c:pt idx="300">
                  <c:v>2079.2636480000001</c:v>
                </c:pt>
                <c:pt idx="301">
                  <c:v>2081.1924640000002</c:v>
                </c:pt>
                <c:pt idx="302">
                  <c:v>2083.1212799999998</c:v>
                </c:pt>
                <c:pt idx="303">
                  <c:v>2085.0500959999999</c:v>
                </c:pt>
                <c:pt idx="304">
                  <c:v>2086.978912</c:v>
                </c:pt>
                <c:pt idx="305">
                  <c:v>2088.9077280000001</c:v>
                </c:pt>
                <c:pt idx="306">
                  <c:v>2090.8365439999998</c:v>
                </c:pt>
                <c:pt idx="307">
                  <c:v>2092.7653599999999</c:v>
                </c:pt>
                <c:pt idx="308">
                  <c:v>2094.694176</c:v>
                </c:pt>
                <c:pt idx="309">
                  <c:v>2096.6229920000001</c:v>
                </c:pt>
                <c:pt idx="310">
                  <c:v>2098.5518080000002</c:v>
                </c:pt>
                <c:pt idx="311">
                  <c:v>2100.4806239999998</c:v>
                </c:pt>
                <c:pt idx="312">
                  <c:v>2102.4094399999999</c:v>
                </c:pt>
                <c:pt idx="313">
                  <c:v>2104.338256</c:v>
                </c:pt>
                <c:pt idx="314">
                  <c:v>2106.2670720000001</c:v>
                </c:pt>
                <c:pt idx="315">
                  <c:v>2108.1958880000002</c:v>
                </c:pt>
                <c:pt idx="316">
                  <c:v>2110.1247039999998</c:v>
                </c:pt>
                <c:pt idx="317">
                  <c:v>2112.0535199999999</c:v>
                </c:pt>
                <c:pt idx="318">
                  <c:v>2113.982336</c:v>
                </c:pt>
                <c:pt idx="319">
                  <c:v>2115.9111520000001</c:v>
                </c:pt>
                <c:pt idx="320">
                  <c:v>2117.8399680000002</c:v>
                </c:pt>
                <c:pt idx="321">
                  <c:v>2119.7687839999999</c:v>
                </c:pt>
                <c:pt idx="322">
                  <c:v>2121.6976</c:v>
                </c:pt>
                <c:pt idx="323">
                  <c:v>2123.6264160000001</c:v>
                </c:pt>
                <c:pt idx="324">
                  <c:v>2125.5552320000002</c:v>
                </c:pt>
                <c:pt idx="325">
                  <c:v>2127.4840479999998</c:v>
                </c:pt>
                <c:pt idx="326">
                  <c:v>2129.4128639999999</c:v>
                </c:pt>
                <c:pt idx="327">
                  <c:v>2131.34168</c:v>
                </c:pt>
                <c:pt idx="328">
                  <c:v>2133.2704960000001</c:v>
                </c:pt>
                <c:pt idx="329">
                  <c:v>2135.1993120000002</c:v>
                </c:pt>
                <c:pt idx="330">
                  <c:v>2137.1281279999998</c:v>
                </c:pt>
                <c:pt idx="331">
                  <c:v>2139.0569439999999</c:v>
                </c:pt>
                <c:pt idx="332">
                  <c:v>2140.98576</c:v>
                </c:pt>
                <c:pt idx="333">
                  <c:v>2142.9145760000001</c:v>
                </c:pt>
                <c:pt idx="334">
                  <c:v>2144.8433920000002</c:v>
                </c:pt>
                <c:pt idx="335">
                  <c:v>2146.7722079999999</c:v>
                </c:pt>
                <c:pt idx="336">
                  <c:v>2148.701024</c:v>
                </c:pt>
                <c:pt idx="337">
                  <c:v>2150.6298400000001</c:v>
                </c:pt>
                <c:pt idx="338">
                  <c:v>2152.5586560000002</c:v>
                </c:pt>
                <c:pt idx="339">
                  <c:v>2154.4874719999998</c:v>
                </c:pt>
                <c:pt idx="340">
                  <c:v>2156.4162879999999</c:v>
                </c:pt>
                <c:pt idx="341">
                  <c:v>2158.345104</c:v>
                </c:pt>
                <c:pt idx="342">
                  <c:v>2160.2739200000001</c:v>
                </c:pt>
                <c:pt idx="343">
                  <c:v>2162.2027360000002</c:v>
                </c:pt>
                <c:pt idx="344">
                  <c:v>2164.1315519999998</c:v>
                </c:pt>
                <c:pt idx="345">
                  <c:v>2166.0603679999999</c:v>
                </c:pt>
                <c:pt idx="346">
                  <c:v>2167.989184</c:v>
                </c:pt>
                <c:pt idx="347">
                  <c:v>2169.9180000000001</c:v>
                </c:pt>
                <c:pt idx="348">
                  <c:v>2171.8468160000002</c:v>
                </c:pt>
                <c:pt idx="349">
                  <c:v>2173.7756319999999</c:v>
                </c:pt>
                <c:pt idx="350">
                  <c:v>2175.704448</c:v>
                </c:pt>
                <c:pt idx="351">
                  <c:v>2177.6332640000001</c:v>
                </c:pt>
                <c:pt idx="352">
                  <c:v>2179.5620800000002</c:v>
                </c:pt>
                <c:pt idx="353">
                  <c:v>2181.4908959999998</c:v>
                </c:pt>
                <c:pt idx="354">
                  <c:v>2183.4197119999999</c:v>
                </c:pt>
                <c:pt idx="355">
                  <c:v>2185.348528</c:v>
                </c:pt>
                <c:pt idx="356">
                  <c:v>2187.2773440000001</c:v>
                </c:pt>
                <c:pt idx="357">
                  <c:v>2189.2061600000002</c:v>
                </c:pt>
                <c:pt idx="358">
                  <c:v>2191.1349759999998</c:v>
                </c:pt>
                <c:pt idx="359">
                  <c:v>2193.0637919999999</c:v>
                </c:pt>
                <c:pt idx="360">
                  <c:v>2194.992608</c:v>
                </c:pt>
                <c:pt idx="361">
                  <c:v>2196.9214240000001</c:v>
                </c:pt>
                <c:pt idx="362">
                  <c:v>2198.8502400000002</c:v>
                </c:pt>
                <c:pt idx="363">
                  <c:v>2200.7790559999999</c:v>
                </c:pt>
                <c:pt idx="364">
                  <c:v>2202.707872</c:v>
                </c:pt>
                <c:pt idx="365">
                  <c:v>2204.636688</c:v>
                </c:pt>
                <c:pt idx="366">
                  <c:v>2206.5655040000001</c:v>
                </c:pt>
                <c:pt idx="367">
                  <c:v>2208.4943199999998</c:v>
                </c:pt>
                <c:pt idx="368">
                  <c:v>2210.4231359999999</c:v>
                </c:pt>
                <c:pt idx="369">
                  <c:v>2212.351952</c:v>
                </c:pt>
                <c:pt idx="370">
                  <c:v>2214.2807680000001</c:v>
                </c:pt>
                <c:pt idx="371">
                  <c:v>2216.2095840000002</c:v>
                </c:pt>
                <c:pt idx="372">
                  <c:v>2218.1383999999998</c:v>
                </c:pt>
                <c:pt idx="373">
                  <c:v>2220.0672159999999</c:v>
                </c:pt>
                <c:pt idx="374">
                  <c:v>2221.996032</c:v>
                </c:pt>
                <c:pt idx="375">
                  <c:v>2223.9248480000001</c:v>
                </c:pt>
                <c:pt idx="376">
                  <c:v>2225.8536640000002</c:v>
                </c:pt>
                <c:pt idx="377">
                  <c:v>2227.7824799999999</c:v>
                </c:pt>
                <c:pt idx="378">
                  <c:v>2229.7112959999999</c:v>
                </c:pt>
                <c:pt idx="379">
                  <c:v>2231.640112</c:v>
                </c:pt>
                <c:pt idx="380">
                  <c:v>2233.5689280000001</c:v>
                </c:pt>
                <c:pt idx="381">
                  <c:v>2235.4977439999998</c:v>
                </c:pt>
                <c:pt idx="382">
                  <c:v>2237.4265599999999</c:v>
                </c:pt>
                <c:pt idx="383">
                  <c:v>2239.355376</c:v>
                </c:pt>
                <c:pt idx="384">
                  <c:v>2241.2841920000001</c:v>
                </c:pt>
                <c:pt idx="385">
                  <c:v>2243.2130080000002</c:v>
                </c:pt>
                <c:pt idx="386">
                  <c:v>2245.1418239999998</c:v>
                </c:pt>
                <c:pt idx="387">
                  <c:v>2247.0706399999999</c:v>
                </c:pt>
                <c:pt idx="388">
                  <c:v>2248.999456</c:v>
                </c:pt>
                <c:pt idx="389">
                  <c:v>2250.9282720000001</c:v>
                </c:pt>
                <c:pt idx="390">
                  <c:v>2252.8570880000002</c:v>
                </c:pt>
                <c:pt idx="391">
                  <c:v>2254.7859039999998</c:v>
                </c:pt>
                <c:pt idx="392">
                  <c:v>2256.7147199999999</c:v>
                </c:pt>
                <c:pt idx="393">
                  <c:v>2258.643536</c:v>
                </c:pt>
                <c:pt idx="394">
                  <c:v>2260.5723520000001</c:v>
                </c:pt>
                <c:pt idx="395">
                  <c:v>2262.5011679999998</c:v>
                </c:pt>
                <c:pt idx="396">
                  <c:v>2264.4299839999999</c:v>
                </c:pt>
                <c:pt idx="397">
                  <c:v>2266.3588</c:v>
                </c:pt>
                <c:pt idx="398">
                  <c:v>2268.2876160000001</c:v>
                </c:pt>
                <c:pt idx="399">
                  <c:v>2270.2164320000002</c:v>
                </c:pt>
                <c:pt idx="400">
                  <c:v>2272.1452479999998</c:v>
                </c:pt>
                <c:pt idx="401">
                  <c:v>2274.0740639999999</c:v>
                </c:pt>
                <c:pt idx="402">
                  <c:v>2276.00288</c:v>
                </c:pt>
                <c:pt idx="403">
                  <c:v>2277.9316960000001</c:v>
                </c:pt>
                <c:pt idx="404">
                  <c:v>2279.8605120000002</c:v>
                </c:pt>
                <c:pt idx="405">
                  <c:v>2281.7893279999998</c:v>
                </c:pt>
                <c:pt idx="406">
                  <c:v>2283.7181439999999</c:v>
                </c:pt>
                <c:pt idx="407">
                  <c:v>2285.64696</c:v>
                </c:pt>
                <c:pt idx="408">
                  <c:v>2287.5757760000001</c:v>
                </c:pt>
                <c:pt idx="409">
                  <c:v>2289.5045919999998</c:v>
                </c:pt>
                <c:pt idx="410">
                  <c:v>2291.4334079999999</c:v>
                </c:pt>
                <c:pt idx="411">
                  <c:v>2293.362224</c:v>
                </c:pt>
                <c:pt idx="412">
                  <c:v>2295.2910400000001</c:v>
                </c:pt>
                <c:pt idx="413">
                  <c:v>2297.2198560000002</c:v>
                </c:pt>
                <c:pt idx="414">
                  <c:v>2299.1486719999998</c:v>
                </c:pt>
                <c:pt idx="415">
                  <c:v>2301.0774879999999</c:v>
                </c:pt>
                <c:pt idx="416">
                  <c:v>2303.006304</c:v>
                </c:pt>
                <c:pt idx="417">
                  <c:v>2304.9351200000001</c:v>
                </c:pt>
                <c:pt idx="418">
                  <c:v>2306.8639360000002</c:v>
                </c:pt>
                <c:pt idx="419">
                  <c:v>2308.7927519999998</c:v>
                </c:pt>
                <c:pt idx="420">
                  <c:v>2310.7215679999999</c:v>
                </c:pt>
                <c:pt idx="421">
                  <c:v>2312.650384</c:v>
                </c:pt>
                <c:pt idx="422">
                  <c:v>2314.5792000000001</c:v>
                </c:pt>
                <c:pt idx="423">
                  <c:v>2316.5080160000002</c:v>
                </c:pt>
                <c:pt idx="424">
                  <c:v>2318.4368319999999</c:v>
                </c:pt>
                <c:pt idx="425">
                  <c:v>2320.365648</c:v>
                </c:pt>
                <c:pt idx="426">
                  <c:v>2322.2944640000001</c:v>
                </c:pt>
                <c:pt idx="427">
                  <c:v>2324.2232800000002</c:v>
                </c:pt>
                <c:pt idx="428">
                  <c:v>2326.1520959999998</c:v>
                </c:pt>
                <c:pt idx="429">
                  <c:v>2328.0809119999999</c:v>
                </c:pt>
                <c:pt idx="430">
                  <c:v>2330.009728</c:v>
                </c:pt>
                <c:pt idx="431">
                  <c:v>2331.9385440000001</c:v>
                </c:pt>
                <c:pt idx="432">
                  <c:v>2333.8673600000002</c:v>
                </c:pt>
                <c:pt idx="433">
                  <c:v>2335.7961759999998</c:v>
                </c:pt>
                <c:pt idx="434">
                  <c:v>2337.7249919999999</c:v>
                </c:pt>
                <c:pt idx="435">
                  <c:v>2339.653808</c:v>
                </c:pt>
                <c:pt idx="436">
                  <c:v>2341.5826240000001</c:v>
                </c:pt>
                <c:pt idx="437">
                  <c:v>2343.5114400000002</c:v>
                </c:pt>
                <c:pt idx="438">
                  <c:v>2345.4402559999999</c:v>
                </c:pt>
                <c:pt idx="439">
                  <c:v>2347.369072</c:v>
                </c:pt>
                <c:pt idx="440">
                  <c:v>2349.2978880000001</c:v>
                </c:pt>
                <c:pt idx="441">
                  <c:v>2351.2267040000002</c:v>
                </c:pt>
                <c:pt idx="442">
                  <c:v>2353.1555199999998</c:v>
                </c:pt>
                <c:pt idx="443">
                  <c:v>2355.0843359999999</c:v>
                </c:pt>
                <c:pt idx="444">
                  <c:v>2357.013152</c:v>
                </c:pt>
                <c:pt idx="445">
                  <c:v>2358.9419680000001</c:v>
                </c:pt>
                <c:pt idx="446">
                  <c:v>2360.8707840000002</c:v>
                </c:pt>
                <c:pt idx="447">
                  <c:v>2362.7995999999998</c:v>
                </c:pt>
                <c:pt idx="448">
                  <c:v>2364.7284159999999</c:v>
                </c:pt>
                <c:pt idx="449">
                  <c:v>2366.657232</c:v>
                </c:pt>
                <c:pt idx="450">
                  <c:v>2368.5860480000001</c:v>
                </c:pt>
                <c:pt idx="451">
                  <c:v>2370.5148640000002</c:v>
                </c:pt>
                <c:pt idx="452">
                  <c:v>2372.4436799999999</c:v>
                </c:pt>
                <c:pt idx="453">
                  <c:v>2374.372496</c:v>
                </c:pt>
                <c:pt idx="454">
                  <c:v>2376.3013120000001</c:v>
                </c:pt>
                <c:pt idx="455">
                  <c:v>2378.2301280000001</c:v>
                </c:pt>
                <c:pt idx="456">
                  <c:v>2380.1589439999998</c:v>
                </c:pt>
                <c:pt idx="457">
                  <c:v>2382.0877599999999</c:v>
                </c:pt>
                <c:pt idx="458">
                  <c:v>2384.016576</c:v>
                </c:pt>
                <c:pt idx="459">
                  <c:v>2385.9453920000001</c:v>
                </c:pt>
                <c:pt idx="460">
                  <c:v>2387.8742080000002</c:v>
                </c:pt>
                <c:pt idx="461">
                  <c:v>2389.8030239999998</c:v>
                </c:pt>
                <c:pt idx="462">
                  <c:v>2391.7318399999999</c:v>
                </c:pt>
                <c:pt idx="463">
                  <c:v>2393.660656</c:v>
                </c:pt>
                <c:pt idx="464">
                  <c:v>2395.5894720000001</c:v>
                </c:pt>
                <c:pt idx="465">
                  <c:v>2397.5182880000002</c:v>
                </c:pt>
                <c:pt idx="466">
                  <c:v>2399.4471039999999</c:v>
                </c:pt>
                <c:pt idx="467">
                  <c:v>2401.37592</c:v>
                </c:pt>
                <c:pt idx="468">
                  <c:v>2403.304736</c:v>
                </c:pt>
                <c:pt idx="469">
                  <c:v>2405.2335520000001</c:v>
                </c:pt>
                <c:pt idx="470">
                  <c:v>2407.1623679999998</c:v>
                </c:pt>
                <c:pt idx="471">
                  <c:v>2409.0911839999999</c:v>
                </c:pt>
                <c:pt idx="472">
                  <c:v>2411.02</c:v>
                </c:pt>
                <c:pt idx="473">
                  <c:v>2412.9488160000001</c:v>
                </c:pt>
                <c:pt idx="474">
                  <c:v>2414.8776320000002</c:v>
                </c:pt>
                <c:pt idx="475">
                  <c:v>2416.8064479999998</c:v>
                </c:pt>
                <c:pt idx="476">
                  <c:v>2418.7352639999999</c:v>
                </c:pt>
                <c:pt idx="477">
                  <c:v>2420.66408</c:v>
                </c:pt>
                <c:pt idx="478">
                  <c:v>2422.5928960000001</c:v>
                </c:pt>
                <c:pt idx="479">
                  <c:v>2424.5217120000002</c:v>
                </c:pt>
                <c:pt idx="480">
                  <c:v>2426.4505279999998</c:v>
                </c:pt>
                <c:pt idx="481">
                  <c:v>2428.3793439999999</c:v>
                </c:pt>
                <c:pt idx="482">
                  <c:v>2430.30816</c:v>
                </c:pt>
                <c:pt idx="483">
                  <c:v>2432.2369760000001</c:v>
                </c:pt>
                <c:pt idx="484">
                  <c:v>2434.1657919999998</c:v>
                </c:pt>
                <c:pt idx="485">
                  <c:v>2436.0946079999999</c:v>
                </c:pt>
                <c:pt idx="486">
                  <c:v>2438.023424</c:v>
                </c:pt>
                <c:pt idx="487">
                  <c:v>2439.9522400000001</c:v>
                </c:pt>
                <c:pt idx="488">
                  <c:v>2441.8810560000002</c:v>
                </c:pt>
                <c:pt idx="489">
                  <c:v>2443.8098719999998</c:v>
                </c:pt>
                <c:pt idx="490">
                  <c:v>2445.7386879999999</c:v>
                </c:pt>
                <c:pt idx="491">
                  <c:v>2447.667504</c:v>
                </c:pt>
                <c:pt idx="492">
                  <c:v>2449.5963200000001</c:v>
                </c:pt>
                <c:pt idx="493">
                  <c:v>2451.5251360000002</c:v>
                </c:pt>
                <c:pt idx="494">
                  <c:v>2453.4539519999998</c:v>
                </c:pt>
                <c:pt idx="495">
                  <c:v>2455.3827679999999</c:v>
                </c:pt>
                <c:pt idx="496">
                  <c:v>2457.311584</c:v>
                </c:pt>
                <c:pt idx="497">
                  <c:v>2459.2404000000001</c:v>
                </c:pt>
                <c:pt idx="498">
                  <c:v>2461.1692159999998</c:v>
                </c:pt>
                <c:pt idx="499">
                  <c:v>2463.0980319999999</c:v>
                </c:pt>
                <c:pt idx="500">
                  <c:v>2465.026848</c:v>
                </c:pt>
                <c:pt idx="501">
                  <c:v>2466.9556640000001</c:v>
                </c:pt>
                <c:pt idx="502">
                  <c:v>2468.8844800000002</c:v>
                </c:pt>
                <c:pt idx="503">
                  <c:v>2470.8132959999998</c:v>
                </c:pt>
                <c:pt idx="504">
                  <c:v>2472.7421119999999</c:v>
                </c:pt>
                <c:pt idx="505">
                  <c:v>2474.670928</c:v>
                </c:pt>
                <c:pt idx="506">
                  <c:v>2476.5997440000001</c:v>
                </c:pt>
                <c:pt idx="507">
                  <c:v>2478.5285600000002</c:v>
                </c:pt>
                <c:pt idx="508">
                  <c:v>2480.4573759999998</c:v>
                </c:pt>
                <c:pt idx="509">
                  <c:v>2482.3861919999999</c:v>
                </c:pt>
                <c:pt idx="510">
                  <c:v>2484.315008</c:v>
                </c:pt>
                <c:pt idx="511">
                  <c:v>2486.2438240000001</c:v>
                </c:pt>
                <c:pt idx="512">
                  <c:v>2488.1726399999998</c:v>
                </c:pt>
                <c:pt idx="513">
                  <c:v>2490.1014559999999</c:v>
                </c:pt>
                <c:pt idx="514">
                  <c:v>2492.030272</c:v>
                </c:pt>
                <c:pt idx="515">
                  <c:v>2493.9590880000001</c:v>
                </c:pt>
                <c:pt idx="516">
                  <c:v>2495.8879040000002</c:v>
                </c:pt>
                <c:pt idx="517">
                  <c:v>2497.8167199999998</c:v>
                </c:pt>
                <c:pt idx="518">
                  <c:v>2499.7455359999999</c:v>
                </c:pt>
                <c:pt idx="519">
                  <c:v>2501.674352</c:v>
                </c:pt>
                <c:pt idx="520">
                  <c:v>2503.6031680000001</c:v>
                </c:pt>
                <c:pt idx="521">
                  <c:v>2505.5319840000002</c:v>
                </c:pt>
                <c:pt idx="522">
                  <c:v>2507.4607999999998</c:v>
                </c:pt>
                <c:pt idx="523">
                  <c:v>2509.3896159999999</c:v>
                </c:pt>
                <c:pt idx="524">
                  <c:v>2511.318432</c:v>
                </c:pt>
                <c:pt idx="525">
                  <c:v>2513.2472480000001</c:v>
                </c:pt>
                <c:pt idx="526">
                  <c:v>2515.1760640000002</c:v>
                </c:pt>
                <c:pt idx="527">
                  <c:v>2517.1048799999999</c:v>
                </c:pt>
                <c:pt idx="528">
                  <c:v>2519.033696</c:v>
                </c:pt>
                <c:pt idx="529">
                  <c:v>2520.9625120000001</c:v>
                </c:pt>
                <c:pt idx="530">
                  <c:v>2522.8913280000002</c:v>
                </c:pt>
                <c:pt idx="531">
                  <c:v>2524.8201439999998</c:v>
                </c:pt>
                <c:pt idx="532">
                  <c:v>2526.7489599999999</c:v>
                </c:pt>
                <c:pt idx="533">
                  <c:v>2528.677776</c:v>
                </c:pt>
                <c:pt idx="534">
                  <c:v>2530.6065920000001</c:v>
                </c:pt>
                <c:pt idx="535">
                  <c:v>2532.5354080000002</c:v>
                </c:pt>
                <c:pt idx="536">
                  <c:v>2534.4642239999998</c:v>
                </c:pt>
                <c:pt idx="537">
                  <c:v>2536.3930399999999</c:v>
                </c:pt>
                <c:pt idx="538">
                  <c:v>2538.321856</c:v>
                </c:pt>
                <c:pt idx="539">
                  <c:v>2540.2506720000001</c:v>
                </c:pt>
                <c:pt idx="540">
                  <c:v>2542.1794880000002</c:v>
                </c:pt>
                <c:pt idx="541">
                  <c:v>2544.1083039999999</c:v>
                </c:pt>
                <c:pt idx="542">
                  <c:v>2546.03712</c:v>
                </c:pt>
                <c:pt idx="543">
                  <c:v>2547.9659360000001</c:v>
                </c:pt>
                <c:pt idx="544">
                  <c:v>2549.8947520000002</c:v>
                </c:pt>
                <c:pt idx="545">
                  <c:v>2551.8235679999998</c:v>
                </c:pt>
                <c:pt idx="546">
                  <c:v>2553.7523839999999</c:v>
                </c:pt>
                <c:pt idx="547">
                  <c:v>2555.6812</c:v>
                </c:pt>
                <c:pt idx="548">
                  <c:v>2557.6100160000001</c:v>
                </c:pt>
                <c:pt idx="549">
                  <c:v>2559.5388320000002</c:v>
                </c:pt>
                <c:pt idx="550">
                  <c:v>2561.4676479999998</c:v>
                </c:pt>
                <c:pt idx="551">
                  <c:v>2563.3964639999999</c:v>
                </c:pt>
                <c:pt idx="552">
                  <c:v>2565.32528</c:v>
                </c:pt>
                <c:pt idx="553">
                  <c:v>2567.2540960000001</c:v>
                </c:pt>
                <c:pt idx="554">
                  <c:v>2569.1829120000002</c:v>
                </c:pt>
                <c:pt idx="555">
                  <c:v>2571.1117279999999</c:v>
                </c:pt>
                <c:pt idx="556">
                  <c:v>2573.040544</c:v>
                </c:pt>
                <c:pt idx="557">
                  <c:v>2574.9693600000001</c:v>
                </c:pt>
                <c:pt idx="558">
                  <c:v>2576.8981760000001</c:v>
                </c:pt>
                <c:pt idx="559">
                  <c:v>2578.8269919999998</c:v>
                </c:pt>
                <c:pt idx="560">
                  <c:v>2580.7558079999999</c:v>
                </c:pt>
                <c:pt idx="561">
                  <c:v>2582.684624</c:v>
                </c:pt>
                <c:pt idx="562">
                  <c:v>2584.6134400000001</c:v>
                </c:pt>
                <c:pt idx="563">
                  <c:v>2586.5422560000002</c:v>
                </c:pt>
                <c:pt idx="564">
                  <c:v>2588.4710719999998</c:v>
                </c:pt>
                <c:pt idx="565">
                  <c:v>2590.3998879999999</c:v>
                </c:pt>
                <c:pt idx="566">
                  <c:v>2592.328704</c:v>
                </c:pt>
                <c:pt idx="567">
                  <c:v>2594.2575200000001</c:v>
                </c:pt>
                <c:pt idx="568">
                  <c:v>2596.1863360000002</c:v>
                </c:pt>
                <c:pt idx="569">
                  <c:v>2598.1151519999999</c:v>
                </c:pt>
                <c:pt idx="570">
                  <c:v>2600.0439679999999</c:v>
                </c:pt>
                <c:pt idx="571">
                  <c:v>2601.972784</c:v>
                </c:pt>
                <c:pt idx="572">
                  <c:v>2603.9016000000001</c:v>
                </c:pt>
                <c:pt idx="573">
                  <c:v>2605.8304159999998</c:v>
                </c:pt>
                <c:pt idx="574">
                  <c:v>2607.7592319999999</c:v>
                </c:pt>
                <c:pt idx="575">
                  <c:v>2609.688048</c:v>
                </c:pt>
                <c:pt idx="576">
                  <c:v>2611.6168640000001</c:v>
                </c:pt>
                <c:pt idx="577">
                  <c:v>2613.5456800000002</c:v>
                </c:pt>
                <c:pt idx="578">
                  <c:v>2615.4744959999998</c:v>
                </c:pt>
                <c:pt idx="579">
                  <c:v>2617.4033119999999</c:v>
                </c:pt>
                <c:pt idx="580">
                  <c:v>2619.332128</c:v>
                </c:pt>
                <c:pt idx="581">
                  <c:v>2621.2609440000001</c:v>
                </c:pt>
                <c:pt idx="582">
                  <c:v>2623.1897600000002</c:v>
                </c:pt>
                <c:pt idx="583">
                  <c:v>2625.1185759999998</c:v>
                </c:pt>
                <c:pt idx="584">
                  <c:v>2627.0473919999999</c:v>
                </c:pt>
                <c:pt idx="585">
                  <c:v>2628.976208</c:v>
                </c:pt>
                <c:pt idx="586">
                  <c:v>2630.9050240000001</c:v>
                </c:pt>
                <c:pt idx="587">
                  <c:v>2632.8338399999998</c:v>
                </c:pt>
                <c:pt idx="588">
                  <c:v>2634.7626559999999</c:v>
                </c:pt>
                <c:pt idx="589">
                  <c:v>2636.691472</c:v>
                </c:pt>
                <c:pt idx="590">
                  <c:v>2638.6202880000001</c:v>
                </c:pt>
                <c:pt idx="591">
                  <c:v>2640.5491040000002</c:v>
                </c:pt>
                <c:pt idx="592">
                  <c:v>2642.4779199999998</c:v>
                </c:pt>
                <c:pt idx="593">
                  <c:v>2644.4067359999999</c:v>
                </c:pt>
                <c:pt idx="594">
                  <c:v>2646.335552</c:v>
                </c:pt>
                <c:pt idx="595">
                  <c:v>2648.2643680000001</c:v>
                </c:pt>
                <c:pt idx="596">
                  <c:v>2650.1931840000002</c:v>
                </c:pt>
                <c:pt idx="597">
                  <c:v>2652.1219999999998</c:v>
                </c:pt>
                <c:pt idx="598">
                  <c:v>2654.0508159999999</c:v>
                </c:pt>
                <c:pt idx="599">
                  <c:v>2655.979632</c:v>
                </c:pt>
                <c:pt idx="600">
                  <c:v>2657.9084480000001</c:v>
                </c:pt>
                <c:pt idx="601">
                  <c:v>2659.8372639999998</c:v>
                </c:pt>
                <c:pt idx="602">
                  <c:v>2661.7660799999999</c:v>
                </c:pt>
                <c:pt idx="603">
                  <c:v>2663.694896</c:v>
                </c:pt>
                <c:pt idx="604">
                  <c:v>2665.6237120000001</c:v>
                </c:pt>
                <c:pt idx="605">
                  <c:v>2667.5525280000002</c:v>
                </c:pt>
                <c:pt idx="606">
                  <c:v>2669.4813439999998</c:v>
                </c:pt>
                <c:pt idx="607">
                  <c:v>2671.4101599999999</c:v>
                </c:pt>
                <c:pt idx="608">
                  <c:v>2673.338976</c:v>
                </c:pt>
                <c:pt idx="609">
                  <c:v>2675.2677920000001</c:v>
                </c:pt>
                <c:pt idx="610">
                  <c:v>2677.1966080000002</c:v>
                </c:pt>
                <c:pt idx="611">
                  <c:v>2679.1254239999998</c:v>
                </c:pt>
                <c:pt idx="612">
                  <c:v>2681.0542399999999</c:v>
                </c:pt>
                <c:pt idx="613">
                  <c:v>2682.983056</c:v>
                </c:pt>
                <c:pt idx="614">
                  <c:v>2684.9118720000001</c:v>
                </c:pt>
                <c:pt idx="615">
                  <c:v>2686.8406880000002</c:v>
                </c:pt>
                <c:pt idx="616">
                  <c:v>2688.7695039999999</c:v>
                </c:pt>
                <c:pt idx="617">
                  <c:v>2690.69832</c:v>
                </c:pt>
                <c:pt idx="618">
                  <c:v>2692.6271360000001</c:v>
                </c:pt>
                <c:pt idx="619">
                  <c:v>2694.5559520000002</c:v>
                </c:pt>
                <c:pt idx="620">
                  <c:v>2696.4847679999998</c:v>
                </c:pt>
                <c:pt idx="621">
                  <c:v>2698.4135839999999</c:v>
                </c:pt>
                <c:pt idx="622">
                  <c:v>2700.3424</c:v>
                </c:pt>
                <c:pt idx="623">
                  <c:v>2702.2712160000001</c:v>
                </c:pt>
                <c:pt idx="624">
                  <c:v>2704.2000320000002</c:v>
                </c:pt>
                <c:pt idx="625">
                  <c:v>2706.1288479999998</c:v>
                </c:pt>
                <c:pt idx="626">
                  <c:v>2708.0576639999999</c:v>
                </c:pt>
                <c:pt idx="627">
                  <c:v>2709.98648</c:v>
                </c:pt>
                <c:pt idx="628">
                  <c:v>2711.9152960000001</c:v>
                </c:pt>
                <c:pt idx="629">
                  <c:v>2713.8441120000002</c:v>
                </c:pt>
                <c:pt idx="630">
                  <c:v>2715.7729279999999</c:v>
                </c:pt>
                <c:pt idx="631">
                  <c:v>2717.701744</c:v>
                </c:pt>
                <c:pt idx="632">
                  <c:v>2719.6305600000001</c:v>
                </c:pt>
                <c:pt idx="633">
                  <c:v>2721.5593760000002</c:v>
                </c:pt>
                <c:pt idx="634">
                  <c:v>2723.4881919999998</c:v>
                </c:pt>
                <c:pt idx="635">
                  <c:v>2725.4170079999999</c:v>
                </c:pt>
                <c:pt idx="636">
                  <c:v>2727.345824</c:v>
                </c:pt>
                <c:pt idx="637">
                  <c:v>2729.2746400000001</c:v>
                </c:pt>
                <c:pt idx="638">
                  <c:v>2731.2034560000002</c:v>
                </c:pt>
                <c:pt idx="639">
                  <c:v>2733.1322719999998</c:v>
                </c:pt>
                <c:pt idx="640">
                  <c:v>2735.0610879999999</c:v>
                </c:pt>
                <c:pt idx="641">
                  <c:v>2736.989904</c:v>
                </c:pt>
                <c:pt idx="642">
                  <c:v>2738.9187200000001</c:v>
                </c:pt>
                <c:pt idx="643">
                  <c:v>2740.8475360000002</c:v>
                </c:pt>
                <c:pt idx="644">
                  <c:v>2742.7763519999999</c:v>
                </c:pt>
                <c:pt idx="645">
                  <c:v>2744.705168</c:v>
                </c:pt>
                <c:pt idx="646">
                  <c:v>2746.6339840000001</c:v>
                </c:pt>
                <c:pt idx="647">
                  <c:v>2748.5628000000002</c:v>
                </c:pt>
                <c:pt idx="648">
                  <c:v>2750.4916159999998</c:v>
                </c:pt>
                <c:pt idx="649">
                  <c:v>2752.4204319999999</c:v>
                </c:pt>
                <c:pt idx="650">
                  <c:v>2754.349248</c:v>
                </c:pt>
                <c:pt idx="651">
                  <c:v>2756.2780640000001</c:v>
                </c:pt>
                <c:pt idx="652">
                  <c:v>2758.2068800000002</c:v>
                </c:pt>
                <c:pt idx="653">
                  <c:v>2760.1356959999998</c:v>
                </c:pt>
                <c:pt idx="654">
                  <c:v>2762.0645119999999</c:v>
                </c:pt>
                <c:pt idx="655">
                  <c:v>2763.993328</c:v>
                </c:pt>
                <c:pt idx="656">
                  <c:v>2765.9221440000001</c:v>
                </c:pt>
                <c:pt idx="657">
                  <c:v>2767.8509600000002</c:v>
                </c:pt>
                <c:pt idx="658">
                  <c:v>2769.7797759999999</c:v>
                </c:pt>
                <c:pt idx="659">
                  <c:v>2771.708592</c:v>
                </c:pt>
                <c:pt idx="660">
                  <c:v>2773.6374080000001</c:v>
                </c:pt>
                <c:pt idx="661">
                  <c:v>2775.5662240000001</c:v>
                </c:pt>
                <c:pt idx="662">
                  <c:v>2777.4950399999998</c:v>
                </c:pt>
                <c:pt idx="663">
                  <c:v>2779.4238559999999</c:v>
                </c:pt>
                <c:pt idx="664">
                  <c:v>2781.352672</c:v>
                </c:pt>
                <c:pt idx="665">
                  <c:v>2783.2814880000001</c:v>
                </c:pt>
                <c:pt idx="666">
                  <c:v>2785.2103040000002</c:v>
                </c:pt>
                <c:pt idx="667">
                  <c:v>2787.1391199999998</c:v>
                </c:pt>
                <c:pt idx="668">
                  <c:v>2789.0679359999999</c:v>
                </c:pt>
                <c:pt idx="669">
                  <c:v>2790.996752</c:v>
                </c:pt>
                <c:pt idx="670">
                  <c:v>2792.9255680000001</c:v>
                </c:pt>
                <c:pt idx="671">
                  <c:v>2794.8543840000002</c:v>
                </c:pt>
                <c:pt idx="672">
                  <c:v>2796.7831999999999</c:v>
                </c:pt>
                <c:pt idx="673">
                  <c:v>2798.7120159999999</c:v>
                </c:pt>
                <c:pt idx="674">
                  <c:v>2800.640832</c:v>
                </c:pt>
                <c:pt idx="675">
                  <c:v>2802.5696480000001</c:v>
                </c:pt>
                <c:pt idx="676">
                  <c:v>2804.4984639999998</c:v>
                </c:pt>
                <c:pt idx="677">
                  <c:v>2806.4272799999999</c:v>
                </c:pt>
                <c:pt idx="678">
                  <c:v>2808.356096</c:v>
                </c:pt>
                <c:pt idx="679">
                  <c:v>2810.2849120000001</c:v>
                </c:pt>
                <c:pt idx="680">
                  <c:v>2812.2137280000002</c:v>
                </c:pt>
                <c:pt idx="681">
                  <c:v>2814.1425439999998</c:v>
                </c:pt>
                <c:pt idx="682">
                  <c:v>2816.0713599999999</c:v>
                </c:pt>
                <c:pt idx="683">
                  <c:v>2818.000176</c:v>
                </c:pt>
                <c:pt idx="684">
                  <c:v>2819.9289920000001</c:v>
                </c:pt>
                <c:pt idx="685">
                  <c:v>2821.8578080000002</c:v>
                </c:pt>
                <c:pt idx="686">
                  <c:v>2823.7866239999998</c:v>
                </c:pt>
                <c:pt idx="687">
                  <c:v>2825.7154399999999</c:v>
                </c:pt>
                <c:pt idx="688">
                  <c:v>2827.644256</c:v>
                </c:pt>
                <c:pt idx="689">
                  <c:v>2829.5730720000001</c:v>
                </c:pt>
                <c:pt idx="690">
                  <c:v>2831.5018879999998</c:v>
                </c:pt>
                <c:pt idx="691">
                  <c:v>2833.4307039999999</c:v>
                </c:pt>
                <c:pt idx="692">
                  <c:v>2835.35952</c:v>
                </c:pt>
                <c:pt idx="693">
                  <c:v>2837.2883360000001</c:v>
                </c:pt>
                <c:pt idx="694">
                  <c:v>2839.2171520000002</c:v>
                </c:pt>
                <c:pt idx="695">
                  <c:v>2841.1459679999998</c:v>
                </c:pt>
                <c:pt idx="696">
                  <c:v>2843.0747839999999</c:v>
                </c:pt>
                <c:pt idx="697">
                  <c:v>2845.0036</c:v>
                </c:pt>
                <c:pt idx="698">
                  <c:v>2846.9324160000001</c:v>
                </c:pt>
                <c:pt idx="699">
                  <c:v>2848.8612320000002</c:v>
                </c:pt>
                <c:pt idx="700">
                  <c:v>2850.7900479999998</c:v>
                </c:pt>
                <c:pt idx="701">
                  <c:v>2852.7188639999999</c:v>
                </c:pt>
                <c:pt idx="702">
                  <c:v>2854.64768</c:v>
                </c:pt>
                <c:pt idx="703">
                  <c:v>2856.5764960000001</c:v>
                </c:pt>
                <c:pt idx="704">
                  <c:v>2858.5053119999998</c:v>
                </c:pt>
                <c:pt idx="705">
                  <c:v>2860.4341279999999</c:v>
                </c:pt>
                <c:pt idx="706">
                  <c:v>2862.362944</c:v>
                </c:pt>
                <c:pt idx="707">
                  <c:v>2864.2917600000001</c:v>
                </c:pt>
                <c:pt idx="708">
                  <c:v>2866.2205760000002</c:v>
                </c:pt>
                <c:pt idx="709">
                  <c:v>2868.1493919999998</c:v>
                </c:pt>
                <c:pt idx="710">
                  <c:v>2870.0782079999999</c:v>
                </c:pt>
                <c:pt idx="711">
                  <c:v>2872.007024</c:v>
                </c:pt>
                <c:pt idx="712">
                  <c:v>2873.9358400000001</c:v>
                </c:pt>
                <c:pt idx="713">
                  <c:v>2875.8646560000002</c:v>
                </c:pt>
                <c:pt idx="714">
                  <c:v>2877.7934719999998</c:v>
                </c:pt>
                <c:pt idx="715">
                  <c:v>2879.7222879999999</c:v>
                </c:pt>
                <c:pt idx="716">
                  <c:v>2881.651104</c:v>
                </c:pt>
                <c:pt idx="717">
                  <c:v>2883.5799200000001</c:v>
                </c:pt>
                <c:pt idx="718">
                  <c:v>2885.5087360000002</c:v>
                </c:pt>
                <c:pt idx="719">
                  <c:v>2887.4375519999999</c:v>
                </c:pt>
                <c:pt idx="720">
                  <c:v>2889.366368</c:v>
                </c:pt>
                <c:pt idx="721">
                  <c:v>2891.2951840000001</c:v>
                </c:pt>
                <c:pt idx="722">
                  <c:v>2893.2240000000002</c:v>
                </c:pt>
                <c:pt idx="723">
                  <c:v>2895.1528159999998</c:v>
                </c:pt>
                <c:pt idx="724">
                  <c:v>2897.0816319999999</c:v>
                </c:pt>
                <c:pt idx="725">
                  <c:v>2899.010448</c:v>
                </c:pt>
                <c:pt idx="726">
                  <c:v>2900.9392640000001</c:v>
                </c:pt>
                <c:pt idx="727">
                  <c:v>2902.8680800000002</c:v>
                </c:pt>
                <c:pt idx="728">
                  <c:v>2904.7968959999998</c:v>
                </c:pt>
                <c:pt idx="729">
                  <c:v>2906.7257119999999</c:v>
                </c:pt>
                <c:pt idx="730">
                  <c:v>2908.654528</c:v>
                </c:pt>
                <c:pt idx="731">
                  <c:v>2910.5833440000001</c:v>
                </c:pt>
                <c:pt idx="732">
                  <c:v>2912.5121600000002</c:v>
                </c:pt>
                <c:pt idx="733">
                  <c:v>2914.4409759999999</c:v>
                </c:pt>
                <c:pt idx="734">
                  <c:v>2916.369792</c:v>
                </c:pt>
                <c:pt idx="735">
                  <c:v>2918.2986080000001</c:v>
                </c:pt>
                <c:pt idx="736">
                  <c:v>2920.2274240000002</c:v>
                </c:pt>
                <c:pt idx="737">
                  <c:v>2922.1562399999998</c:v>
                </c:pt>
                <c:pt idx="738">
                  <c:v>2924.0850559999999</c:v>
                </c:pt>
                <c:pt idx="739">
                  <c:v>2926.013872</c:v>
                </c:pt>
                <c:pt idx="740">
                  <c:v>2927.9426880000001</c:v>
                </c:pt>
                <c:pt idx="741">
                  <c:v>2929.8715040000002</c:v>
                </c:pt>
                <c:pt idx="742">
                  <c:v>2931.8003199999998</c:v>
                </c:pt>
                <c:pt idx="743">
                  <c:v>2933.7291359999999</c:v>
                </c:pt>
                <c:pt idx="744">
                  <c:v>2935.657952</c:v>
                </c:pt>
                <c:pt idx="745">
                  <c:v>2937.5867680000001</c:v>
                </c:pt>
                <c:pt idx="746">
                  <c:v>2939.5155840000002</c:v>
                </c:pt>
                <c:pt idx="747">
                  <c:v>2941.4443999999999</c:v>
                </c:pt>
                <c:pt idx="748">
                  <c:v>2943.373216</c:v>
                </c:pt>
                <c:pt idx="749">
                  <c:v>2945.3020320000001</c:v>
                </c:pt>
                <c:pt idx="750">
                  <c:v>2947.2308480000002</c:v>
                </c:pt>
                <c:pt idx="751">
                  <c:v>2949.1596639999998</c:v>
                </c:pt>
                <c:pt idx="752">
                  <c:v>2951.0884799999999</c:v>
                </c:pt>
                <c:pt idx="753">
                  <c:v>2953.017296</c:v>
                </c:pt>
                <c:pt idx="754">
                  <c:v>2954.9461120000001</c:v>
                </c:pt>
                <c:pt idx="755">
                  <c:v>2956.8749280000002</c:v>
                </c:pt>
                <c:pt idx="756">
                  <c:v>2958.8037439999998</c:v>
                </c:pt>
                <c:pt idx="757">
                  <c:v>2960.7325599999999</c:v>
                </c:pt>
                <c:pt idx="758">
                  <c:v>2962.661376</c:v>
                </c:pt>
                <c:pt idx="759">
                  <c:v>2964.5901920000001</c:v>
                </c:pt>
                <c:pt idx="760">
                  <c:v>2966.5190080000002</c:v>
                </c:pt>
                <c:pt idx="761">
                  <c:v>2968.4478239999999</c:v>
                </c:pt>
                <c:pt idx="762">
                  <c:v>2970.37664</c:v>
                </c:pt>
                <c:pt idx="763">
                  <c:v>2972.305456</c:v>
                </c:pt>
                <c:pt idx="764">
                  <c:v>2974.2342720000001</c:v>
                </c:pt>
                <c:pt idx="765">
                  <c:v>2976.1630879999998</c:v>
                </c:pt>
                <c:pt idx="766">
                  <c:v>2978.0919039999999</c:v>
                </c:pt>
                <c:pt idx="767">
                  <c:v>2980.02072</c:v>
                </c:pt>
                <c:pt idx="768">
                  <c:v>2981.9495360000001</c:v>
                </c:pt>
                <c:pt idx="769">
                  <c:v>2983.8783520000002</c:v>
                </c:pt>
                <c:pt idx="770">
                  <c:v>2985.8071679999998</c:v>
                </c:pt>
                <c:pt idx="771">
                  <c:v>2987.7359839999999</c:v>
                </c:pt>
                <c:pt idx="772">
                  <c:v>2989.6648</c:v>
                </c:pt>
                <c:pt idx="773">
                  <c:v>2991.5936160000001</c:v>
                </c:pt>
                <c:pt idx="774">
                  <c:v>2993.5224320000002</c:v>
                </c:pt>
                <c:pt idx="775">
                  <c:v>2995.4512479999999</c:v>
                </c:pt>
                <c:pt idx="776">
                  <c:v>2997.3800639999999</c:v>
                </c:pt>
                <c:pt idx="777">
                  <c:v>2999.30888</c:v>
                </c:pt>
                <c:pt idx="778">
                  <c:v>3001.2376960000001</c:v>
                </c:pt>
                <c:pt idx="779">
                  <c:v>3003.1665119999998</c:v>
                </c:pt>
                <c:pt idx="780">
                  <c:v>3005.0953279999999</c:v>
                </c:pt>
                <c:pt idx="781">
                  <c:v>3007.024144</c:v>
                </c:pt>
                <c:pt idx="782">
                  <c:v>3008.9529600000001</c:v>
                </c:pt>
                <c:pt idx="783">
                  <c:v>3010.8817760000002</c:v>
                </c:pt>
                <c:pt idx="784">
                  <c:v>3012.8105919999998</c:v>
                </c:pt>
                <c:pt idx="785">
                  <c:v>3014.7394079999999</c:v>
                </c:pt>
                <c:pt idx="786">
                  <c:v>3016.668224</c:v>
                </c:pt>
                <c:pt idx="787">
                  <c:v>3018.5970400000001</c:v>
                </c:pt>
                <c:pt idx="788">
                  <c:v>3020.5258560000002</c:v>
                </c:pt>
                <c:pt idx="789">
                  <c:v>3022.4546719999998</c:v>
                </c:pt>
                <c:pt idx="790">
                  <c:v>3024.3834879999999</c:v>
                </c:pt>
                <c:pt idx="791">
                  <c:v>3026.312304</c:v>
                </c:pt>
                <c:pt idx="792">
                  <c:v>3028.2411200000001</c:v>
                </c:pt>
                <c:pt idx="793">
                  <c:v>3030.1699359999998</c:v>
                </c:pt>
                <c:pt idx="794">
                  <c:v>3032.0987519999999</c:v>
                </c:pt>
                <c:pt idx="795">
                  <c:v>3034.027568</c:v>
                </c:pt>
                <c:pt idx="796">
                  <c:v>3035.9563840000001</c:v>
                </c:pt>
                <c:pt idx="797">
                  <c:v>3037.8852000000002</c:v>
                </c:pt>
                <c:pt idx="798">
                  <c:v>3039.8140159999998</c:v>
                </c:pt>
                <c:pt idx="799">
                  <c:v>3041.7428319999999</c:v>
                </c:pt>
                <c:pt idx="800">
                  <c:v>3043.671648</c:v>
                </c:pt>
                <c:pt idx="801">
                  <c:v>3045.6004640000001</c:v>
                </c:pt>
                <c:pt idx="802">
                  <c:v>3047.5292800000002</c:v>
                </c:pt>
                <c:pt idx="803">
                  <c:v>3049.4580959999998</c:v>
                </c:pt>
                <c:pt idx="804">
                  <c:v>3051.3869119999999</c:v>
                </c:pt>
                <c:pt idx="805">
                  <c:v>3053.315728</c:v>
                </c:pt>
                <c:pt idx="806">
                  <c:v>3055.2445440000001</c:v>
                </c:pt>
                <c:pt idx="807">
                  <c:v>3057.1733599999998</c:v>
                </c:pt>
                <c:pt idx="808">
                  <c:v>3059.1021759999999</c:v>
                </c:pt>
                <c:pt idx="809">
                  <c:v>3061.030992</c:v>
                </c:pt>
                <c:pt idx="810">
                  <c:v>3062.9598080000001</c:v>
                </c:pt>
                <c:pt idx="811">
                  <c:v>3064.8886240000002</c:v>
                </c:pt>
                <c:pt idx="812">
                  <c:v>3066.8174399999998</c:v>
                </c:pt>
                <c:pt idx="813">
                  <c:v>3068.7462559999999</c:v>
                </c:pt>
                <c:pt idx="814">
                  <c:v>3070.675072</c:v>
                </c:pt>
                <c:pt idx="815">
                  <c:v>3072.6038880000001</c:v>
                </c:pt>
                <c:pt idx="816">
                  <c:v>3074.5327040000002</c:v>
                </c:pt>
                <c:pt idx="817">
                  <c:v>3076.4615199999998</c:v>
                </c:pt>
                <c:pt idx="818">
                  <c:v>3078.3903359999999</c:v>
                </c:pt>
                <c:pt idx="819">
                  <c:v>3080.319152</c:v>
                </c:pt>
                <c:pt idx="820">
                  <c:v>3082.2479680000001</c:v>
                </c:pt>
                <c:pt idx="821">
                  <c:v>3084.1767840000002</c:v>
                </c:pt>
                <c:pt idx="822">
                  <c:v>3086.1055999999999</c:v>
                </c:pt>
                <c:pt idx="823">
                  <c:v>3088.034416</c:v>
                </c:pt>
                <c:pt idx="824">
                  <c:v>3089.9632320000001</c:v>
                </c:pt>
                <c:pt idx="825">
                  <c:v>3091.8920480000002</c:v>
                </c:pt>
                <c:pt idx="826">
                  <c:v>3093.8208639999998</c:v>
                </c:pt>
                <c:pt idx="827">
                  <c:v>3095.7496799999999</c:v>
                </c:pt>
                <c:pt idx="828">
                  <c:v>3097.678496</c:v>
                </c:pt>
                <c:pt idx="829">
                  <c:v>3099.6073120000001</c:v>
                </c:pt>
                <c:pt idx="830">
                  <c:v>3101.5361280000002</c:v>
                </c:pt>
                <c:pt idx="831">
                  <c:v>3103.4649439999998</c:v>
                </c:pt>
                <c:pt idx="832">
                  <c:v>3105.3937599999999</c:v>
                </c:pt>
                <c:pt idx="833">
                  <c:v>3107.322576</c:v>
                </c:pt>
                <c:pt idx="834">
                  <c:v>3109.2513920000001</c:v>
                </c:pt>
                <c:pt idx="835">
                  <c:v>3111.1802080000002</c:v>
                </c:pt>
                <c:pt idx="836">
                  <c:v>3113.1090239999999</c:v>
                </c:pt>
                <c:pt idx="837">
                  <c:v>3115.03784</c:v>
                </c:pt>
                <c:pt idx="838">
                  <c:v>3116.9666560000001</c:v>
                </c:pt>
                <c:pt idx="839">
                  <c:v>3118.8954720000002</c:v>
                </c:pt>
                <c:pt idx="840">
                  <c:v>3120.8242879999998</c:v>
                </c:pt>
                <c:pt idx="841">
                  <c:v>3122.7531039999999</c:v>
                </c:pt>
                <c:pt idx="842">
                  <c:v>3124.68192</c:v>
                </c:pt>
                <c:pt idx="843">
                  <c:v>3126.6107360000001</c:v>
                </c:pt>
                <c:pt idx="844">
                  <c:v>3128.5395520000002</c:v>
                </c:pt>
                <c:pt idx="845">
                  <c:v>3130.4683679999998</c:v>
                </c:pt>
                <c:pt idx="846">
                  <c:v>3132.3971839999999</c:v>
                </c:pt>
                <c:pt idx="847">
                  <c:v>3134.326</c:v>
                </c:pt>
                <c:pt idx="848">
                  <c:v>3136.2548160000001</c:v>
                </c:pt>
                <c:pt idx="849">
                  <c:v>3138.1836320000002</c:v>
                </c:pt>
                <c:pt idx="850">
                  <c:v>3140.1124479999999</c:v>
                </c:pt>
                <c:pt idx="851">
                  <c:v>3142.041264</c:v>
                </c:pt>
                <c:pt idx="852">
                  <c:v>3143.9700800000001</c:v>
                </c:pt>
                <c:pt idx="853">
                  <c:v>3145.8988960000001</c:v>
                </c:pt>
                <c:pt idx="854">
                  <c:v>3147.8277119999998</c:v>
                </c:pt>
                <c:pt idx="855">
                  <c:v>3149.7565279999999</c:v>
                </c:pt>
                <c:pt idx="856">
                  <c:v>3151.685344</c:v>
                </c:pt>
                <c:pt idx="857">
                  <c:v>3153.6141600000001</c:v>
                </c:pt>
                <c:pt idx="858">
                  <c:v>3155.5429760000002</c:v>
                </c:pt>
                <c:pt idx="859">
                  <c:v>3157.4717919999998</c:v>
                </c:pt>
                <c:pt idx="860">
                  <c:v>3159.4006079999999</c:v>
                </c:pt>
                <c:pt idx="861">
                  <c:v>3161.329424</c:v>
                </c:pt>
                <c:pt idx="862">
                  <c:v>3163.2582400000001</c:v>
                </c:pt>
                <c:pt idx="863">
                  <c:v>3165.1870560000002</c:v>
                </c:pt>
                <c:pt idx="864">
                  <c:v>3167.1158719999999</c:v>
                </c:pt>
                <c:pt idx="865">
                  <c:v>3169.044688</c:v>
                </c:pt>
                <c:pt idx="866">
                  <c:v>3170.973504</c:v>
                </c:pt>
                <c:pt idx="867">
                  <c:v>3172.9023200000001</c:v>
                </c:pt>
                <c:pt idx="868">
                  <c:v>3174.8311359999998</c:v>
                </c:pt>
                <c:pt idx="869">
                  <c:v>3176.7599519999999</c:v>
                </c:pt>
                <c:pt idx="870">
                  <c:v>3178.688768</c:v>
                </c:pt>
                <c:pt idx="871">
                  <c:v>3180.6175840000001</c:v>
                </c:pt>
                <c:pt idx="872">
                  <c:v>3182.5464000000002</c:v>
                </c:pt>
                <c:pt idx="873">
                  <c:v>3184.4752159999998</c:v>
                </c:pt>
                <c:pt idx="874">
                  <c:v>3186.4040319999999</c:v>
                </c:pt>
                <c:pt idx="875">
                  <c:v>3188.332848</c:v>
                </c:pt>
                <c:pt idx="876">
                  <c:v>3190.2616640000001</c:v>
                </c:pt>
                <c:pt idx="877">
                  <c:v>3192.1904800000002</c:v>
                </c:pt>
                <c:pt idx="878">
                  <c:v>3194.1192959999998</c:v>
                </c:pt>
                <c:pt idx="879">
                  <c:v>3196.0481119999999</c:v>
                </c:pt>
                <c:pt idx="880">
                  <c:v>3197.976928</c:v>
                </c:pt>
                <c:pt idx="881">
                  <c:v>3199.9057440000001</c:v>
                </c:pt>
                <c:pt idx="882">
                  <c:v>3201.8345599999998</c:v>
                </c:pt>
                <c:pt idx="883">
                  <c:v>3203.7633759999999</c:v>
                </c:pt>
                <c:pt idx="884">
                  <c:v>3205.692192</c:v>
                </c:pt>
                <c:pt idx="885">
                  <c:v>3207.6210080000001</c:v>
                </c:pt>
                <c:pt idx="886">
                  <c:v>3209.5498240000002</c:v>
                </c:pt>
                <c:pt idx="887">
                  <c:v>3211.4786399999998</c:v>
                </c:pt>
                <c:pt idx="888">
                  <c:v>3213.4074559999999</c:v>
                </c:pt>
                <c:pt idx="889">
                  <c:v>3215.336272</c:v>
                </c:pt>
                <c:pt idx="890">
                  <c:v>3217.2650880000001</c:v>
                </c:pt>
                <c:pt idx="891">
                  <c:v>3219.1939040000002</c:v>
                </c:pt>
                <c:pt idx="892">
                  <c:v>3221.1227199999998</c:v>
                </c:pt>
                <c:pt idx="893">
                  <c:v>3223.0515359999999</c:v>
                </c:pt>
                <c:pt idx="894">
                  <c:v>3224.980352</c:v>
                </c:pt>
                <c:pt idx="895">
                  <c:v>3226.9091680000001</c:v>
                </c:pt>
                <c:pt idx="896">
                  <c:v>3228.8379839999998</c:v>
                </c:pt>
                <c:pt idx="897">
                  <c:v>3230.7667999999999</c:v>
                </c:pt>
                <c:pt idx="898">
                  <c:v>3232.695616</c:v>
                </c:pt>
                <c:pt idx="899">
                  <c:v>3234.6244320000001</c:v>
                </c:pt>
                <c:pt idx="900">
                  <c:v>3236.5532480000002</c:v>
                </c:pt>
                <c:pt idx="901">
                  <c:v>3238.4820639999998</c:v>
                </c:pt>
                <c:pt idx="902">
                  <c:v>3240.4108799999999</c:v>
                </c:pt>
                <c:pt idx="903">
                  <c:v>3242.339696</c:v>
                </c:pt>
                <c:pt idx="904">
                  <c:v>3244.2685120000001</c:v>
                </c:pt>
                <c:pt idx="905">
                  <c:v>3246.1973280000002</c:v>
                </c:pt>
                <c:pt idx="906">
                  <c:v>3248.1261439999998</c:v>
                </c:pt>
                <c:pt idx="907">
                  <c:v>3250.0549599999999</c:v>
                </c:pt>
                <c:pt idx="908">
                  <c:v>3251.983776</c:v>
                </c:pt>
                <c:pt idx="909">
                  <c:v>3253.9125920000001</c:v>
                </c:pt>
                <c:pt idx="910">
                  <c:v>3255.8414079999998</c:v>
                </c:pt>
                <c:pt idx="911">
                  <c:v>3257.7702239999999</c:v>
                </c:pt>
                <c:pt idx="912">
                  <c:v>3259.69904</c:v>
                </c:pt>
                <c:pt idx="913">
                  <c:v>3261.6278560000001</c:v>
                </c:pt>
                <c:pt idx="914">
                  <c:v>3263.5566720000002</c:v>
                </c:pt>
                <c:pt idx="915">
                  <c:v>3265.4854879999998</c:v>
                </c:pt>
                <c:pt idx="916">
                  <c:v>3267.4143039999999</c:v>
                </c:pt>
                <c:pt idx="917">
                  <c:v>3269.34312</c:v>
                </c:pt>
                <c:pt idx="918">
                  <c:v>3271.2719360000001</c:v>
                </c:pt>
                <c:pt idx="919">
                  <c:v>3273.2007520000002</c:v>
                </c:pt>
                <c:pt idx="920">
                  <c:v>3275.1295679999998</c:v>
                </c:pt>
                <c:pt idx="921">
                  <c:v>3277.0583839999999</c:v>
                </c:pt>
                <c:pt idx="922">
                  <c:v>3278.9872</c:v>
                </c:pt>
                <c:pt idx="923">
                  <c:v>3280.9160160000001</c:v>
                </c:pt>
                <c:pt idx="924">
                  <c:v>3282.8448320000002</c:v>
                </c:pt>
                <c:pt idx="925">
                  <c:v>3284.7736479999999</c:v>
                </c:pt>
                <c:pt idx="926">
                  <c:v>3286.702464</c:v>
                </c:pt>
                <c:pt idx="927">
                  <c:v>3288.6312800000001</c:v>
                </c:pt>
                <c:pt idx="928">
                  <c:v>3290.5600960000002</c:v>
                </c:pt>
                <c:pt idx="929">
                  <c:v>3292.4889119999998</c:v>
                </c:pt>
                <c:pt idx="930">
                  <c:v>3294.4177279999999</c:v>
                </c:pt>
                <c:pt idx="931">
                  <c:v>3296.346544</c:v>
                </c:pt>
                <c:pt idx="932">
                  <c:v>3298.2753600000001</c:v>
                </c:pt>
                <c:pt idx="933">
                  <c:v>3300.2041760000002</c:v>
                </c:pt>
                <c:pt idx="934">
                  <c:v>3302.1329919999998</c:v>
                </c:pt>
                <c:pt idx="935">
                  <c:v>3304.0618079999999</c:v>
                </c:pt>
                <c:pt idx="936">
                  <c:v>3305.990624</c:v>
                </c:pt>
                <c:pt idx="937">
                  <c:v>3307.9194400000001</c:v>
                </c:pt>
                <c:pt idx="938">
                  <c:v>3309.8482560000002</c:v>
                </c:pt>
                <c:pt idx="939">
                  <c:v>3311.7770719999999</c:v>
                </c:pt>
                <c:pt idx="940">
                  <c:v>3313.705888</c:v>
                </c:pt>
                <c:pt idx="941">
                  <c:v>3315.6347040000001</c:v>
                </c:pt>
                <c:pt idx="942">
                  <c:v>3317.5635200000002</c:v>
                </c:pt>
                <c:pt idx="943">
                  <c:v>3319.4923359999998</c:v>
                </c:pt>
                <c:pt idx="944">
                  <c:v>3321.4211519999999</c:v>
                </c:pt>
                <c:pt idx="945">
                  <c:v>3323.349968</c:v>
                </c:pt>
                <c:pt idx="946">
                  <c:v>3325.2787840000001</c:v>
                </c:pt>
                <c:pt idx="947">
                  <c:v>3327.2076000000002</c:v>
                </c:pt>
                <c:pt idx="948">
                  <c:v>3329.1364159999998</c:v>
                </c:pt>
                <c:pt idx="949">
                  <c:v>3331.0652319999999</c:v>
                </c:pt>
                <c:pt idx="950">
                  <c:v>3332.994048</c:v>
                </c:pt>
                <c:pt idx="951">
                  <c:v>3334.9228640000001</c:v>
                </c:pt>
                <c:pt idx="952">
                  <c:v>3336.8516800000002</c:v>
                </c:pt>
                <c:pt idx="953">
                  <c:v>3338.7804959999999</c:v>
                </c:pt>
                <c:pt idx="954">
                  <c:v>3340.709312</c:v>
                </c:pt>
                <c:pt idx="955">
                  <c:v>3342.6381280000001</c:v>
                </c:pt>
                <c:pt idx="956">
                  <c:v>3344.5669440000001</c:v>
                </c:pt>
                <c:pt idx="957">
                  <c:v>3346.4957599999998</c:v>
                </c:pt>
                <c:pt idx="958">
                  <c:v>3348.4245759999999</c:v>
                </c:pt>
                <c:pt idx="959">
                  <c:v>3350.353392</c:v>
                </c:pt>
                <c:pt idx="960">
                  <c:v>3352.2822080000001</c:v>
                </c:pt>
                <c:pt idx="961">
                  <c:v>3354.2110240000002</c:v>
                </c:pt>
                <c:pt idx="962">
                  <c:v>3356.1398399999998</c:v>
                </c:pt>
                <c:pt idx="963">
                  <c:v>3358.0686559999999</c:v>
                </c:pt>
                <c:pt idx="964">
                  <c:v>3359.997472</c:v>
                </c:pt>
                <c:pt idx="965">
                  <c:v>3361.9262880000001</c:v>
                </c:pt>
                <c:pt idx="966">
                  <c:v>3363.8551040000002</c:v>
                </c:pt>
                <c:pt idx="967">
                  <c:v>3365.7839199999999</c:v>
                </c:pt>
                <c:pt idx="968">
                  <c:v>3367.7127359999999</c:v>
                </c:pt>
                <c:pt idx="969">
                  <c:v>3369.641552</c:v>
                </c:pt>
                <c:pt idx="970">
                  <c:v>3371.5703680000001</c:v>
                </c:pt>
                <c:pt idx="971">
                  <c:v>3373.4991839999998</c:v>
                </c:pt>
                <c:pt idx="972">
                  <c:v>3375.4279999999999</c:v>
                </c:pt>
                <c:pt idx="973">
                  <c:v>3377.356816</c:v>
                </c:pt>
                <c:pt idx="974">
                  <c:v>3379.2856320000001</c:v>
                </c:pt>
                <c:pt idx="975">
                  <c:v>3381.2144480000002</c:v>
                </c:pt>
                <c:pt idx="976">
                  <c:v>3383.1432639999998</c:v>
                </c:pt>
                <c:pt idx="977">
                  <c:v>3385.0720799999999</c:v>
                </c:pt>
                <c:pt idx="978">
                  <c:v>3387.000896</c:v>
                </c:pt>
                <c:pt idx="979">
                  <c:v>3388.9297120000001</c:v>
                </c:pt>
                <c:pt idx="980">
                  <c:v>3390.8585280000002</c:v>
                </c:pt>
                <c:pt idx="981">
                  <c:v>3392.7873439999998</c:v>
                </c:pt>
                <c:pt idx="982">
                  <c:v>3394.7161599999999</c:v>
                </c:pt>
                <c:pt idx="983">
                  <c:v>3396.644976</c:v>
                </c:pt>
                <c:pt idx="984">
                  <c:v>3398.5737920000001</c:v>
                </c:pt>
                <c:pt idx="985">
                  <c:v>3400.5026079999998</c:v>
                </c:pt>
                <c:pt idx="986">
                  <c:v>3402.4314239999999</c:v>
                </c:pt>
                <c:pt idx="987">
                  <c:v>3404.36024</c:v>
                </c:pt>
                <c:pt idx="988">
                  <c:v>3406.2890560000001</c:v>
                </c:pt>
                <c:pt idx="989">
                  <c:v>3408.2178720000002</c:v>
                </c:pt>
                <c:pt idx="990">
                  <c:v>3410.1466879999998</c:v>
                </c:pt>
                <c:pt idx="991">
                  <c:v>3412.0755039999999</c:v>
                </c:pt>
                <c:pt idx="992">
                  <c:v>3414.00432</c:v>
                </c:pt>
                <c:pt idx="993">
                  <c:v>3415.9331360000001</c:v>
                </c:pt>
                <c:pt idx="994">
                  <c:v>3417.8619520000002</c:v>
                </c:pt>
                <c:pt idx="995">
                  <c:v>3419.7907679999998</c:v>
                </c:pt>
                <c:pt idx="996">
                  <c:v>3421.7195839999999</c:v>
                </c:pt>
                <c:pt idx="997">
                  <c:v>3423.6484</c:v>
                </c:pt>
                <c:pt idx="998">
                  <c:v>3425.5772160000001</c:v>
                </c:pt>
                <c:pt idx="999">
                  <c:v>3427.5060319999998</c:v>
                </c:pt>
                <c:pt idx="1000">
                  <c:v>3429.4348479999999</c:v>
                </c:pt>
                <c:pt idx="1001">
                  <c:v>3431.363664</c:v>
                </c:pt>
                <c:pt idx="1002">
                  <c:v>3433.2924800000001</c:v>
                </c:pt>
                <c:pt idx="1003">
                  <c:v>3435.2212960000002</c:v>
                </c:pt>
                <c:pt idx="1004">
                  <c:v>3437.1501119999998</c:v>
                </c:pt>
                <c:pt idx="1005">
                  <c:v>3439.0789279999999</c:v>
                </c:pt>
                <c:pt idx="1006">
                  <c:v>3441.007744</c:v>
                </c:pt>
                <c:pt idx="1007">
                  <c:v>3442.9365600000001</c:v>
                </c:pt>
                <c:pt idx="1008">
                  <c:v>3444.8653760000002</c:v>
                </c:pt>
                <c:pt idx="1009">
                  <c:v>3446.7941919999998</c:v>
                </c:pt>
                <c:pt idx="1010">
                  <c:v>3448.7230079999999</c:v>
                </c:pt>
                <c:pt idx="1011">
                  <c:v>3450.651824</c:v>
                </c:pt>
                <c:pt idx="1012">
                  <c:v>3452.5806400000001</c:v>
                </c:pt>
                <c:pt idx="1013">
                  <c:v>3454.5094559999998</c:v>
                </c:pt>
                <c:pt idx="1014">
                  <c:v>3456.4382719999999</c:v>
                </c:pt>
                <c:pt idx="1015">
                  <c:v>3458.367088</c:v>
                </c:pt>
                <c:pt idx="1016">
                  <c:v>3460.2959040000001</c:v>
                </c:pt>
                <c:pt idx="1017">
                  <c:v>3462.2247200000002</c:v>
                </c:pt>
                <c:pt idx="1018">
                  <c:v>3464.1535359999998</c:v>
                </c:pt>
                <c:pt idx="1019">
                  <c:v>3466.0823519999999</c:v>
                </c:pt>
                <c:pt idx="1020">
                  <c:v>3468.011168</c:v>
                </c:pt>
                <c:pt idx="1021">
                  <c:v>3469.9399840000001</c:v>
                </c:pt>
                <c:pt idx="1022">
                  <c:v>3471.8688000000002</c:v>
                </c:pt>
                <c:pt idx="1023">
                  <c:v>3473.7976159999998</c:v>
                </c:pt>
                <c:pt idx="1024">
                  <c:v>3475.7264319999999</c:v>
                </c:pt>
                <c:pt idx="1025">
                  <c:v>3477.655248</c:v>
                </c:pt>
                <c:pt idx="1026">
                  <c:v>3479.5840640000001</c:v>
                </c:pt>
                <c:pt idx="1027">
                  <c:v>3481.5128800000002</c:v>
                </c:pt>
                <c:pt idx="1028">
                  <c:v>3483.4416959999999</c:v>
                </c:pt>
                <c:pt idx="1029">
                  <c:v>3485.370512</c:v>
                </c:pt>
                <c:pt idx="1030">
                  <c:v>3487.2993280000001</c:v>
                </c:pt>
                <c:pt idx="1031">
                  <c:v>3489.2281440000002</c:v>
                </c:pt>
                <c:pt idx="1032">
                  <c:v>3491.1569599999998</c:v>
                </c:pt>
                <c:pt idx="1033">
                  <c:v>3493.0857759999999</c:v>
                </c:pt>
                <c:pt idx="1034">
                  <c:v>3495.014592</c:v>
                </c:pt>
                <c:pt idx="1035">
                  <c:v>3496.9434080000001</c:v>
                </c:pt>
                <c:pt idx="1036">
                  <c:v>3498.8722240000002</c:v>
                </c:pt>
                <c:pt idx="1037">
                  <c:v>3500.8010399999998</c:v>
                </c:pt>
                <c:pt idx="1038">
                  <c:v>3502.7298559999999</c:v>
                </c:pt>
                <c:pt idx="1039">
                  <c:v>3504.658672</c:v>
                </c:pt>
                <c:pt idx="1040">
                  <c:v>3506.5874880000001</c:v>
                </c:pt>
                <c:pt idx="1041">
                  <c:v>3508.5163040000002</c:v>
                </c:pt>
                <c:pt idx="1042">
                  <c:v>3510.4451199999999</c:v>
                </c:pt>
                <c:pt idx="1043">
                  <c:v>3512.373936</c:v>
                </c:pt>
                <c:pt idx="1044">
                  <c:v>3514.3027520000001</c:v>
                </c:pt>
                <c:pt idx="1045">
                  <c:v>3516.2315680000002</c:v>
                </c:pt>
                <c:pt idx="1046">
                  <c:v>3518.1603839999998</c:v>
                </c:pt>
                <c:pt idx="1047">
                  <c:v>3520.0891999999999</c:v>
                </c:pt>
                <c:pt idx="1048">
                  <c:v>3522.018016</c:v>
                </c:pt>
                <c:pt idx="1049">
                  <c:v>3523.9468320000001</c:v>
                </c:pt>
                <c:pt idx="1050">
                  <c:v>3525.8756480000002</c:v>
                </c:pt>
                <c:pt idx="1051">
                  <c:v>3527.8044639999998</c:v>
                </c:pt>
                <c:pt idx="1052">
                  <c:v>3529.7332799999999</c:v>
                </c:pt>
                <c:pt idx="1053">
                  <c:v>3531.662096</c:v>
                </c:pt>
                <c:pt idx="1054">
                  <c:v>3533.5909120000001</c:v>
                </c:pt>
                <c:pt idx="1055">
                  <c:v>3535.5197280000002</c:v>
                </c:pt>
                <c:pt idx="1056">
                  <c:v>3537.4485439999999</c:v>
                </c:pt>
                <c:pt idx="1057">
                  <c:v>3539.37736</c:v>
                </c:pt>
                <c:pt idx="1058">
                  <c:v>3541.3061760000001</c:v>
                </c:pt>
                <c:pt idx="1059">
                  <c:v>3543.2349920000001</c:v>
                </c:pt>
                <c:pt idx="1060">
                  <c:v>3545.1638079999998</c:v>
                </c:pt>
                <c:pt idx="1061">
                  <c:v>3547.0926239999999</c:v>
                </c:pt>
                <c:pt idx="1062">
                  <c:v>3549.02144</c:v>
                </c:pt>
                <c:pt idx="1063">
                  <c:v>3550.9502560000001</c:v>
                </c:pt>
                <c:pt idx="1064">
                  <c:v>3552.8790720000002</c:v>
                </c:pt>
                <c:pt idx="1065">
                  <c:v>3554.8078879999998</c:v>
                </c:pt>
                <c:pt idx="1066">
                  <c:v>3556.7367039999999</c:v>
                </c:pt>
                <c:pt idx="1067">
                  <c:v>3558.66552</c:v>
                </c:pt>
                <c:pt idx="1068">
                  <c:v>3560.5943360000001</c:v>
                </c:pt>
                <c:pt idx="1069">
                  <c:v>3562.5231520000002</c:v>
                </c:pt>
                <c:pt idx="1070">
                  <c:v>3564.4519679999999</c:v>
                </c:pt>
                <c:pt idx="1071">
                  <c:v>3566.3807839999999</c:v>
                </c:pt>
                <c:pt idx="1072">
                  <c:v>3568.3096</c:v>
                </c:pt>
                <c:pt idx="1073">
                  <c:v>3570.2384160000001</c:v>
                </c:pt>
                <c:pt idx="1074">
                  <c:v>3572.1672319999998</c:v>
                </c:pt>
                <c:pt idx="1075">
                  <c:v>3574.0960479999999</c:v>
                </c:pt>
                <c:pt idx="1076">
                  <c:v>3576.024864</c:v>
                </c:pt>
                <c:pt idx="1077">
                  <c:v>3577.9536800000001</c:v>
                </c:pt>
                <c:pt idx="1078">
                  <c:v>3579.8824960000002</c:v>
                </c:pt>
                <c:pt idx="1079">
                  <c:v>3581.8113119999998</c:v>
                </c:pt>
                <c:pt idx="1080">
                  <c:v>3583.7401279999999</c:v>
                </c:pt>
                <c:pt idx="1081">
                  <c:v>3585.668944</c:v>
                </c:pt>
                <c:pt idx="1082">
                  <c:v>3587.5977600000001</c:v>
                </c:pt>
                <c:pt idx="1083">
                  <c:v>3589.5265760000002</c:v>
                </c:pt>
                <c:pt idx="1084">
                  <c:v>3591.4553919999998</c:v>
                </c:pt>
                <c:pt idx="1085">
                  <c:v>3593.3842079999999</c:v>
                </c:pt>
                <c:pt idx="1086">
                  <c:v>3595.313024</c:v>
                </c:pt>
                <c:pt idx="1087">
                  <c:v>3597.2418400000001</c:v>
                </c:pt>
                <c:pt idx="1088">
                  <c:v>3599.1706559999998</c:v>
                </c:pt>
                <c:pt idx="1089">
                  <c:v>3601.0994719999999</c:v>
                </c:pt>
                <c:pt idx="1090">
                  <c:v>3603.028288</c:v>
                </c:pt>
                <c:pt idx="1091">
                  <c:v>3604.9571040000001</c:v>
                </c:pt>
                <c:pt idx="1092">
                  <c:v>3606.8859200000002</c:v>
                </c:pt>
                <c:pt idx="1093">
                  <c:v>3608.8147359999998</c:v>
                </c:pt>
                <c:pt idx="1094">
                  <c:v>3610.7435519999999</c:v>
                </c:pt>
                <c:pt idx="1095">
                  <c:v>3612.672368</c:v>
                </c:pt>
                <c:pt idx="1096">
                  <c:v>3614.6011840000001</c:v>
                </c:pt>
                <c:pt idx="1097">
                  <c:v>3616.53</c:v>
                </c:pt>
                <c:pt idx="1098">
                  <c:v>3618.4588159999998</c:v>
                </c:pt>
                <c:pt idx="1099">
                  <c:v>3620.3876319999999</c:v>
                </c:pt>
                <c:pt idx="1100">
                  <c:v>3622.316448</c:v>
                </c:pt>
                <c:pt idx="1101">
                  <c:v>3624.2452640000001</c:v>
                </c:pt>
                <c:pt idx="1102">
                  <c:v>3626.1740799999998</c:v>
                </c:pt>
                <c:pt idx="1103">
                  <c:v>3628.1028959999999</c:v>
                </c:pt>
                <c:pt idx="1104">
                  <c:v>3630.031712</c:v>
                </c:pt>
                <c:pt idx="1105">
                  <c:v>3631.9605280000001</c:v>
                </c:pt>
                <c:pt idx="1106">
                  <c:v>3633.8893440000002</c:v>
                </c:pt>
                <c:pt idx="1107">
                  <c:v>3635.8181599999998</c:v>
                </c:pt>
                <c:pt idx="1108">
                  <c:v>3637.7469759999999</c:v>
                </c:pt>
                <c:pt idx="1109">
                  <c:v>3639.675792</c:v>
                </c:pt>
                <c:pt idx="1110">
                  <c:v>3641.6046080000001</c:v>
                </c:pt>
                <c:pt idx="1111">
                  <c:v>3643.5334240000002</c:v>
                </c:pt>
                <c:pt idx="1112">
                  <c:v>3645.4622399999998</c:v>
                </c:pt>
                <c:pt idx="1113">
                  <c:v>3647.3910559999999</c:v>
                </c:pt>
                <c:pt idx="1114">
                  <c:v>3649.319872</c:v>
                </c:pt>
                <c:pt idx="1115">
                  <c:v>3651.2486880000001</c:v>
                </c:pt>
                <c:pt idx="1116">
                  <c:v>3653.1775040000002</c:v>
                </c:pt>
                <c:pt idx="1117">
                  <c:v>3655.1063199999999</c:v>
                </c:pt>
                <c:pt idx="1118">
                  <c:v>3657.035136</c:v>
                </c:pt>
                <c:pt idx="1119">
                  <c:v>3658.9639520000001</c:v>
                </c:pt>
                <c:pt idx="1120">
                  <c:v>3660.8927680000002</c:v>
                </c:pt>
                <c:pt idx="1121">
                  <c:v>3662.8215839999998</c:v>
                </c:pt>
                <c:pt idx="1122">
                  <c:v>3664.7503999999999</c:v>
                </c:pt>
                <c:pt idx="1123">
                  <c:v>3666.679216</c:v>
                </c:pt>
                <c:pt idx="1124">
                  <c:v>3668.6080320000001</c:v>
                </c:pt>
                <c:pt idx="1125">
                  <c:v>3670.5368480000002</c:v>
                </c:pt>
                <c:pt idx="1126">
                  <c:v>3672.4656639999998</c:v>
                </c:pt>
                <c:pt idx="1127">
                  <c:v>3674.3944799999999</c:v>
                </c:pt>
                <c:pt idx="1128">
                  <c:v>3676.323296</c:v>
                </c:pt>
                <c:pt idx="1129">
                  <c:v>3678.2521120000001</c:v>
                </c:pt>
                <c:pt idx="1130">
                  <c:v>3680.1809280000002</c:v>
                </c:pt>
                <c:pt idx="1131">
                  <c:v>3682.1097439999999</c:v>
                </c:pt>
                <c:pt idx="1132">
                  <c:v>3684.03856</c:v>
                </c:pt>
                <c:pt idx="1133">
                  <c:v>3685.9673760000001</c:v>
                </c:pt>
                <c:pt idx="1134">
                  <c:v>3687.8961920000002</c:v>
                </c:pt>
                <c:pt idx="1135">
                  <c:v>3689.8250079999998</c:v>
                </c:pt>
                <c:pt idx="1136">
                  <c:v>3691.7538239999999</c:v>
                </c:pt>
                <c:pt idx="1137">
                  <c:v>3693.68264</c:v>
                </c:pt>
                <c:pt idx="1138">
                  <c:v>3695.6114560000001</c:v>
                </c:pt>
                <c:pt idx="1139">
                  <c:v>3697.5402720000002</c:v>
                </c:pt>
                <c:pt idx="1140">
                  <c:v>3699.4690879999998</c:v>
                </c:pt>
                <c:pt idx="1141">
                  <c:v>3701.3979039999999</c:v>
                </c:pt>
                <c:pt idx="1142">
                  <c:v>3703.32672</c:v>
                </c:pt>
                <c:pt idx="1143">
                  <c:v>3705.2555360000001</c:v>
                </c:pt>
                <c:pt idx="1144">
                  <c:v>3707.1843520000002</c:v>
                </c:pt>
                <c:pt idx="1145">
                  <c:v>3709.1131679999999</c:v>
                </c:pt>
                <c:pt idx="1146">
                  <c:v>3711.041984</c:v>
                </c:pt>
                <c:pt idx="1147">
                  <c:v>3712.9708000000001</c:v>
                </c:pt>
                <c:pt idx="1148">
                  <c:v>3714.8996160000002</c:v>
                </c:pt>
                <c:pt idx="1149">
                  <c:v>3716.8284319999998</c:v>
                </c:pt>
                <c:pt idx="1150">
                  <c:v>3718.7572479999999</c:v>
                </c:pt>
                <c:pt idx="1151">
                  <c:v>3720.686064</c:v>
                </c:pt>
                <c:pt idx="1152">
                  <c:v>3722.6148800000001</c:v>
                </c:pt>
                <c:pt idx="1153">
                  <c:v>3724.5436960000002</c:v>
                </c:pt>
                <c:pt idx="1154">
                  <c:v>3726.4725119999998</c:v>
                </c:pt>
                <c:pt idx="1155">
                  <c:v>3728.4013279999999</c:v>
                </c:pt>
                <c:pt idx="1156">
                  <c:v>3730.330144</c:v>
                </c:pt>
                <c:pt idx="1157">
                  <c:v>3732.2589600000001</c:v>
                </c:pt>
                <c:pt idx="1158">
                  <c:v>3734.1877760000002</c:v>
                </c:pt>
                <c:pt idx="1159">
                  <c:v>3736.1165919999999</c:v>
                </c:pt>
                <c:pt idx="1160">
                  <c:v>3738.045408</c:v>
                </c:pt>
                <c:pt idx="1161">
                  <c:v>3739.974224</c:v>
                </c:pt>
                <c:pt idx="1162">
                  <c:v>3741.9030400000001</c:v>
                </c:pt>
                <c:pt idx="1163">
                  <c:v>3743.8318559999998</c:v>
                </c:pt>
                <c:pt idx="1164">
                  <c:v>3745.7606719999999</c:v>
                </c:pt>
                <c:pt idx="1165">
                  <c:v>3747.689488</c:v>
                </c:pt>
                <c:pt idx="1166">
                  <c:v>3749.6183040000001</c:v>
                </c:pt>
                <c:pt idx="1167">
                  <c:v>3751.5471200000002</c:v>
                </c:pt>
                <c:pt idx="1168">
                  <c:v>3753.4759359999998</c:v>
                </c:pt>
                <c:pt idx="1169">
                  <c:v>3755.4047519999999</c:v>
                </c:pt>
                <c:pt idx="1170">
                  <c:v>3757.333568</c:v>
                </c:pt>
                <c:pt idx="1171">
                  <c:v>3759.2623840000001</c:v>
                </c:pt>
                <c:pt idx="1172">
                  <c:v>3761.1912000000002</c:v>
                </c:pt>
                <c:pt idx="1173">
                  <c:v>3763.1200159999999</c:v>
                </c:pt>
                <c:pt idx="1174">
                  <c:v>3765.0488319999999</c:v>
                </c:pt>
                <c:pt idx="1175">
                  <c:v>3766.977648</c:v>
                </c:pt>
                <c:pt idx="1176">
                  <c:v>3768.9064640000001</c:v>
                </c:pt>
                <c:pt idx="1177">
                  <c:v>3770.8352799999998</c:v>
                </c:pt>
                <c:pt idx="1178">
                  <c:v>3772.7640959999999</c:v>
                </c:pt>
                <c:pt idx="1179">
                  <c:v>3774.692912</c:v>
                </c:pt>
                <c:pt idx="1180">
                  <c:v>3776.6217280000001</c:v>
                </c:pt>
                <c:pt idx="1181">
                  <c:v>3778.5505440000002</c:v>
                </c:pt>
                <c:pt idx="1182">
                  <c:v>3780.4793599999998</c:v>
                </c:pt>
                <c:pt idx="1183">
                  <c:v>3782.4081759999999</c:v>
                </c:pt>
                <c:pt idx="1184">
                  <c:v>3784.336992</c:v>
                </c:pt>
                <c:pt idx="1185">
                  <c:v>3786.2658080000001</c:v>
                </c:pt>
                <c:pt idx="1186">
                  <c:v>3788.1946240000002</c:v>
                </c:pt>
                <c:pt idx="1187">
                  <c:v>3790.1234399999998</c:v>
                </c:pt>
                <c:pt idx="1188">
                  <c:v>3792.0522559999999</c:v>
                </c:pt>
                <c:pt idx="1189">
                  <c:v>3793.981072</c:v>
                </c:pt>
                <c:pt idx="1190">
                  <c:v>3795.9098880000001</c:v>
                </c:pt>
                <c:pt idx="1191">
                  <c:v>3797.8387039999998</c:v>
                </c:pt>
                <c:pt idx="1192">
                  <c:v>3799.7675199999999</c:v>
                </c:pt>
              </c:numCache>
            </c:numRef>
          </c:xVal>
          <c:yVal>
            <c:numRef>
              <c:f>'Fig 2 b'!$F$10:$F$1202</c:f>
              <c:numCache>
                <c:formatCode>General</c:formatCode>
                <c:ptCount val="1193"/>
                <c:pt idx="0">
                  <c:v>120.543854</c:v>
                </c:pt>
                <c:pt idx="1">
                  <c:v>120.526849</c:v>
                </c:pt>
                <c:pt idx="2">
                  <c:v>120.471315</c:v>
                </c:pt>
                <c:pt idx="3">
                  <c:v>120.368077</c:v>
                </c:pt>
                <c:pt idx="4">
                  <c:v>120.489375</c:v>
                </c:pt>
                <c:pt idx="5">
                  <c:v>120.51540300000001</c:v>
                </c:pt>
                <c:pt idx="6">
                  <c:v>120.492959</c:v>
                </c:pt>
                <c:pt idx="7">
                  <c:v>120.467917</c:v>
                </c:pt>
                <c:pt idx="8">
                  <c:v>120.341756</c:v>
                </c:pt>
                <c:pt idx="9">
                  <c:v>120.261455</c:v>
                </c:pt>
                <c:pt idx="10">
                  <c:v>120.231916</c:v>
                </c:pt>
                <c:pt idx="11">
                  <c:v>120.20426999999999</c:v>
                </c:pt>
                <c:pt idx="12">
                  <c:v>120.28403400000001</c:v>
                </c:pt>
                <c:pt idx="13">
                  <c:v>120.267172</c:v>
                </c:pt>
                <c:pt idx="14">
                  <c:v>120.214327</c:v>
                </c:pt>
                <c:pt idx="15">
                  <c:v>120.195652</c:v>
                </c:pt>
                <c:pt idx="16">
                  <c:v>120.124351</c:v>
                </c:pt>
                <c:pt idx="17">
                  <c:v>120.03667799999999</c:v>
                </c:pt>
                <c:pt idx="18">
                  <c:v>120.03456300000001</c:v>
                </c:pt>
                <c:pt idx="19">
                  <c:v>119.952866</c:v>
                </c:pt>
                <c:pt idx="20">
                  <c:v>119.805172</c:v>
                </c:pt>
                <c:pt idx="21">
                  <c:v>119.84347099999999</c:v>
                </c:pt>
                <c:pt idx="22">
                  <c:v>119.88425100000001</c:v>
                </c:pt>
                <c:pt idx="23">
                  <c:v>119.861625</c:v>
                </c:pt>
                <c:pt idx="24">
                  <c:v>119.878901</c:v>
                </c:pt>
                <c:pt idx="25">
                  <c:v>119.84978</c:v>
                </c:pt>
                <c:pt idx="26">
                  <c:v>119.776061</c:v>
                </c:pt>
                <c:pt idx="27">
                  <c:v>119.70622</c:v>
                </c:pt>
                <c:pt idx="28">
                  <c:v>119.642687</c:v>
                </c:pt>
                <c:pt idx="29">
                  <c:v>119.647189</c:v>
                </c:pt>
                <c:pt idx="30">
                  <c:v>119.63782</c:v>
                </c:pt>
                <c:pt idx="31">
                  <c:v>119.776101</c:v>
                </c:pt>
                <c:pt idx="32">
                  <c:v>119.73201</c:v>
                </c:pt>
                <c:pt idx="33">
                  <c:v>119.68450799999999</c:v>
                </c:pt>
                <c:pt idx="34">
                  <c:v>119.664815</c:v>
                </c:pt>
                <c:pt idx="35">
                  <c:v>119.63489199999999</c:v>
                </c:pt>
                <c:pt idx="36">
                  <c:v>119.62415799999999</c:v>
                </c:pt>
                <c:pt idx="37">
                  <c:v>119.676635</c:v>
                </c:pt>
                <c:pt idx="38">
                  <c:v>119.671673</c:v>
                </c:pt>
                <c:pt idx="39">
                  <c:v>119.66795399999999</c:v>
                </c:pt>
                <c:pt idx="40">
                  <c:v>119.688388</c:v>
                </c:pt>
                <c:pt idx="41">
                  <c:v>119.657881</c:v>
                </c:pt>
                <c:pt idx="42">
                  <c:v>119.64354899999999</c:v>
                </c:pt>
                <c:pt idx="43">
                  <c:v>119.633489</c:v>
                </c:pt>
                <c:pt idx="44">
                  <c:v>119.615449</c:v>
                </c:pt>
                <c:pt idx="45">
                  <c:v>119.604872</c:v>
                </c:pt>
                <c:pt idx="46">
                  <c:v>119.559411</c:v>
                </c:pt>
                <c:pt idx="47">
                  <c:v>119.497944</c:v>
                </c:pt>
                <c:pt idx="48">
                  <c:v>119.455505</c:v>
                </c:pt>
                <c:pt idx="49">
                  <c:v>119.440048</c:v>
                </c:pt>
                <c:pt idx="50">
                  <c:v>119.437926</c:v>
                </c:pt>
                <c:pt idx="51">
                  <c:v>119.438598</c:v>
                </c:pt>
                <c:pt idx="52">
                  <c:v>119.425895</c:v>
                </c:pt>
                <c:pt idx="53">
                  <c:v>119.408513</c:v>
                </c:pt>
                <c:pt idx="54">
                  <c:v>119.412235</c:v>
                </c:pt>
                <c:pt idx="55">
                  <c:v>119.410894</c:v>
                </c:pt>
                <c:pt idx="56">
                  <c:v>119.404805</c:v>
                </c:pt>
                <c:pt idx="57">
                  <c:v>119.389008</c:v>
                </c:pt>
                <c:pt idx="58">
                  <c:v>119.38586100000001</c:v>
                </c:pt>
                <c:pt idx="59">
                  <c:v>119.363175</c:v>
                </c:pt>
                <c:pt idx="60">
                  <c:v>119.30919799999999</c:v>
                </c:pt>
                <c:pt idx="61">
                  <c:v>119.285363</c:v>
                </c:pt>
                <c:pt idx="62">
                  <c:v>119.253084</c:v>
                </c:pt>
                <c:pt idx="63">
                  <c:v>119.21594899999999</c:v>
                </c:pt>
                <c:pt idx="64">
                  <c:v>119.19677900000001</c:v>
                </c:pt>
                <c:pt idx="65">
                  <c:v>119.171823</c:v>
                </c:pt>
                <c:pt idx="66">
                  <c:v>119.142475</c:v>
                </c:pt>
                <c:pt idx="67">
                  <c:v>119.106443</c:v>
                </c:pt>
                <c:pt idx="68">
                  <c:v>119.069349</c:v>
                </c:pt>
                <c:pt idx="69">
                  <c:v>119.013268</c:v>
                </c:pt>
                <c:pt idx="70">
                  <c:v>118.9328</c:v>
                </c:pt>
                <c:pt idx="71">
                  <c:v>119.005538</c:v>
                </c:pt>
                <c:pt idx="72">
                  <c:v>119.04578600000001</c:v>
                </c:pt>
                <c:pt idx="73">
                  <c:v>119.01114800000001</c:v>
                </c:pt>
                <c:pt idx="74">
                  <c:v>118.958355</c:v>
                </c:pt>
                <c:pt idx="75">
                  <c:v>118.91192100000001</c:v>
                </c:pt>
                <c:pt idx="76">
                  <c:v>118.88582</c:v>
                </c:pt>
                <c:pt idx="77">
                  <c:v>118.951154</c:v>
                </c:pt>
                <c:pt idx="78">
                  <c:v>118.944793</c:v>
                </c:pt>
                <c:pt idx="79">
                  <c:v>119.00763999999999</c:v>
                </c:pt>
                <c:pt idx="80">
                  <c:v>119.13906299999999</c:v>
                </c:pt>
                <c:pt idx="81">
                  <c:v>119.091235</c:v>
                </c:pt>
                <c:pt idx="82">
                  <c:v>119.072729</c:v>
                </c:pt>
                <c:pt idx="83">
                  <c:v>119.07549899999999</c:v>
                </c:pt>
                <c:pt idx="84">
                  <c:v>119.083868</c:v>
                </c:pt>
                <c:pt idx="85">
                  <c:v>119.12039799999999</c:v>
                </c:pt>
                <c:pt idx="86">
                  <c:v>119.107288</c:v>
                </c:pt>
                <c:pt idx="87">
                  <c:v>119.08723000000001</c:v>
                </c:pt>
                <c:pt idx="88">
                  <c:v>119.128382</c:v>
                </c:pt>
                <c:pt idx="89">
                  <c:v>119.166113</c:v>
                </c:pt>
                <c:pt idx="90">
                  <c:v>119.15360099999999</c:v>
                </c:pt>
                <c:pt idx="91">
                  <c:v>119.156004</c:v>
                </c:pt>
                <c:pt idx="92">
                  <c:v>119.155844</c:v>
                </c:pt>
                <c:pt idx="93">
                  <c:v>119.13573100000001</c:v>
                </c:pt>
                <c:pt idx="94">
                  <c:v>119.11026699999999</c:v>
                </c:pt>
                <c:pt idx="95">
                  <c:v>119.006912</c:v>
                </c:pt>
                <c:pt idx="96">
                  <c:v>119.146023</c:v>
                </c:pt>
                <c:pt idx="97">
                  <c:v>119.16863499999999</c:v>
                </c:pt>
                <c:pt idx="98">
                  <c:v>119.126043</c:v>
                </c:pt>
                <c:pt idx="99">
                  <c:v>119.11822100000001</c:v>
                </c:pt>
                <c:pt idx="100">
                  <c:v>119.08219699999999</c:v>
                </c:pt>
                <c:pt idx="101">
                  <c:v>119.043001</c:v>
                </c:pt>
                <c:pt idx="102">
                  <c:v>119.111924</c:v>
                </c:pt>
                <c:pt idx="103">
                  <c:v>119.103919</c:v>
                </c:pt>
                <c:pt idx="104">
                  <c:v>119.14240100000001</c:v>
                </c:pt>
                <c:pt idx="105">
                  <c:v>119.14469099999999</c:v>
                </c:pt>
                <c:pt idx="106">
                  <c:v>119.100353</c:v>
                </c:pt>
                <c:pt idx="107">
                  <c:v>119.108507</c:v>
                </c:pt>
                <c:pt idx="108">
                  <c:v>119.121835</c:v>
                </c:pt>
                <c:pt idx="109">
                  <c:v>119.117091</c:v>
                </c:pt>
                <c:pt idx="110">
                  <c:v>119.07383</c:v>
                </c:pt>
                <c:pt idx="111">
                  <c:v>119.00959899999999</c:v>
                </c:pt>
                <c:pt idx="112">
                  <c:v>118.989088</c:v>
                </c:pt>
                <c:pt idx="113">
                  <c:v>119.098451</c:v>
                </c:pt>
                <c:pt idx="114">
                  <c:v>119.130349</c:v>
                </c:pt>
                <c:pt idx="115">
                  <c:v>119.095242</c:v>
                </c:pt>
                <c:pt idx="116">
                  <c:v>119.069828</c:v>
                </c:pt>
                <c:pt idx="117">
                  <c:v>119.048338</c:v>
                </c:pt>
                <c:pt idx="118">
                  <c:v>119.058297</c:v>
                </c:pt>
                <c:pt idx="119">
                  <c:v>119.025289</c:v>
                </c:pt>
                <c:pt idx="120">
                  <c:v>118.995784</c:v>
                </c:pt>
                <c:pt idx="121">
                  <c:v>118.986997</c:v>
                </c:pt>
                <c:pt idx="122">
                  <c:v>119.051564</c:v>
                </c:pt>
                <c:pt idx="123">
                  <c:v>119.02176799999999</c:v>
                </c:pt>
                <c:pt idx="124">
                  <c:v>118.99304600000001</c:v>
                </c:pt>
                <c:pt idx="125">
                  <c:v>118.98664100000001</c:v>
                </c:pt>
                <c:pt idx="126">
                  <c:v>118.96544</c:v>
                </c:pt>
                <c:pt idx="127">
                  <c:v>118.931591</c:v>
                </c:pt>
                <c:pt idx="128">
                  <c:v>118.89663299999999</c:v>
                </c:pt>
                <c:pt idx="129">
                  <c:v>118.884935</c:v>
                </c:pt>
                <c:pt idx="130">
                  <c:v>118.88467199999999</c:v>
                </c:pt>
                <c:pt idx="131">
                  <c:v>118.86592400000001</c:v>
                </c:pt>
                <c:pt idx="132">
                  <c:v>118.825056</c:v>
                </c:pt>
                <c:pt idx="133">
                  <c:v>118.814902</c:v>
                </c:pt>
                <c:pt idx="134">
                  <c:v>118.829419</c:v>
                </c:pt>
                <c:pt idx="135">
                  <c:v>118.78411800000001</c:v>
                </c:pt>
                <c:pt idx="136">
                  <c:v>118.76241899999999</c:v>
                </c:pt>
                <c:pt idx="137">
                  <c:v>118.80450399999999</c:v>
                </c:pt>
                <c:pt idx="138">
                  <c:v>118.81653</c:v>
                </c:pt>
                <c:pt idx="139">
                  <c:v>118.769021</c:v>
                </c:pt>
                <c:pt idx="140">
                  <c:v>118.700638</c:v>
                </c:pt>
                <c:pt idx="141">
                  <c:v>118.67676400000001</c:v>
                </c:pt>
                <c:pt idx="142">
                  <c:v>118.65991699999999</c:v>
                </c:pt>
                <c:pt idx="143">
                  <c:v>118.63603000000001</c:v>
                </c:pt>
                <c:pt idx="144">
                  <c:v>118.64948099999999</c:v>
                </c:pt>
                <c:pt idx="145">
                  <c:v>118.657843</c:v>
                </c:pt>
                <c:pt idx="146">
                  <c:v>118.678445</c:v>
                </c:pt>
                <c:pt idx="147">
                  <c:v>118.666383</c:v>
                </c:pt>
                <c:pt idx="148">
                  <c:v>118.612847</c:v>
                </c:pt>
                <c:pt idx="149">
                  <c:v>118.59201400000001</c:v>
                </c:pt>
                <c:pt idx="150">
                  <c:v>118.523475</c:v>
                </c:pt>
                <c:pt idx="151">
                  <c:v>118.43295999999999</c:v>
                </c:pt>
                <c:pt idx="152">
                  <c:v>118.511956</c:v>
                </c:pt>
                <c:pt idx="153">
                  <c:v>118.60381099999999</c:v>
                </c:pt>
                <c:pt idx="154">
                  <c:v>118.586969</c:v>
                </c:pt>
                <c:pt idx="155">
                  <c:v>118.54991800000001</c:v>
                </c:pt>
                <c:pt idx="156">
                  <c:v>118.539025</c:v>
                </c:pt>
                <c:pt idx="157">
                  <c:v>118.527519</c:v>
                </c:pt>
                <c:pt idx="158">
                  <c:v>118.5168</c:v>
                </c:pt>
                <c:pt idx="159">
                  <c:v>118.499521</c:v>
                </c:pt>
                <c:pt idx="160">
                  <c:v>118.516358</c:v>
                </c:pt>
                <c:pt idx="161">
                  <c:v>118.477762</c:v>
                </c:pt>
                <c:pt idx="162">
                  <c:v>118.448832</c:v>
                </c:pt>
                <c:pt idx="163">
                  <c:v>118.458969</c:v>
                </c:pt>
                <c:pt idx="164">
                  <c:v>118.45910000000001</c:v>
                </c:pt>
                <c:pt idx="165">
                  <c:v>118.434096</c:v>
                </c:pt>
                <c:pt idx="166">
                  <c:v>118.37295899999999</c:v>
                </c:pt>
                <c:pt idx="167">
                  <c:v>118.267996</c:v>
                </c:pt>
                <c:pt idx="168">
                  <c:v>118.25092100000001</c:v>
                </c:pt>
                <c:pt idx="169">
                  <c:v>118.352949</c:v>
                </c:pt>
                <c:pt idx="170">
                  <c:v>118.38381699999999</c:v>
                </c:pt>
                <c:pt idx="171">
                  <c:v>118.39709999999999</c:v>
                </c:pt>
                <c:pt idx="172">
                  <c:v>118.399354</c:v>
                </c:pt>
                <c:pt idx="173">
                  <c:v>118.341469</c:v>
                </c:pt>
                <c:pt idx="174">
                  <c:v>118.312088</c:v>
                </c:pt>
                <c:pt idx="175">
                  <c:v>118.250055</c:v>
                </c:pt>
                <c:pt idx="176">
                  <c:v>118.18978199999999</c:v>
                </c:pt>
                <c:pt idx="177">
                  <c:v>118.16911399999999</c:v>
                </c:pt>
                <c:pt idx="178">
                  <c:v>118.173427</c:v>
                </c:pt>
                <c:pt idx="179">
                  <c:v>118.199181</c:v>
                </c:pt>
                <c:pt idx="180">
                  <c:v>118.198393</c:v>
                </c:pt>
                <c:pt idx="181">
                  <c:v>118.1875</c:v>
                </c:pt>
                <c:pt idx="182">
                  <c:v>118.17698</c:v>
                </c:pt>
                <c:pt idx="183">
                  <c:v>118.191742</c:v>
                </c:pt>
                <c:pt idx="184">
                  <c:v>118.13919</c:v>
                </c:pt>
                <c:pt idx="185">
                  <c:v>118.09222</c:v>
                </c:pt>
                <c:pt idx="186">
                  <c:v>118.074639</c:v>
                </c:pt>
                <c:pt idx="187">
                  <c:v>118.111602</c:v>
                </c:pt>
                <c:pt idx="188">
                  <c:v>118.16857299999999</c:v>
                </c:pt>
                <c:pt idx="189">
                  <c:v>118.099335</c:v>
                </c:pt>
                <c:pt idx="190">
                  <c:v>118.01861100000001</c:v>
                </c:pt>
                <c:pt idx="191">
                  <c:v>118.05038399999999</c:v>
                </c:pt>
                <c:pt idx="192">
                  <c:v>118.039248</c:v>
                </c:pt>
                <c:pt idx="193">
                  <c:v>117.980458</c:v>
                </c:pt>
                <c:pt idx="194">
                  <c:v>117.958285</c:v>
                </c:pt>
                <c:pt idx="195">
                  <c:v>117.87044299999999</c:v>
                </c:pt>
                <c:pt idx="196">
                  <c:v>117.930487</c:v>
                </c:pt>
                <c:pt idx="197">
                  <c:v>118.106982</c:v>
                </c:pt>
                <c:pt idx="198">
                  <c:v>118.12178400000001</c:v>
                </c:pt>
                <c:pt idx="199">
                  <c:v>118.035912</c:v>
                </c:pt>
                <c:pt idx="200">
                  <c:v>118.024146</c:v>
                </c:pt>
                <c:pt idx="201">
                  <c:v>118.08553499999999</c:v>
                </c:pt>
                <c:pt idx="202">
                  <c:v>118.061773</c:v>
                </c:pt>
                <c:pt idx="203">
                  <c:v>117.994316</c:v>
                </c:pt>
                <c:pt idx="204">
                  <c:v>117.969691</c:v>
                </c:pt>
                <c:pt idx="205">
                  <c:v>117.988247</c:v>
                </c:pt>
                <c:pt idx="206">
                  <c:v>117.968805</c:v>
                </c:pt>
                <c:pt idx="207">
                  <c:v>117.989458</c:v>
                </c:pt>
                <c:pt idx="208">
                  <c:v>118.062963</c:v>
                </c:pt>
                <c:pt idx="209">
                  <c:v>118.021156</c:v>
                </c:pt>
                <c:pt idx="210">
                  <c:v>117.974394</c:v>
                </c:pt>
                <c:pt idx="211">
                  <c:v>118.04756</c:v>
                </c:pt>
                <c:pt idx="212">
                  <c:v>118.07603400000001</c:v>
                </c:pt>
                <c:pt idx="213">
                  <c:v>118.05044700000001</c:v>
                </c:pt>
                <c:pt idx="214">
                  <c:v>118.0423</c:v>
                </c:pt>
                <c:pt idx="215">
                  <c:v>118.081014</c:v>
                </c:pt>
                <c:pt idx="216">
                  <c:v>118.08788800000001</c:v>
                </c:pt>
                <c:pt idx="217">
                  <c:v>118.033935</c:v>
                </c:pt>
                <c:pt idx="218">
                  <c:v>117.97649199999999</c:v>
                </c:pt>
                <c:pt idx="219">
                  <c:v>117.92755200000001</c:v>
                </c:pt>
                <c:pt idx="220">
                  <c:v>117.900302</c:v>
                </c:pt>
                <c:pt idx="221">
                  <c:v>117.979682</c:v>
                </c:pt>
                <c:pt idx="222">
                  <c:v>117.956541</c:v>
                </c:pt>
                <c:pt idx="223">
                  <c:v>117.886765</c:v>
                </c:pt>
                <c:pt idx="224">
                  <c:v>117.929233</c:v>
                </c:pt>
                <c:pt idx="225">
                  <c:v>118.02186500000001</c:v>
                </c:pt>
                <c:pt idx="226">
                  <c:v>117.942899</c:v>
                </c:pt>
                <c:pt idx="227">
                  <c:v>117.87844800000001</c:v>
                </c:pt>
                <c:pt idx="228">
                  <c:v>117.877211</c:v>
                </c:pt>
                <c:pt idx="229">
                  <c:v>117.99959200000001</c:v>
                </c:pt>
                <c:pt idx="230">
                  <c:v>118.03107</c:v>
                </c:pt>
                <c:pt idx="231">
                  <c:v>118.066931</c:v>
                </c:pt>
                <c:pt idx="232">
                  <c:v>118.050932</c:v>
                </c:pt>
                <c:pt idx="233">
                  <c:v>117.96770600000001</c:v>
                </c:pt>
                <c:pt idx="234">
                  <c:v>117.889877</c:v>
                </c:pt>
                <c:pt idx="235">
                  <c:v>117.863848</c:v>
                </c:pt>
                <c:pt idx="236">
                  <c:v>117.975065</c:v>
                </c:pt>
                <c:pt idx="237">
                  <c:v>117.818473</c:v>
                </c:pt>
                <c:pt idx="238">
                  <c:v>117.742896</c:v>
                </c:pt>
                <c:pt idx="239">
                  <c:v>117.822744</c:v>
                </c:pt>
                <c:pt idx="240">
                  <c:v>117.86381299999999</c:v>
                </c:pt>
                <c:pt idx="241">
                  <c:v>117.989964</c:v>
                </c:pt>
                <c:pt idx="242">
                  <c:v>117.806558</c:v>
                </c:pt>
                <c:pt idx="243">
                  <c:v>117.550291</c:v>
                </c:pt>
                <c:pt idx="244">
                  <c:v>117.46225699999999</c:v>
                </c:pt>
                <c:pt idx="245">
                  <c:v>117.617502</c:v>
                </c:pt>
                <c:pt idx="246">
                  <c:v>117.862584</c:v>
                </c:pt>
                <c:pt idx="247">
                  <c:v>117.889335</c:v>
                </c:pt>
                <c:pt idx="248">
                  <c:v>117.948149</c:v>
                </c:pt>
                <c:pt idx="249">
                  <c:v>117.727057</c:v>
                </c:pt>
                <c:pt idx="250">
                  <c:v>117.44689</c:v>
                </c:pt>
                <c:pt idx="251">
                  <c:v>117.664249</c:v>
                </c:pt>
                <c:pt idx="252">
                  <c:v>117.55891800000001</c:v>
                </c:pt>
                <c:pt idx="253">
                  <c:v>117.361512</c:v>
                </c:pt>
                <c:pt idx="254">
                  <c:v>117.435085</c:v>
                </c:pt>
                <c:pt idx="255">
                  <c:v>117.725138</c:v>
                </c:pt>
                <c:pt idx="256">
                  <c:v>118.074856</c:v>
                </c:pt>
                <c:pt idx="257">
                  <c:v>118.138525</c:v>
                </c:pt>
                <c:pt idx="258">
                  <c:v>117.86062800000001</c:v>
                </c:pt>
                <c:pt idx="259">
                  <c:v>117.73639300000001</c:v>
                </c:pt>
                <c:pt idx="260">
                  <c:v>117.718135</c:v>
                </c:pt>
                <c:pt idx="261">
                  <c:v>117.874223</c:v>
                </c:pt>
                <c:pt idx="262">
                  <c:v>118.36618</c:v>
                </c:pt>
                <c:pt idx="263">
                  <c:v>118.58745399999999</c:v>
                </c:pt>
                <c:pt idx="264">
                  <c:v>118.590344</c:v>
                </c:pt>
                <c:pt idx="265">
                  <c:v>118.340069</c:v>
                </c:pt>
                <c:pt idx="266">
                  <c:v>118.061919</c:v>
                </c:pt>
                <c:pt idx="267">
                  <c:v>118.09942599999999</c:v>
                </c:pt>
                <c:pt idx="268">
                  <c:v>118.32319099999999</c:v>
                </c:pt>
                <c:pt idx="269">
                  <c:v>118.37576799999999</c:v>
                </c:pt>
                <c:pt idx="270">
                  <c:v>118.659707</c:v>
                </c:pt>
                <c:pt idx="271">
                  <c:v>118.935935</c:v>
                </c:pt>
                <c:pt idx="272">
                  <c:v>118.920097</c:v>
                </c:pt>
                <c:pt idx="273">
                  <c:v>119.218863</c:v>
                </c:pt>
                <c:pt idx="274">
                  <c:v>119.278532</c:v>
                </c:pt>
                <c:pt idx="275">
                  <c:v>118.76839</c:v>
                </c:pt>
                <c:pt idx="276">
                  <c:v>118.970056</c:v>
                </c:pt>
                <c:pt idx="277">
                  <c:v>119.25633500000001</c:v>
                </c:pt>
                <c:pt idx="278">
                  <c:v>119.433733</c:v>
                </c:pt>
                <c:pt idx="279">
                  <c:v>119.491035</c:v>
                </c:pt>
                <c:pt idx="280">
                  <c:v>119.290885</c:v>
                </c:pt>
                <c:pt idx="281">
                  <c:v>119.162515</c:v>
                </c:pt>
                <c:pt idx="282">
                  <c:v>119.115453</c:v>
                </c:pt>
                <c:pt idx="283">
                  <c:v>119.109385</c:v>
                </c:pt>
                <c:pt idx="284">
                  <c:v>118.82967600000001</c:v>
                </c:pt>
                <c:pt idx="285">
                  <c:v>118.474251</c:v>
                </c:pt>
                <c:pt idx="286">
                  <c:v>118.485511</c:v>
                </c:pt>
                <c:pt idx="287">
                  <c:v>118.543671</c:v>
                </c:pt>
                <c:pt idx="288">
                  <c:v>118.460733</c:v>
                </c:pt>
                <c:pt idx="289">
                  <c:v>118.530282</c:v>
                </c:pt>
                <c:pt idx="290">
                  <c:v>118.549404</c:v>
                </c:pt>
                <c:pt idx="291">
                  <c:v>118.471317</c:v>
                </c:pt>
                <c:pt idx="292">
                  <c:v>118.372213</c:v>
                </c:pt>
                <c:pt idx="293">
                  <c:v>118.340434</c:v>
                </c:pt>
                <c:pt idx="294">
                  <c:v>118.377422</c:v>
                </c:pt>
                <c:pt idx="295">
                  <c:v>118.56814799999999</c:v>
                </c:pt>
                <c:pt idx="296">
                  <c:v>118.548889</c:v>
                </c:pt>
                <c:pt idx="297">
                  <c:v>118.465341</c:v>
                </c:pt>
                <c:pt idx="298">
                  <c:v>118.291763</c:v>
                </c:pt>
                <c:pt idx="299">
                  <c:v>118.126384</c:v>
                </c:pt>
                <c:pt idx="300">
                  <c:v>118.21383</c:v>
                </c:pt>
                <c:pt idx="301">
                  <c:v>118.374307</c:v>
                </c:pt>
                <c:pt idx="302">
                  <c:v>118.28886</c:v>
                </c:pt>
                <c:pt idx="303">
                  <c:v>118.19099799999999</c:v>
                </c:pt>
                <c:pt idx="304">
                  <c:v>118.23069599999999</c:v>
                </c:pt>
                <c:pt idx="305">
                  <c:v>118.249413</c:v>
                </c:pt>
                <c:pt idx="306">
                  <c:v>118.18206600000001</c:v>
                </c:pt>
                <c:pt idx="307">
                  <c:v>118.189187</c:v>
                </c:pt>
                <c:pt idx="308">
                  <c:v>118.098052</c:v>
                </c:pt>
                <c:pt idx="309">
                  <c:v>118.002712</c:v>
                </c:pt>
                <c:pt idx="310">
                  <c:v>117.98138299999999</c:v>
                </c:pt>
                <c:pt idx="311">
                  <c:v>118.057149</c:v>
                </c:pt>
                <c:pt idx="312">
                  <c:v>118.08723500000001</c:v>
                </c:pt>
                <c:pt idx="313">
                  <c:v>118.079593</c:v>
                </c:pt>
                <c:pt idx="314">
                  <c:v>117.96363700000001</c:v>
                </c:pt>
                <c:pt idx="315">
                  <c:v>117.880411</c:v>
                </c:pt>
                <c:pt idx="316">
                  <c:v>117.970584</c:v>
                </c:pt>
                <c:pt idx="317">
                  <c:v>117.939414</c:v>
                </c:pt>
                <c:pt idx="318">
                  <c:v>117.84562699999999</c:v>
                </c:pt>
                <c:pt idx="319">
                  <c:v>117.920197</c:v>
                </c:pt>
                <c:pt idx="320">
                  <c:v>117.97031699999999</c:v>
                </c:pt>
                <c:pt idx="321">
                  <c:v>118.086561</c:v>
                </c:pt>
                <c:pt idx="322">
                  <c:v>118.095744</c:v>
                </c:pt>
                <c:pt idx="323">
                  <c:v>118.03550300000001</c:v>
                </c:pt>
                <c:pt idx="324">
                  <c:v>117.929517</c:v>
                </c:pt>
                <c:pt idx="325">
                  <c:v>117.92468700000001</c:v>
                </c:pt>
                <c:pt idx="326">
                  <c:v>118.024355</c:v>
                </c:pt>
                <c:pt idx="327">
                  <c:v>118.258735</c:v>
                </c:pt>
                <c:pt idx="328">
                  <c:v>118.277666</c:v>
                </c:pt>
                <c:pt idx="329">
                  <c:v>118.22353699999999</c:v>
                </c:pt>
                <c:pt idx="330">
                  <c:v>118.386268</c:v>
                </c:pt>
                <c:pt idx="331">
                  <c:v>118.58488</c:v>
                </c:pt>
                <c:pt idx="332">
                  <c:v>118.65138399999999</c:v>
                </c:pt>
                <c:pt idx="333">
                  <c:v>118.74773399999999</c:v>
                </c:pt>
                <c:pt idx="334">
                  <c:v>118.98948300000001</c:v>
                </c:pt>
                <c:pt idx="335">
                  <c:v>119.028598</c:v>
                </c:pt>
                <c:pt idx="336">
                  <c:v>118.99712100000001</c:v>
                </c:pt>
                <c:pt idx="337">
                  <c:v>118.959011</c:v>
                </c:pt>
                <c:pt idx="338">
                  <c:v>118.936713</c:v>
                </c:pt>
                <c:pt idx="339">
                  <c:v>118.93577399999999</c:v>
                </c:pt>
                <c:pt idx="340">
                  <c:v>119.37998399999999</c:v>
                </c:pt>
                <c:pt idx="341">
                  <c:v>119.877101</c:v>
                </c:pt>
                <c:pt idx="342">
                  <c:v>119.235033</c:v>
                </c:pt>
                <c:pt idx="343">
                  <c:v>118.954033</c:v>
                </c:pt>
                <c:pt idx="344">
                  <c:v>118.69903600000001</c:v>
                </c:pt>
                <c:pt idx="345">
                  <c:v>118.378561</c:v>
                </c:pt>
                <c:pt idx="346">
                  <c:v>118.525204</c:v>
                </c:pt>
                <c:pt idx="347">
                  <c:v>118.746835</c:v>
                </c:pt>
                <c:pt idx="348">
                  <c:v>118.80292300000001</c:v>
                </c:pt>
                <c:pt idx="349">
                  <c:v>118.751965</c:v>
                </c:pt>
                <c:pt idx="350">
                  <c:v>118.484725</c:v>
                </c:pt>
                <c:pt idx="351">
                  <c:v>118.33031</c:v>
                </c:pt>
                <c:pt idx="352">
                  <c:v>118.142217</c:v>
                </c:pt>
                <c:pt idx="353">
                  <c:v>118.183402</c:v>
                </c:pt>
                <c:pt idx="354">
                  <c:v>118.069507</c:v>
                </c:pt>
                <c:pt idx="355">
                  <c:v>117.902198</c:v>
                </c:pt>
                <c:pt idx="356">
                  <c:v>117.97660399999999</c:v>
                </c:pt>
                <c:pt idx="357">
                  <c:v>117.93675399999999</c:v>
                </c:pt>
                <c:pt idx="358">
                  <c:v>117.69561400000001</c:v>
                </c:pt>
                <c:pt idx="359">
                  <c:v>117.528294</c:v>
                </c:pt>
                <c:pt idx="360">
                  <c:v>117.550237</c:v>
                </c:pt>
                <c:pt idx="361">
                  <c:v>117.743258</c:v>
                </c:pt>
                <c:pt idx="362">
                  <c:v>117.851664</c:v>
                </c:pt>
                <c:pt idx="363">
                  <c:v>117.870817</c:v>
                </c:pt>
                <c:pt idx="364">
                  <c:v>117.574977</c:v>
                </c:pt>
                <c:pt idx="365">
                  <c:v>117.253953</c:v>
                </c:pt>
                <c:pt idx="366">
                  <c:v>117.20159700000001</c:v>
                </c:pt>
                <c:pt idx="367">
                  <c:v>117.16162300000001</c:v>
                </c:pt>
                <c:pt idx="368">
                  <c:v>117.08127399999999</c:v>
                </c:pt>
                <c:pt idx="369">
                  <c:v>116.878319</c:v>
                </c:pt>
                <c:pt idx="370">
                  <c:v>116.836506</c:v>
                </c:pt>
                <c:pt idx="371">
                  <c:v>117.095342</c:v>
                </c:pt>
                <c:pt idx="372">
                  <c:v>117.168954</c:v>
                </c:pt>
                <c:pt idx="373">
                  <c:v>117.066272</c:v>
                </c:pt>
                <c:pt idx="374">
                  <c:v>117.111312</c:v>
                </c:pt>
                <c:pt idx="375">
                  <c:v>117.061154</c:v>
                </c:pt>
                <c:pt idx="376">
                  <c:v>117.01015599999999</c:v>
                </c:pt>
                <c:pt idx="377">
                  <c:v>116.926973</c:v>
                </c:pt>
                <c:pt idx="378">
                  <c:v>116.882599</c:v>
                </c:pt>
                <c:pt idx="379">
                  <c:v>116.936942</c:v>
                </c:pt>
                <c:pt idx="380">
                  <c:v>116.749357</c:v>
                </c:pt>
                <c:pt idx="381">
                  <c:v>116.669194</c:v>
                </c:pt>
                <c:pt idx="382">
                  <c:v>116.796982</c:v>
                </c:pt>
                <c:pt idx="383">
                  <c:v>116.764889</c:v>
                </c:pt>
                <c:pt idx="384">
                  <c:v>116.67335300000001</c:v>
                </c:pt>
                <c:pt idx="385">
                  <c:v>116.638279</c:v>
                </c:pt>
                <c:pt idx="386">
                  <c:v>116.562758</c:v>
                </c:pt>
                <c:pt idx="387">
                  <c:v>116.482361</c:v>
                </c:pt>
                <c:pt idx="388">
                  <c:v>116.566191</c:v>
                </c:pt>
                <c:pt idx="389">
                  <c:v>116.709519</c:v>
                </c:pt>
                <c:pt idx="390">
                  <c:v>116.727749</c:v>
                </c:pt>
                <c:pt idx="391">
                  <c:v>116.690146</c:v>
                </c:pt>
                <c:pt idx="392">
                  <c:v>116.627505</c:v>
                </c:pt>
                <c:pt idx="393">
                  <c:v>116.61609900000001</c:v>
                </c:pt>
                <c:pt idx="394">
                  <c:v>116.53534399999999</c:v>
                </c:pt>
                <c:pt idx="395">
                  <c:v>116.50841200000001</c:v>
                </c:pt>
                <c:pt idx="396">
                  <c:v>116.46006800000001</c:v>
                </c:pt>
                <c:pt idx="397">
                  <c:v>116.483285</c:v>
                </c:pt>
                <c:pt idx="398">
                  <c:v>116.443727</c:v>
                </c:pt>
                <c:pt idx="399">
                  <c:v>116.394237</c:v>
                </c:pt>
                <c:pt idx="400">
                  <c:v>116.359774</c:v>
                </c:pt>
                <c:pt idx="401">
                  <c:v>116.352941</c:v>
                </c:pt>
                <c:pt idx="402">
                  <c:v>116.348528</c:v>
                </c:pt>
                <c:pt idx="403">
                  <c:v>116.36804600000001</c:v>
                </c:pt>
                <c:pt idx="404">
                  <c:v>116.282415</c:v>
                </c:pt>
                <c:pt idx="405">
                  <c:v>116.234568</c:v>
                </c:pt>
                <c:pt idx="406">
                  <c:v>116.292243</c:v>
                </c:pt>
                <c:pt idx="407">
                  <c:v>116.34335299999999</c:v>
                </c:pt>
                <c:pt idx="408">
                  <c:v>116.30136400000001</c:v>
                </c:pt>
                <c:pt idx="409">
                  <c:v>116.20689</c:v>
                </c:pt>
                <c:pt idx="410">
                  <c:v>116.23715</c:v>
                </c:pt>
                <c:pt idx="411">
                  <c:v>116.2501</c:v>
                </c:pt>
                <c:pt idx="412">
                  <c:v>116.23556000000001</c:v>
                </c:pt>
                <c:pt idx="413">
                  <c:v>116.248378</c:v>
                </c:pt>
                <c:pt idx="414">
                  <c:v>116.22621700000001</c:v>
                </c:pt>
                <c:pt idx="415">
                  <c:v>116.18284199999999</c:v>
                </c:pt>
                <c:pt idx="416">
                  <c:v>116.125821</c:v>
                </c:pt>
                <c:pt idx="417">
                  <c:v>116.155587</c:v>
                </c:pt>
                <c:pt idx="418">
                  <c:v>116.183815</c:v>
                </c:pt>
                <c:pt idx="419">
                  <c:v>116.135075</c:v>
                </c:pt>
                <c:pt idx="420">
                  <c:v>116.08945799999999</c:v>
                </c:pt>
                <c:pt idx="421">
                  <c:v>116.084557</c:v>
                </c:pt>
                <c:pt idx="422">
                  <c:v>116.07854</c:v>
                </c:pt>
                <c:pt idx="423">
                  <c:v>116.030923</c:v>
                </c:pt>
                <c:pt idx="424">
                  <c:v>115.986825</c:v>
                </c:pt>
                <c:pt idx="425">
                  <c:v>115.93102500000001</c:v>
                </c:pt>
                <c:pt idx="426">
                  <c:v>115.86802</c:v>
                </c:pt>
                <c:pt idx="427">
                  <c:v>115.883087</c:v>
                </c:pt>
                <c:pt idx="428">
                  <c:v>115.986786</c:v>
                </c:pt>
                <c:pt idx="429">
                  <c:v>116.039643</c:v>
                </c:pt>
                <c:pt idx="430">
                  <c:v>116.02401500000001</c:v>
                </c:pt>
                <c:pt idx="431">
                  <c:v>116.021843</c:v>
                </c:pt>
                <c:pt idx="432">
                  <c:v>116.002543</c:v>
                </c:pt>
                <c:pt idx="433">
                  <c:v>116.020223</c:v>
                </c:pt>
                <c:pt idx="434">
                  <c:v>116.033987</c:v>
                </c:pt>
                <c:pt idx="435">
                  <c:v>115.987397</c:v>
                </c:pt>
                <c:pt idx="436">
                  <c:v>115.931974</c:v>
                </c:pt>
                <c:pt idx="437">
                  <c:v>115.942128</c:v>
                </c:pt>
                <c:pt idx="438">
                  <c:v>115.898135</c:v>
                </c:pt>
                <c:pt idx="439">
                  <c:v>115.916386</c:v>
                </c:pt>
                <c:pt idx="440">
                  <c:v>115.92367900000001</c:v>
                </c:pt>
                <c:pt idx="441">
                  <c:v>115.894898</c:v>
                </c:pt>
                <c:pt idx="442">
                  <c:v>115.88253</c:v>
                </c:pt>
                <c:pt idx="443">
                  <c:v>115.842977</c:v>
                </c:pt>
                <c:pt idx="444">
                  <c:v>115.728803</c:v>
                </c:pt>
                <c:pt idx="445">
                  <c:v>115.751974</c:v>
                </c:pt>
                <c:pt idx="446">
                  <c:v>115.75502400000001</c:v>
                </c:pt>
                <c:pt idx="447">
                  <c:v>115.729771</c:v>
                </c:pt>
                <c:pt idx="448">
                  <c:v>115.873535</c:v>
                </c:pt>
                <c:pt idx="449">
                  <c:v>115.881034</c:v>
                </c:pt>
                <c:pt idx="450">
                  <c:v>115.822508</c:v>
                </c:pt>
                <c:pt idx="451">
                  <c:v>115.860919</c:v>
                </c:pt>
                <c:pt idx="452">
                  <c:v>115.872929</c:v>
                </c:pt>
                <c:pt idx="453">
                  <c:v>115.840435</c:v>
                </c:pt>
                <c:pt idx="454">
                  <c:v>115.83765699999999</c:v>
                </c:pt>
                <c:pt idx="455">
                  <c:v>115.874196</c:v>
                </c:pt>
                <c:pt idx="456">
                  <c:v>115.878625</c:v>
                </c:pt>
                <c:pt idx="457">
                  <c:v>115.843633</c:v>
                </c:pt>
                <c:pt idx="458">
                  <c:v>115.83731299999999</c:v>
                </c:pt>
                <c:pt idx="459">
                  <c:v>115.828262</c:v>
                </c:pt>
                <c:pt idx="460">
                  <c:v>115.80915899999999</c:v>
                </c:pt>
                <c:pt idx="461">
                  <c:v>115.82117700000001</c:v>
                </c:pt>
                <c:pt idx="462">
                  <c:v>115.833189</c:v>
                </c:pt>
                <c:pt idx="463">
                  <c:v>115.76568899999999</c:v>
                </c:pt>
                <c:pt idx="464">
                  <c:v>115.701494</c:v>
                </c:pt>
                <c:pt idx="465">
                  <c:v>115.734894</c:v>
                </c:pt>
                <c:pt idx="466">
                  <c:v>115.747867</c:v>
                </c:pt>
                <c:pt idx="467">
                  <c:v>115.728455</c:v>
                </c:pt>
                <c:pt idx="468">
                  <c:v>115.728335</c:v>
                </c:pt>
                <c:pt idx="469">
                  <c:v>115.742086</c:v>
                </c:pt>
                <c:pt idx="470">
                  <c:v>115.688637</c:v>
                </c:pt>
                <c:pt idx="471">
                  <c:v>115.68279</c:v>
                </c:pt>
                <c:pt idx="472">
                  <c:v>115.693096</c:v>
                </c:pt>
                <c:pt idx="473">
                  <c:v>115.680774</c:v>
                </c:pt>
                <c:pt idx="474">
                  <c:v>115.62503100000001</c:v>
                </c:pt>
                <c:pt idx="475">
                  <c:v>115.610587</c:v>
                </c:pt>
                <c:pt idx="476">
                  <c:v>115.640658</c:v>
                </c:pt>
                <c:pt idx="477">
                  <c:v>115.632541</c:v>
                </c:pt>
                <c:pt idx="478">
                  <c:v>115.5869</c:v>
                </c:pt>
                <c:pt idx="479">
                  <c:v>115.568105</c:v>
                </c:pt>
                <c:pt idx="480">
                  <c:v>115.53047100000001</c:v>
                </c:pt>
                <c:pt idx="481">
                  <c:v>115.54521</c:v>
                </c:pt>
                <c:pt idx="482">
                  <c:v>115.585905</c:v>
                </c:pt>
                <c:pt idx="483">
                  <c:v>115.581453</c:v>
                </c:pt>
                <c:pt idx="484">
                  <c:v>115.52949099999999</c:v>
                </c:pt>
                <c:pt idx="485">
                  <c:v>115.55122900000001</c:v>
                </c:pt>
                <c:pt idx="486">
                  <c:v>115.57778999999999</c:v>
                </c:pt>
                <c:pt idx="487">
                  <c:v>115.532076</c:v>
                </c:pt>
                <c:pt idx="488">
                  <c:v>115.47240499999999</c:v>
                </c:pt>
                <c:pt idx="489">
                  <c:v>115.46738000000001</c:v>
                </c:pt>
                <c:pt idx="490">
                  <c:v>115.477003</c:v>
                </c:pt>
                <c:pt idx="491">
                  <c:v>115.48715900000001</c:v>
                </c:pt>
                <c:pt idx="492">
                  <c:v>115.472977</c:v>
                </c:pt>
                <c:pt idx="493">
                  <c:v>115.452675</c:v>
                </c:pt>
                <c:pt idx="494">
                  <c:v>115.42533400000001</c:v>
                </c:pt>
                <c:pt idx="495">
                  <c:v>115.44152099999999</c:v>
                </c:pt>
                <c:pt idx="496">
                  <c:v>115.437256</c:v>
                </c:pt>
                <c:pt idx="497">
                  <c:v>115.397811</c:v>
                </c:pt>
                <c:pt idx="498">
                  <c:v>115.384624</c:v>
                </c:pt>
                <c:pt idx="499">
                  <c:v>115.362093</c:v>
                </c:pt>
                <c:pt idx="500">
                  <c:v>115.351866</c:v>
                </c:pt>
                <c:pt idx="501">
                  <c:v>115.31989299999999</c:v>
                </c:pt>
                <c:pt idx="502">
                  <c:v>115.262755</c:v>
                </c:pt>
                <c:pt idx="503">
                  <c:v>115.25303599999999</c:v>
                </c:pt>
                <c:pt idx="504">
                  <c:v>115.27022100000001</c:v>
                </c:pt>
                <c:pt idx="505">
                  <c:v>115.268216</c:v>
                </c:pt>
                <c:pt idx="506">
                  <c:v>115.241981</c:v>
                </c:pt>
                <c:pt idx="507">
                  <c:v>115.268907</c:v>
                </c:pt>
                <c:pt idx="508">
                  <c:v>115.260999</c:v>
                </c:pt>
                <c:pt idx="509">
                  <c:v>115.19256300000001</c:v>
                </c:pt>
                <c:pt idx="510">
                  <c:v>115.161714</c:v>
                </c:pt>
                <c:pt idx="511">
                  <c:v>115.25203</c:v>
                </c:pt>
                <c:pt idx="512">
                  <c:v>115.333753</c:v>
                </c:pt>
                <c:pt idx="513">
                  <c:v>115.291391</c:v>
                </c:pt>
                <c:pt idx="514">
                  <c:v>115.176393</c:v>
                </c:pt>
                <c:pt idx="515">
                  <c:v>115.14787099999999</c:v>
                </c:pt>
                <c:pt idx="516">
                  <c:v>115.108436</c:v>
                </c:pt>
                <c:pt idx="517">
                  <c:v>115.106779</c:v>
                </c:pt>
                <c:pt idx="518">
                  <c:v>115.19138700000001</c:v>
                </c:pt>
                <c:pt idx="519">
                  <c:v>115.179838</c:v>
                </c:pt>
                <c:pt idx="520">
                  <c:v>115.105851</c:v>
                </c:pt>
                <c:pt idx="521">
                  <c:v>115.067744</c:v>
                </c:pt>
                <c:pt idx="522">
                  <c:v>115.029653</c:v>
                </c:pt>
                <c:pt idx="523">
                  <c:v>115.011629</c:v>
                </c:pt>
                <c:pt idx="524">
                  <c:v>115.005743</c:v>
                </c:pt>
                <c:pt idx="525">
                  <c:v>115.003095</c:v>
                </c:pt>
                <c:pt idx="526">
                  <c:v>114.963812</c:v>
                </c:pt>
                <c:pt idx="527">
                  <c:v>114.980642</c:v>
                </c:pt>
                <c:pt idx="528">
                  <c:v>114.99668699999999</c:v>
                </c:pt>
                <c:pt idx="529">
                  <c:v>114.982482</c:v>
                </c:pt>
                <c:pt idx="530">
                  <c:v>114.945452</c:v>
                </c:pt>
                <c:pt idx="531">
                  <c:v>114.94166300000001</c:v>
                </c:pt>
                <c:pt idx="532">
                  <c:v>114.93346200000001</c:v>
                </c:pt>
                <c:pt idx="533">
                  <c:v>114.92874399999999</c:v>
                </c:pt>
                <c:pt idx="534">
                  <c:v>114.917666</c:v>
                </c:pt>
                <c:pt idx="535">
                  <c:v>114.893585</c:v>
                </c:pt>
                <c:pt idx="536">
                  <c:v>114.893443</c:v>
                </c:pt>
                <c:pt idx="537">
                  <c:v>114.856887</c:v>
                </c:pt>
                <c:pt idx="538">
                  <c:v>114.780463</c:v>
                </c:pt>
                <c:pt idx="539">
                  <c:v>114.798046</c:v>
                </c:pt>
                <c:pt idx="540">
                  <c:v>114.81803499999999</c:v>
                </c:pt>
                <c:pt idx="541">
                  <c:v>114.78958</c:v>
                </c:pt>
                <c:pt idx="542">
                  <c:v>114.86377899999999</c:v>
                </c:pt>
                <c:pt idx="543">
                  <c:v>114.89153</c:v>
                </c:pt>
                <c:pt idx="544">
                  <c:v>114.79101300000001</c:v>
                </c:pt>
                <c:pt idx="545">
                  <c:v>114.727692</c:v>
                </c:pt>
                <c:pt idx="546">
                  <c:v>114.70802500000001</c:v>
                </c:pt>
                <c:pt idx="547">
                  <c:v>114.69417799999999</c:v>
                </c:pt>
                <c:pt idx="548">
                  <c:v>114.728182</c:v>
                </c:pt>
                <c:pt idx="549">
                  <c:v>114.70848599999999</c:v>
                </c:pt>
                <c:pt idx="550">
                  <c:v>114.665413</c:v>
                </c:pt>
                <c:pt idx="551">
                  <c:v>114.68706400000001</c:v>
                </c:pt>
                <c:pt idx="552">
                  <c:v>114.729505</c:v>
                </c:pt>
                <c:pt idx="553">
                  <c:v>114.686227</c:v>
                </c:pt>
                <c:pt idx="554">
                  <c:v>114.62913399999999</c:v>
                </c:pt>
                <c:pt idx="555">
                  <c:v>114.642381</c:v>
                </c:pt>
                <c:pt idx="556">
                  <c:v>114.642263</c:v>
                </c:pt>
                <c:pt idx="557">
                  <c:v>114.634169</c:v>
                </c:pt>
                <c:pt idx="558">
                  <c:v>114.640874</c:v>
                </c:pt>
                <c:pt idx="559">
                  <c:v>114.633411</c:v>
                </c:pt>
                <c:pt idx="560">
                  <c:v>114.618579</c:v>
                </c:pt>
                <c:pt idx="561">
                  <c:v>114.573966</c:v>
                </c:pt>
                <c:pt idx="562">
                  <c:v>114.562333</c:v>
                </c:pt>
                <c:pt idx="563">
                  <c:v>114.55116599999999</c:v>
                </c:pt>
                <c:pt idx="564">
                  <c:v>114.562313</c:v>
                </c:pt>
                <c:pt idx="565">
                  <c:v>114.57114300000001</c:v>
                </c:pt>
                <c:pt idx="566">
                  <c:v>114.552447</c:v>
                </c:pt>
                <c:pt idx="567">
                  <c:v>114.52169000000001</c:v>
                </c:pt>
                <c:pt idx="568">
                  <c:v>114.499893</c:v>
                </c:pt>
                <c:pt idx="569">
                  <c:v>114.49405400000001</c:v>
                </c:pt>
                <c:pt idx="570">
                  <c:v>114.470279</c:v>
                </c:pt>
                <c:pt idx="571">
                  <c:v>114.48986600000001</c:v>
                </c:pt>
                <c:pt idx="572">
                  <c:v>114.51475499999999</c:v>
                </c:pt>
                <c:pt idx="573">
                  <c:v>114.508385</c:v>
                </c:pt>
                <c:pt idx="574">
                  <c:v>114.459856</c:v>
                </c:pt>
                <c:pt idx="575">
                  <c:v>114.453135</c:v>
                </c:pt>
                <c:pt idx="576">
                  <c:v>114.47216299999999</c:v>
                </c:pt>
                <c:pt idx="577">
                  <c:v>114.48159699999999</c:v>
                </c:pt>
                <c:pt idx="578">
                  <c:v>114.467235</c:v>
                </c:pt>
                <c:pt idx="579">
                  <c:v>114.475724</c:v>
                </c:pt>
                <c:pt idx="580">
                  <c:v>114.46404200000001</c:v>
                </c:pt>
                <c:pt idx="581">
                  <c:v>114.44569</c:v>
                </c:pt>
                <c:pt idx="582">
                  <c:v>114.441474</c:v>
                </c:pt>
                <c:pt idx="583">
                  <c:v>114.468872</c:v>
                </c:pt>
                <c:pt idx="584">
                  <c:v>114.46408700000001</c:v>
                </c:pt>
                <c:pt idx="585">
                  <c:v>114.469849</c:v>
                </c:pt>
                <c:pt idx="586">
                  <c:v>114.447236</c:v>
                </c:pt>
                <c:pt idx="587">
                  <c:v>114.419764</c:v>
                </c:pt>
                <c:pt idx="588">
                  <c:v>114.42894800000001</c:v>
                </c:pt>
                <c:pt idx="589">
                  <c:v>114.414698</c:v>
                </c:pt>
                <c:pt idx="590">
                  <c:v>114.42168599999999</c:v>
                </c:pt>
                <c:pt idx="591">
                  <c:v>114.425815</c:v>
                </c:pt>
                <c:pt idx="592">
                  <c:v>114.434483</c:v>
                </c:pt>
                <c:pt idx="593">
                  <c:v>114.43858299999999</c:v>
                </c:pt>
                <c:pt idx="594">
                  <c:v>114.425155</c:v>
                </c:pt>
                <c:pt idx="595">
                  <c:v>114.41100400000001</c:v>
                </c:pt>
                <c:pt idx="596">
                  <c:v>114.402494</c:v>
                </c:pt>
                <c:pt idx="597">
                  <c:v>114.405315</c:v>
                </c:pt>
                <c:pt idx="598">
                  <c:v>114.381845</c:v>
                </c:pt>
                <c:pt idx="599">
                  <c:v>114.357428</c:v>
                </c:pt>
                <c:pt idx="600">
                  <c:v>114.380011</c:v>
                </c:pt>
                <c:pt idx="601">
                  <c:v>114.408602</c:v>
                </c:pt>
                <c:pt idx="602">
                  <c:v>114.433885</c:v>
                </c:pt>
                <c:pt idx="603">
                  <c:v>114.447723</c:v>
                </c:pt>
                <c:pt idx="604">
                  <c:v>114.439042</c:v>
                </c:pt>
                <c:pt idx="605">
                  <c:v>114.40670299999999</c:v>
                </c:pt>
                <c:pt idx="606">
                  <c:v>114.390366</c:v>
                </c:pt>
                <c:pt idx="607">
                  <c:v>114.397783</c:v>
                </c:pt>
                <c:pt idx="608">
                  <c:v>114.397599</c:v>
                </c:pt>
                <c:pt idx="609">
                  <c:v>114.40710300000001</c:v>
                </c:pt>
                <c:pt idx="610">
                  <c:v>114.399293</c:v>
                </c:pt>
                <c:pt idx="611">
                  <c:v>114.379485</c:v>
                </c:pt>
                <c:pt idx="612">
                  <c:v>114.36012100000001</c:v>
                </c:pt>
                <c:pt idx="613">
                  <c:v>114.33681799999999</c:v>
                </c:pt>
                <c:pt idx="614">
                  <c:v>114.330528</c:v>
                </c:pt>
                <c:pt idx="615">
                  <c:v>114.325298</c:v>
                </c:pt>
                <c:pt idx="616">
                  <c:v>114.30986900000001</c:v>
                </c:pt>
                <c:pt idx="617">
                  <c:v>114.301312</c:v>
                </c:pt>
                <c:pt idx="618">
                  <c:v>114.284325</c:v>
                </c:pt>
                <c:pt idx="619">
                  <c:v>114.26675</c:v>
                </c:pt>
                <c:pt idx="620">
                  <c:v>114.267511</c:v>
                </c:pt>
                <c:pt idx="621">
                  <c:v>114.262208</c:v>
                </c:pt>
                <c:pt idx="622">
                  <c:v>114.26914600000001</c:v>
                </c:pt>
                <c:pt idx="623">
                  <c:v>114.28386500000001</c:v>
                </c:pt>
                <c:pt idx="624">
                  <c:v>114.27523600000001</c:v>
                </c:pt>
                <c:pt idx="625">
                  <c:v>114.25645799999999</c:v>
                </c:pt>
                <c:pt idx="626">
                  <c:v>114.234576</c:v>
                </c:pt>
                <c:pt idx="627">
                  <c:v>114.234652</c:v>
                </c:pt>
                <c:pt idx="628">
                  <c:v>114.231247</c:v>
                </c:pt>
                <c:pt idx="629">
                  <c:v>114.20079699999999</c:v>
                </c:pt>
                <c:pt idx="630">
                  <c:v>114.18227</c:v>
                </c:pt>
                <c:pt idx="631">
                  <c:v>114.18662399999999</c:v>
                </c:pt>
                <c:pt idx="632">
                  <c:v>114.176838</c:v>
                </c:pt>
                <c:pt idx="633">
                  <c:v>114.166752</c:v>
                </c:pt>
                <c:pt idx="634">
                  <c:v>114.17519799999999</c:v>
                </c:pt>
                <c:pt idx="635">
                  <c:v>114.17431000000001</c:v>
                </c:pt>
                <c:pt idx="636">
                  <c:v>114.164905</c:v>
                </c:pt>
                <c:pt idx="637">
                  <c:v>114.134381</c:v>
                </c:pt>
                <c:pt idx="638">
                  <c:v>114.11582300000001</c:v>
                </c:pt>
                <c:pt idx="639">
                  <c:v>114.105525</c:v>
                </c:pt>
                <c:pt idx="640">
                  <c:v>114.11824</c:v>
                </c:pt>
                <c:pt idx="641">
                  <c:v>114.105428</c:v>
                </c:pt>
                <c:pt idx="642">
                  <c:v>114.081281</c:v>
                </c:pt>
                <c:pt idx="643">
                  <c:v>114.082033</c:v>
                </c:pt>
                <c:pt idx="644">
                  <c:v>114.062528</c:v>
                </c:pt>
                <c:pt idx="645">
                  <c:v>114.03673999999999</c:v>
                </c:pt>
                <c:pt idx="646">
                  <c:v>114.063974</c:v>
                </c:pt>
                <c:pt idx="647">
                  <c:v>114.07319</c:v>
                </c:pt>
                <c:pt idx="648">
                  <c:v>114.04071</c:v>
                </c:pt>
                <c:pt idx="649">
                  <c:v>114.01227299999999</c:v>
                </c:pt>
                <c:pt idx="650">
                  <c:v>114.00487699999999</c:v>
                </c:pt>
                <c:pt idx="651">
                  <c:v>114.01906099999999</c:v>
                </c:pt>
                <c:pt idx="652">
                  <c:v>114.004485</c:v>
                </c:pt>
                <c:pt idx="653">
                  <c:v>113.97108900000001</c:v>
                </c:pt>
                <c:pt idx="654">
                  <c:v>113.96941200000001</c:v>
                </c:pt>
                <c:pt idx="655">
                  <c:v>113.984219</c:v>
                </c:pt>
                <c:pt idx="656">
                  <c:v>113.970097</c:v>
                </c:pt>
                <c:pt idx="657">
                  <c:v>113.97396000000001</c:v>
                </c:pt>
                <c:pt idx="658">
                  <c:v>113.986435</c:v>
                </c:pt>
                <c:pt idx="659">
                  <c:v>113.979947</c:v>
                </c:pt>
                <c:pt idx="660">
                  <c:v>113.93734000000001</c:v>
                </c:pt>
                <c:pt idx="661">
                  <c:v>113.931185</c:v>
                </c:pt>
                <c:pt idx="662">
                  <c:v>113.946896</c:v>
                </c:pt>
                <c:pt idx="663">
                  <c:v>113.924611</c:v>
                </c:pt>
                <c:pt idx="664">
                  <c:v>113.892836</c:v>
                </c:pt>
                <c:pt idx="665">
                  <c:v>113.866629</c:v>
                </c:pt>
                <c:pt idx="666">
                  <c:v>113.866579</c:v>
                </c:pt>
                <c:pt idx="667">
                  <c:v>113.891549</c:v>
                </c:pt>
                <c:pt idx="668">
                  <c:v>113.888177</c:v>
                </c:pt>
                <c:pt idx="669">
                  <c:v>113.896387</c:v>
                </c:pt>
                <c:pt idx="670">
                  <c:v>113.894003</c:v>
                </c:pt>
                <c:pt idx="671">
                  <c:v>113.86342999999999</c:v>
                </c:pt>
                <c:pt idx="672">
                  <c:v>113.872818</c:v>
                </c:pt>
                <c:pt idx="673">
                  <c:v>113.85935499999999</c:v>
                </c:pt>
                <c:pt idx="674">
                  <c:v>113.80471199999999</c:v>
                </c:pt>
                <c:pt idx="675">
                  <c:v>113.780373</c:v>
                </c:pt>
                <c:pt idx="676">
                  <c:v>113.75875600000001</c:v>
                </c:pt>
                <c:pt idx="677">
                  <c:v>113.74760000000001</c:v>
                </c:pt>
                <c:pt idx="678">
                  <c:v>113.764844</c:v>
                </c:pt>
                <c:pt idx="679">
                  <c:v>113.76933099999999</c:v>
                </c:pt>
                <c:pt idx="680">
                  <c:v>113.745203</c:v>
                </c:pt>
                <c:pt idx="681">
                  <c:v>113.723258</c:v>
                </c:pt>
                <c:pt idx="682">
                  <c:v>113.72635699999999</c:v>
                </c:pt>
                <c:pt idx="683">
                  <c:v>113.716578</c:v>
                </c:pt>
                <c:pt idx="684">
                  <c:v>113.695955</c:v>
                </c:pt>
                <c:pt idx="685">
                  <c:v>113.691259</c:v>
                </c:pt>
                <c:pt idx="686">
                  <c:v>113.68120500000001</c:v>
                </c:pt>
                <c:pt idx="687">
                  <c:v>113.677589</c:v>
                </c:pt>
                <c:pt idx="688">
                  <c:v>113.68128</c:v>
                </c:pt>
                <c:pt idx="689">
                  <c:v>113.68973</c:v>
                </c:pt>
                <c:pt idx="690">
                  <c:v>113.690123</c:v>
                </c:pt>
                <c:pt idx="691">
                  <c:v>113.68933199999999</c:v>
                </c:pt>
                <c:pt idx="692">
                  <c:v>113.682714</c:v>
                </c:pt>
                <c:pt idx="693">
                  <c:v>113.69240499999999</c:v>
                </c:pt>
                <c:pt idx="694">
                  <c:v>113.71119899999999</c:v>
                </c:pt>
                <c:pt idx="695">
                  <c:v>113.656296</c:v>
                </c:pt>
                <c:pt idx="696">
                  <c:v>113.583336</c:v>
                </c:pt>
                <c:pt idx="697">
                  <c:v>113.56686000000001</c:v>
                </c:pt>
                <c:pt idx="698">
                  <c:v>113.58593500000001</c:v>
                </c:pt>
                <c:pt idx="699">
                  <c:v>113.607614</c:v>
                </c:pt>
                <c:pt idx="700">
                  <c:v>113.568331</c:v>
                </c:pt>
                <c:pt idx="701">
                  <c:v>113.532848</c:v>
                </c:pt>
                <c:pt idx="702">
                  <c:v>113.498813</c:v>
                </c:pt>
                <c:pt idx="703">
                  <c:v>113.470933</c:v>
                </c:pt>
                <c:pt idx="704">
                  <c:v>113.44064299999999</c:v>
                </c:pt>
                <c:pt idx="705">
                  <c:v>113.397397</c:v>
                </c:pt>
                <c:pt idx="706">
                  <c:v>113.333883</c:v>
                </c:pt>
                <c:pt idx="707">
                  <c:v>113.295897</c:v>
                </c:pt>
                <c:pt idx="708">
                  <c:v>113.268991</c:v>
                </c:pt>
                <c:pt idx="709">
                  <c:v>113.250865</c:v>
                </c:pt>
                <c:pt idx="710">
                  <c:v>113.23498499999999</c:v>
                </c:pt>
                <c:pt idx="711">
                  <c:v>113.239277</c:v>
                </c:pt>
                <c:pt idx="712">
                  <c:v>113.26245400000001</c:v>
                </c:pt>
                <c:pt idx="713">
                  <c:v>113.25009900000001</c:v>
                </c:pt>
                <c:pt idx="714">
                  <c:v>113.222392</c:v>
                </c:pt>
                <c:pt idx="715">
                  <c:v>113.24915900000001</c:v>
                </c:pt>
                <c:pt idx="716">
                  <c:v>113.280433</c:v>
                </c:pt>
                <c:pt idx="717">
                  <c:v>113.22917200000001</c:v>
                </c:pt>
                <c:pt idx="718">
                  <c:v>113.190855</c:v>
                </c:pt>
                <c:pt idx="719">
                  <c:v>113.186459</c:v>
                </c:pt>
                <c:pt idx="720">
                  <c:v>113.177048</c:v>
                </c:pt>
                <c:pt idx="721">
                  <c:v>113.18301200000001</c:v>
                </c:pt>
                <c:pt idx="722">
                  <c:v>113.206456</c:v>
                </c:pt>
                <c:pt idx="723">
                  <c:v>113.256193</c:v>
                </c:pt>
                <c:pt idx="724">
                  <c:v>113.252174</c:v>
                </c:pt>
                <c:pt idx="725">
                  <c:v>113.22285599999999</c:v>
                </c:pt>
                <c:pt idx="726">
                  <c:v>113.21157100000001</c:v>
                </c:pt>
                <c:pt idx="727">
                  <c:v>113.207671</c:v>
                </c:pt>
                <c:pt idx="728">
                  <c:v>113.208298</c:v>
                </c:pt>
                <c:pt idx="729">
                  <c:v>113.189139</c:v>
                </c:pt>
                <c:pt idx="730">
                  <c:v>113.167502</c:v>
                </c:pt>
                <c:pt idx="731">
                  <c:v>113.175223</c:v>
                </c:pt>
                <c:pt idx="732">
                  <c:v>113.157319</c:v>
                </c:pt>
                <c:pt idx="733">
                  <c:v>113.1507</c:v>
                </c:pt>
                <c:pt idx="734">
                  <c:v>113.159047</c:v>
                </c:pt>
                <c:pt idx="735">
                  <c:v>113.149884</c:v>
                </c:pt>
                <c:pt idx="736">
                  <c:v>113.10416499999999</c:v>
                </c:pt>
                <c:pt idx="737">
                  <c:v>113.09443</c:v>
                </c:pt>
                <c:pt idx="738">
                  <c:v>113.07748100000001</c:v>
                </c:pt>
                <c:pt idx="739">
                  <c:v>113.044552</c:v>
                </c:pt>
                <c:pt idx="740">
                  <c:v>113.014493</c:v>
                </c:pt>
                <c:pt idx="741">
                  <c:v>112.982685</c:v>
                </c:pt>
                <c:pt idx="742">
                  <c:v>112.91894499999999</c:v>
                </c:pt>
                <c:pt idx="743">
                  <c:v>112.87928100000001</c:v>
                </c:pt>
                <c:pt idx="744">
                  <c:v>112.85260100000001</c:v>
                </c:pt>
                <c:pt idx="745">
                  <c:v>112.837964</c:v>
                </c:pt>
                <c:pt idx="746">
                  <c:v>112.82328699999999</c:v>
                </c:pt>
                <c:pt idx="747">
                  <c:v>112.836918</c:v>
                </c:pt>
                <c:pt idx="748">
                  <c:v>112.87282399999999</c:v>
                </c:pt>
                <c:pt idx="749">
                  <c:v>112.907962</c:v>
                </c:pt>
                <c:pt idx="750">
                  <c:v>112.935655</c:v>
                </c:pt>
                <c:pt idx="751">
                  <c:v>112.963739</c:v>
                </c:pt>
                <c:pt idx="752">
                  <c:v>112.97969500000001</c:v>
                </c:pt>
                <c:pt idx="753">
                  <c:v>113.00094900000001</c:v>
                </c:pt>
                <c:pt idx="754">
                  <c:v>113.005734</c:v>
                </c:pt>
                <c:pt idx="755">
                  <c:v>112.988744</c:v>
                </c:pt>
                <c:pt idx="756">
                  <c:v>112.97801</c:v>
                </c:pt>
                <c:pt idx="757">
                  <c:v>112.972279</c:v>
                </c:pt>
                <c:pt idx="758">
                  <c:v>112.99053000000001</c:v>
                </c:pt>
                <c:pt idx="759">
                  <c:v>113.037828</c:v>
                </c:pt>
                <c:pt idx="760">
                  <c:v>113.047983</c:v>
                </c:pt>
                <c:pt idx="761">
                  <c:v>113.07017399999999</c:v>
                </c:pt>
                <c:pt idx="762">
                  <c:v>113.05661000000001</c:v>
                </c:pt>
                <c:pt idx="763">
                  <c:v>113.060709</c:v>
                </c:pt>
                <c:pt idx="764">
                  <c:v>113.07455899999999</c:v>
                </c:pt>
                <c:pt idx="765">
                  <c:v>113.07965299999999</c:v>
                </c:pt>
                <c:pt idx="766">
                  <c:v>113.105456</c:v>
                </c:pt>
                <c:pt idx="767">
                  <c:v>113.131265</c:v>
                </c:pt>
                <c:pt idx="768">
                  <c:v>113.115111</c:v>
                </c:pt>
                <c:pt idx="769">
                  <c:v>113.076756</c:v>
                </c:pt>
                <c:pt idx="770">
                  <c:v>113.054608</c:v>
                </c:pt>
                <c:pt idx="771">
                  <c:v>113.0613</c:v>
                </c:pt>
                <c:pt idx="772">
                  <c:v>113.06763100000001</c:v>
                </c:pt>
                <c:pt idx="773">
                  <c:v>113.085762</c:v>
                </c:pt>
                <c:pt idx="774">
                  <c:v>113.100455</c:v>
                </c:pt>
                <c:pt idx="775">
                  <c:v>113.046953</c:v>
                </c:pt>
                <c:pt idx="776">
                  <c:v>113.005707</c:v>
                </c:pt>
                <c:pt idx="777">
                  <c:v>113.003405</c:v>
                </c:pt>
                <c:pt idx="778">
                  <c:v>113.03670200000001</c:v>
                </c:pt>
                <c:pt idx="779">
                  <c:v>113.06879000000001</c:v>
                </c:pt>
                <c:pt idx="780">
                  <c:v>113.05632799999999</c:v>
                </c:pt>
                <c:pt idx="781">
                  <c:v>113.049801</c:v>
                </c:pt>
                <c:pt idx="782">
                  <c:v>113.05824699999999</c:v>
                </c:pt>
                <c:pt idx="783">
                  <c:v>113.086725</c:v>
                </c:pt>
                <c:pt idx="784">
                  <c:v>113.08749400000001</c:v>
                </c:pt>
                <c:pt idx="785">
                  <c:v>113.077468</c:v>
                </c:pt>
                <c:pt idx="786">
                  <c:v>113.055037</c:v>
                </c:pt>
                <c:pt idx="787">
                  <c:v>113.028397</c:v>
                </c:pt>
                <c:pt idx="788">
                  <c:v>113.003846</c:v>
                </c:pt>
                <c:pt idx="789">
                  <c:v>112.99064300000001</c:v>
                </c:pt>
                <c:pt idx="790">
                  <c:v>112.99755999999999</c:v>
                </c:pt>
                <c:pt idx="791">
                  <c:v>112.977451</c:v>
                </c:pt>
                <c:pt idx="792">
                  <c:v>113.001222</c:v>
                </c:pt>
                <c:pt idx="793">
                  <c:v>113.00506799999999</c:v>
                </c:pt>
                <c:pt idx="794">
                  <c:v>112.96133399999999</c:v>
                </c:pt>
                <c:pt idx="795">
                  <c:v>112.96968099999999</c:v>
                </c:pt>
                <c:pt idx="796">
                  <c:v>112.965951</c:v>
                </c:pt>
                <c:pt idx="797">
                  <c:v>112.955938</c:v>
                </c:pt>
                <c:pt idx="798">
                  <c:v>112.980919</c:v>
                </c:pt>
                <c:pt idx="799">
                  <c:v>112.987348</c:v>
                </c:pt>
                <c:pt idx="800">
                  <c:v>112.993067</c:v>
                </c:pt>
                <c:pt idx="801">
                  <c:v>112.978515</c:v>
                </c:pt>
                <c:pt idx="802">
                  <c:v>112.9242</c:v>
                </c:pt>
                <c:pt idx="803">
                  <c:v>112.91955400000001</c:v>
                </c:pt>
                <c:pt idx="804">
                  <c:v>112.951199</c:v>
                </c:pt>
                <c:pt idx="805">
                  <c:v>112.930149</c:v>
                </c:pt>
                <c:pt idx="806">
                  <c:v>112.897592</c:v>
                </c:pt>
                <c:pt idx="807">
                  <c:v>112.859346</c:v>
                </c:pt>
                <c:pt idx="808">
                  <c:v>112.86475900000001</c:v>
                </c:pt>
                <c:pt idx="809">
                  <c:v>112.858915</c:v>
                </c:pt>
                <c:pt idx="810">
                  <c:v>112.851091</c:v>
                </c:pt>
                <c:pt idx="811">
                  <c:v>112.904957</c:v>
                </c:pt>
                <c:pt idx="812">
                  <c:v>112.94041799999999</c:v>
                </c:pt>
                <c:pt idx="813">
                  <c:v>112.91828</c:v>
                </c:pt>
                <c:pt idx="814">
                  <c:v>112.89467399999999</c:v>
                </c:pt>
                <c:pt idx="815">
                  <c:v>112.910567</c:v>
                </c:pt>
                <c:pt idx="816">
                  <c:v>112.87973599999999</c:v>
                </c:pt>
                <c:pt idx="817">
                  <c:v>112.877439</c:v>
                </c:pt>
                <c:pt idx="818">
                  <c:v>112.885187</c:v>
                </c:pt>
                <c:pt idx="819">
                  <c:v>112.896238</c:v>
                </c:pt>
                <c:pt idx="820">
                  <c:v>112.878455</c:v>
                </c:pt>
                <c:pt idx="821">
                  <c:v>112.864698</c:v>
                </c:pt>
                <c:pt idx="822">
                  <c:v>112.865016</c:v>
                </c:pt>
                <c:pt idx="823">
                  <c:v>112.84686600000001</c:v>
                </c:pt>
                <c:pt idx="824">
                  <c:v>112.826595</c:v>
                </c:pt>
                <c:pt idx="825">
                  <c:v>112.800225</c:v>
                </c:pt>
                <c:pt idx="826">
                  <c:v>112.774968</c:v>
                </c:pt>
                <c:pt idx="827">
                  <c:v>112.81335300000001</c:v>
                </c:pt>
                <c:pt idx="828">
                  <c:v>112.824309</c:v>
                </c:pt>
                <c:pt idx="829">
                  <c:v>112.824989</c:v>
                </c:pt>
                <c:pt idx="830">
                  <c:v>112.786475</c:v>
                </c:pt>
                <c:pt idx="831">
                  <c:v>112.752601</c:v>
                </c:pt>
                <c:pt idx="832">
                  <c:v>112.758376</c:v>
                </c:pt>
                <c:pt idx="833">
                  <c:v>112.791601</c:v>
                </c:pt>
                <c:pt idx="834">
                  <c:v>112.804928</c:v>
                </c:pt>
                <c:pt idx="835">
                  <c:v>112.769936</c:v>
                </c:pt>
                <c:pt idx="836">
                  <c:v>112.747202</c:v>
                </c:pt>
                <c:pt idx="837">
                  <c:v>112.746748</c:v>
                </c:pt>
                <c:pt idx="838">
                  <c:v>112.761645</c:v>
                </c:pt>
                <c:pt idx="839">
                  <c:v>112.809498</c:v>
                </c:pt>
                <c:pt idx="840">
                  <c:v>112.82556700000001</c:v>
                </c:pt>
                <c:pt idx="841">
                  <c:v>112.80572600000001</c:v>
                </c:pt>
                <c:pt idx="842">
                  <c:v>112.750089</c:v>
                </c:pt>
                <c:pt idx="843">
                  <c:v>112.709384</c:v>
                </c:pt>
                <c:pt idx="844">
                  <c:v>112.736833</c:v>
                </c:pt>
                <c:pt idx="845">
                  <c:v>112.73496400000001</c:v>
                </c:pt>
                <c:pt idx="846">
                  <c:v>112.698227</c:v>
                </c:pt>
                <c:pt idx="847">
                  <c:v>112.726299</c:v>
                </c:pt>
                <c:pt idx="848">
                  <c:v>112.754958</c:v>
                </c:pt>
                <c:pt idx="849">
                  <c:v>112.821994</c:v>
                </c:pt>
                <c:pt idx="850">
                  <c:v>112.80659900000001</c:v>
                </c:pt>
                <c:pt idx="851">
                  <c:v>112.699759</c:v>
                </c:pt>
                <c:pt idx="852">
                  <c:v>112.682458</c:v>
                </c:pt>
                <c:pt idx="853">
                  <c:v>112.71841499999999</c:v>
                </c:pt>
                <c:pt idx="854">
                  <c:v>112.702451</c:v>
                </c:pt>
                <c:pt idx="855">
                  <c:v>112.726086</c:v>
                </c:pt>
                <c:pt idx="856">
                  <c:v>112.806318</c:v>
                </c:pt>
                <c:pt idx="857">
                  <c:v>112.79101799999999</c:v>
                </c:pt>
                <c:pt idx="858">
                  <c:v>112.740216</c:v>
                </c:pt>
                <c:pt idx="859">
                  <c:v>112.736018</c:v>
                </c:pt>
                <c:pt idx="860">
                  <c:v>112.68558400000001</c:v>
                </c:pt>
                <c:pt idx="861">
                  <c:v>112.640209</c:v>
                </c:pt>
                <c:pt idx="862">
                  <c:v>112.649869</c:v>
                </c:pt>
                <c:pt idx="863">
                  <c:v>112.669363</c:v>
                </c:pt>
                <c:pt idx="864">
                  <c:v>112.65501500000001</c:v>
                </c:pt>
                <c:pt idx="865">
                  <c:v>112.62223400000001</c:v>
                </c:pt>
                <c:pt idx="866">
                  <c:v>112.638071</c:v>
                </c:pt>
                <c:pt idx="867">
                  <c:v>112.632948</c:v>
                </c:pt>
                <c:pt idx="868">
                  <c:v>112.630653</c:v>
                </c:pt>
                <c:pt idx="869">
                  <c:v>112.61983499999999</c:v>
                </c:pt>
                <c:pt idx="870">
                  <c:v>112.603173</c:v>
                </c:pt>
                <c:pt idx="871">
                  <c:v>112.597865</c:v>
                </c:pt>
                <c:pt idx="872">
                  <c:v>112.618855</c:v>
                </c:pt>
                <c:pt idx="873">
                  <c:v>112.65069099999999</c:v>
                </c:pt>
                <c:pt idx="874">
                  <c:v>112.64944300000001</c:v>
                </c:pt>
                <c:pt idx="875">
                  <c:v>112.668121</c:v>
                </c:pt>
                <c:pt idx="876">
                  <c:v>112.648313</c:v>
                </c:pt>
                <c:pt idx="877">
                  <c:v>112.649614</c:v>
                </c:pt>
                <c:pt idx="878">
                  <c:v>112.61888</c:v>
                </c:pt>
                <c:pt idx="879">
                  <c:v>112.616147</c:v>
                </c:pt>
                <c:pt idx="880">
                  <c:v>112.645702</c:v>
                </c:pt>
                <c:pt idx="881">
                  <c:v>112.65870099999999</c:v>
                </c:pt>
                <c:pt idx="882">
                  <c:v>112.67788299999999</c:v>
                </c:pt>
                <c:pt idx="883">
                  <c:v>112.680725</c:v>
                </c:pt>
                <c:pt idx="884">
                  <c:v>112.620205</c:v>
                </c:pt>
                <c:pt idx="885">
                  <c:v>112.567482</c:v>
                </c:pt>
                <c:pt idx="886">
                  <c:v>112.56846899999999</c:v>
                </c:pt>
                <c:pt idx="887">
                  <c:v>112.57462200000001</c:v>
                </c:pt>
                <c:pt idx="888">
                  <c:v>112.60172900000001</c:v>
                </c:pt>
                <c:pt idx="889">
                  <c:v>112.57658000000001</c:v>
                </c:pt>
                <c:pt idx="890">
                  <c:v>112.570716</c:v>
                </c:pt>
                <c:pt idx="891">
                  <c:v>112.615315</c:v>
                </c:pt>
                <c:pt idx="892">
                  <c:v>112.600883</c:v>
                </c:pt>
                <c:pt idx="893">
                  <c:v>112.586536</c:v>
                </c:pt>
                <c:pt idx="894">
                  <c:v>112.573442</c:v>
                </c:pt>
                <c:pt idx="895">
                  <c:v>112.559544</c:v>
                </c:pt>
                <c:pt idx="896">
                  <c:v>112.564646</c:v>
                </c:pt>
                <c:pt idx="897">
                  <c:v>112.576111</c:v>
                </c:pt>
                <c:pt idx="898">
                  <c:v>112.638803</c:v>
                </c:pt>
                <c:pt idx="899">
                  <c:v>112.634396</c:v>
                </c:pt>
                <c:pt idx="900">
                  <c:v>112.600756</c:v>
                </c:pt>
                <c:pt idx="901">
                  <c:v>112.606737</c:v>
                </c:pt>
                <c:pt idx="902">
                  <c:v>112.571653</c:v>
                </c:pt>
                <c:pt idx="903">
                  <c:v>112.538704</c:v>
                </c:pt>
                <c:pt idx="904">
                  <c:v>112.566669</c:v>
                </c:pt>
                <c:pt idx="905">
                  <c:v>112.597262</c:v>
                </c:pt>
                <c:pt idx="906">
                  <c:v>112.60990700000001</c:v>
                </c:pt>
                <c:pt idx="907">
                  <c:v>112.593132</c:v>
                </c:pt>
                <c:pt idx="908">
                  <c:v>112.55562500000001</c:v>
                </c:pt>
                <c:pt idx="909">
                  <c:v>112.531739</c:v>
                </c:pt>
                <c:pt idx="910">
                  <c:v>112.530793</c:v>
                </c:pt>
                <c:pt idx="911">
                  <c:v>112.531407</c:v>
                </c:pt>
                <c:pt idx="912">
                  <c:v>112.533135</c:v>
                </c:pt>
                <c:pt idx="913">
                  <c:v>112.589056</c:v>
                </c:pt>
                <c:pt idx="914">
                  <c:v>112.59555</c:v>
                </c:pt>
                <c:pt idx="915">
                  <c:v>112.57290999999999</c:v>
                </c:pt>
                <c:pt idx="916">
                  <c:v>112.55519</c:v>
                </c:pt>
                <c:pt idx="917">
                  <c:v>112.569197</c:v>
                </c:pt>
                <c:pt idx="918">
                  <c:v>112.56464800000001</c:v>
                </c:pt>
                <c:pt idx="919">
                  <c:v>112.554339</c:v>
                </c:pt>
                <c:pt idx="920">
                  <c:v>112.555151</c:v>
                </c:pt>
                <c:pt idx="921">
                  <c:v>112.53088200000001</c:v>
                </c:pt>
                <c:pt idx="922">
                  <c:v>112.498045</c:v>
                </c:pt>
                <c:pt idx="923">
                  <c:v>112.51346100000001</c:v>
                </c:pt>
                <c:pt idx="924">
                  <c:v>112.510752</c:v>
                </c:pt>
                <c:pt idx="925">
                  <c:v>112.500113</c:v>
                </c:pt>
                <c:pt idx="926">
                  <c:v>112.51093</c:v>
                </c:pt>
                <c:pt idx="927">
                  <c:v>112.530168</c:v>
                </c:pt>
                <c:pt idx="928">
                  <c:v>112.528443</c:v>
                </c:pt>
                <c:pt idx="929">
                  <c:v>112.514729</c:v>
                </c:pt>
                <c:pt idx="930">
                  <c:v>112.520972</c:v>
                </c:pt>
                <c:pt idx="931">
                  <c:v>112.547532</c:v>
                </c:pt>
                <c:pt idx="932">
                  <c:v>112.514391</c:v>
                </c:pt>
                <c:pt idx="933">
                  <c:v>112.512597</c:v>
                </c:pt>
                <c:pt idx="934">
                  <c:v>112.519317</c:v>
                </c:pt>
                <c:pt idx="935">
                  <c:v>112.482557</c:v>
                </c:pt>
                <c:pt idx="936">
                  <c:v>112.48907199999999</c:v>
                </c:pt>
                <c:pt idx="937">
                  <c:v>112.507687</c:v>
                </c:pt>
                <c:pt idx="938">
                  <c:v>112.490016</c:v>
                </c:pt>
                <c:pt idx="939">
                  <c:v>112.50116800000001</c:v>
                </c:pt>
                <c:pt idx="940">
                  <c:v>112.490731</c:v>
                </c:pt>
                <c:pt idx="941">
                  <c:v>112.502606</c:v>
                </c:pt>
                <c:pt idx="942">
                  <c:v>112.52311400000001</c:v>
                </c:pt>
                <c:pt idx="943">
                  <c:v>112.519859</c:v>
                </c:pt>
                <c:pt idx="944">
                  <c:v>112.51092800000001</c:v>
                </c:pt>
                <c:pt idx="945">
                  <c:v>112.490724</c:v>
                </c:pt>
                <c:pt idx="946">
                  <c:v>112.489392</c:v>
                </c:pt>
                <c:pt idx="947">
                  <c:v>112.489009</c:v>
                </c:pt>
                <c:pt idx="948">
                  <c:v>112.504229</c:v>
                </c:pt>
                <c:pt idx="949">
                  <c:v>112.54863400000001</c:v>
                </c:pt>
                <c:pt idx="950">
                  <c:v>112.569275</c:v>
                </c:pt>
                <c:pt idx="951">
                  <c:v>112.545913</c:v>
                </c:pt>
                <c:pt idx="952">
                  <c:v>112.54794800000001</c:v>
                </c:pt>
                <c:pt idx="953">
                  <c:v>112.57213</c:v>
                </c:pt>
                <c:pt idx="954">
                  <c:v>112.557136</c:v>
                </c:pt>
                <c:pt idx="955">
                  <c:v>112.51776099999999</c:v>
                </c:pt>
                <c:pt idx="956">
                  <c:v>112.47392600000001</c:v>
                </c:pt>
                <c:pt idx="957">
                  <c:v>112.45269999999999</c:v>
                </c:pt>
                <c:pt idx="958">
                  <c:v>112.495515</c:v>
                </c:pt>
                <c:pt idx="959">
                  <c:v>112.58116800000001</c:v>
                </c:pt>
                <c:pt idx="960">
                  <c:v>112.56388800000001</c:v>
                </c:pt>
                <c:pt idx="961">
                  <c:v>112.485311</c:v>
                </c:pt>
                <c:pt idx="962">
                  <c:v>112.46172900000001</c:v>
                </c:pt>
                <c:pt idx="963">
                  <c:v>112.49714299999999</c:v>
                </c:pt>
                <c:pt idx="964">
                  <c:v>112.459638</c:v>
                </c:pt>
                <c:pt idx="965">
                  <c:v>112.417616</c:v>
                </c:pt>
                <c:pt idx="966">
                  <c:v>112.438683</c:v>
                </c:pt>
                <c:pt idx="967">
                  <c:v>112.45634800000001</c:v>
                </c:pt>
                <c:pt idx="968">
                  <c:v>112.488512</c:v>
                </c:pt>
                <c:pt idx="969">
                  <c:v>112.512265</c:v>
                </c:pt>
                <c:pt idx="970">
                  <c:v>112.463874</c:v>
                </c:pt>
                <c:pt idx="971">
                  <c:v>112.43314700000001</c:v>
                </c:pt>
                <c:pt idx="972">
                  <c:v>112.418986</c:v>
                </c:pt>
                <c:pt idx="973">
                  <c:v>112.414716</c:v>
                </c:pt>
                <c:pt idx="974">
                  <c:v>112.43859999999999</c:v>
                </c:pt>
                <c:pt idx="975">
                  <c:v>112.444455</c:v>
                </c:pt>
                <c:pt idx="976">
                  <c:v>112.43246600000001</c:v>
                </c:pt>
                <c:pt idx="977">
                  <c:v>112.454472</c:v>
                </c:pt>
                <c:pt idx="978">
                  <c:v>112.464494</c:v>
                </c:pt>
                <c:pt idx="979">
                  <c:v>112.459278</c:v>
                </c:pt>
                <c:pt idx="980">
                  <c:v>112.454719</c:v>
                </c:pt>
                <c:pt idx="981">
                  <c:v>112.496343</c:v>
                </c:pt>
                <c:pt idx="982">
                  <c:v>112.481126</c:v>
                </c:pt>
                <c:pt idx="983">
                  <c:v>112.432711</c:v>
                </c:pt>
                <c:pt idx="984">
                  <c:v>112.44612600000001</c:v>
                </c:pt>
                <c:pt idx="985">
                  <c:v>112.508966</c:v>
                </c:pt>
                <c:pt idx="986">
                  <c:v>112.517505</c:v>
                </c:pt>
                <c:pt idx="987">
                  <c:v>112.48961799999999</c:v>
                </c:pt>
                <c:pt idx="988">
                  <c:v>112.44683000000001</c:v>
                </c:pt>
                <c:pt idx="989">
                  <c:v>112.42799599999999</c:v>
                </c:pt>
                <c:pt idx="990">
                  <c:v>112.451773</c:v>
                </c:pt>
                <c:pt idx="991">
                  <c:v>112.50338600000001</c:v>
                </c:pt>
                <c:pt idx="992">
                  <c:v>112.51436699999999</c:v>
                </c:pt>
                <c:pt idx="993">
                  <c:v>112.469143</c:v>
                </c:pt>
                <c:pt idx="994">
                  <c:v>112.40415400000001</c:v>
                </c:pt>
                <c:pt idx="995">
                  <c:v>112.394667</c:v>
                </c:pt>
                <c:pt idx="996">
                  <c:v>112.437889</c:v>
                </c:pt>
                <c:pt idx="997">
                  <c:v>112.458961</c:v>
                </c:pt>
                <c:pt idx="998">
                  <c:v>112.42738799999999</c:v>
                </c:pt>
                <c:pt idx="999">
                  <c:v>112.44399300000001</c:v>
                </c:pt>
                <c:pt idx="1000">
                  <c:v>112.45394</c:v>
                </c:pt>
                <c:pt idx="1001">
                  <c:v>112.417778</c:v>
                </c:pt>
                <c:pt idx="1002">
                  <c:v>112.453188</c:v>
                </c:pt>
                <c:pt idx="1003">
                  <c:v>112.46630500000001</c:v>
                </c:pt>
                <c:pt idx="1004">
                  <c:v>112.42972</c:v>
                </c:pt>
                <c:pt idx="1005">
                  <c:v>112.419516</c:v>
                </c:pt>
                <c:pt idx="1006">
                  <c:v>112.414479</c:v>
                </c:pt>
                <c:pt idx="1007">
                  <c:v>112.42488299999999</c:v>
                </c:pt>
                <c:pt idx="1008">
                  <c:v>112.42304300000001</c:v>
                </c:pt>
                <c:pt idx="1009">
                  <c:v>112.456132</c:v>
                </c:pt>
                <c:pt idx="1010">
                  <c:v>112.451239</c:v>
                </c:pt>
                <c:pt idx="1011">
                  <c:v>112.40874700000001</c:v>
                </c:pt>
                <c:pt idx="1012">
                  <c:v>112.375417</c:v>
                </c:pt>
                <c:pt idx="1013">
                  <c:v>112.35288300000001</c:v>
                </c:pt>
                <c:pt idx="1014">
                  <c:v>112.411323</c:v>
                </c:pt>
                <c:pt idx="1015">
                  <c:v>112.438909</c:v>
                </c:pt>
                <c:pt idx="1016">
                  <c:v>112.40997400000001</c:v>
                </c:pt>
                <c:pt idx="1017">
                  <c:v>112.388122</c:v>
                </c:pt>
                <c:pt idx="1018">
                  <c:v>112.430401</c:v>
                </c:pt>
                <c:pt idx="1019">
                  <c:v>112.442976</c:v>
                </c:pt>
                <c:pt idx="1020">
                  <c:v>112.421239</c:v>
                </c:pt>
                <c:pt idx="1021">
                  <c:v>112.424955</c:v>
                </c:pt>
                <c:pt idx="1022">
                  <c:v>112.38668199999999</c:v>
                </c:pt>
                <c:pt idx="1023">
                  <c:v>112.362613</c:v>
                </c:pt>
                <c:pt idx="1024">
                  <c:v>112.343256</c:v>
                </c:pt>
                <c:pt idx="1025">
                  <c:v>112.339668</c:v>
                </c:pt>
                <c:pt idx="1026">
                  <c:v>112.379476</c:v>
                </c:pt>
                <c:pt idx="1027">
                  <c:v>112.394265</c:v>
                </c:pt>
                <c:pt idx="1028">
                  <c:v>112.38318200000001</c:v>
                </c:pt>
                <c:pt idx="1029">
                  <c:v>112.39787200000001</c:v>
                </c:pt>
                <c:pt idx="1030">
                  <c:v>112.41549000000001</c:v>
                </c:pt>
                <c:pt idx="1031">
                  <c:v>112.411884</c:v>
                </c:pt>
                <c:pt idx="1032">
                  <c:v>112.405799</c:v>
                </c:pt>
                <c:pt idx="1033">
                  <c:v>112.36632899999999</c:v>
                </c:pt>
                <c:pt idx="1034">
                  <c:v>112.344925</c:v>
                </c:pt>
                <c:pt idx="1035">
                  <c:v>112.404068</c:v>
                </c:pt>
                <c:pt idx="1036">
                  <c:v>112.422918</c:v>
                </c:pt>
                <c:pt idx="1037">
                  <c:v>112.397554</c:v>
                </c:pt>
                <c:pt idx="1038">
                  <c:v>112.388988</c:v>
                </c:pt>
                <c:pt idx="1039">
                  <c:v>112.4143</c:v>
                </c:pt>
                <c:pt idx="1040">
                  <c:v>112.389109</c:v>
                </c:pt>
                <c:pt idx="1041">
                  <c:v>112.337525</c:v>
                </c:pt>
                <c:pt idx="1042">
                  <c:v>112.351388</c:v>
                </c:pt>
                <c:pt idx="1043">
                  <c:v>112.412221</c:v>
                </c:pt>
                <c:pt idx="1044">
                  <c:v>112.424643</c:v>
                </c:pt>
                <c:pt idx="1045">
                  <c:v>112.357321</c:v>
                </c:pt>
                <c:pt idx="1046">
                  <c:v>112.36120200000001</c:v>
                </c:pt>
                <c:pt idx="1047">
                  <c:v>112.37465400000001</c:v>
                </c:pt>
                <c:pt idx="1048">
                  <c:v>112.35094700000001</c:v>
                </c:pt>
                <c:pt idx="1049">
                  <c:v>112.37543100000001</c:v>
                </c:pt>
                <c:pt idx="1050">
                  <c:v>112.35782399999999</c:v>
                </c:pt>
                <c:pt idx="1051">
                  <c:v>112.32833599999999</c:v>
                </c:pt>
                <c:pt idx="1052">
                  <c:v>112.367987</c:v>
                </c:pt>
                <c:pt idx="1053">
                  <c:v>112.370603</c:v>
                </c:pt>
                <c:pt idx="1054">
                  <c:v>112.317521</c:v>
                </c:pt>
                <c:pt idx="1055">
                  <c:v>112.31283500000001</c:v>
                </c:pt>
                <c:pt idx="1056">
                  <c:v>112.382929</c:v>
                </c:pt>
                <c:pt idx="1057">
                  <c:v>112.404661</c:v>
                </c:pt>
                <c:pt idx="1058">
                  <c:v>112.39716199999999</c:v>
                </c:pt>
                <c:pt idx="1059">
                  <c:v>112.34513</c:v>
                </c:pt>
                <c:pt idx="1060">
                  <c:v>112.332444</c:v>
                </c:pt>
                <c:pt idx="1061">
                  <c:v>112.329526</c:v>
                </c:pt>
                <c:pt idx="1062">
                  <c:v>112.320311</c:v>
                </c:pt>
                <c:pt idx="1063">
                  <c:v>112.320312</c:v>
                </c:pt>
                <c:pt idx="1064">
                  <c:v>112.35490900000001</c:v>
                </c:pt>
                <c:pt idx="1065">
                  <c:v>112.40254400000001</c:v>
                </c:pt>
                <c:pt idx="1066">
                  <c:v>112.411254</c:v>
                </c:pt>
                <c:pt idx="1067">
                  <c:v>112.361108</c:v>
                </c:pt>
                <c:pt idx="1068">
                  <c:v>112.326564</c:v>
                </c:pt>
                <c:pt idx="1069">
                  <c:v>112.29859399999999</c:v>
                </c:pt>
                <c:pt idx="1070">
                  <c:v>112.214597</c:v>
                </c:pt>
                <c:pt idx="1071">
                  <c:v>112.195802</c:v>
                </c:pt>
                <c:pt idx="1072">
                  <c:v>112.31129</c:v>
                </c:pt>
                <c:pt idx="1073">
                  <c:v>112.374285</c:v>
                </c:pt>
                <c:pt idx="1074">
                  <c:v>112.35663700000001</c:v>
                </c:pt>
                <c:pt idx="1075">
                  <c:v>112.328394</c:v>
                </c:pt>
                <c:pt idx="1076">
                  <c:v>112.29204900000001</c:v>
                </c:pt>
                <c:pt idx="1077">
                  <c:v>112.26867</c:v>
                </c:pt>
                <c:pt idx="1078">
                  <c:v>112.30093100000001</c:v>
                </c:pt>
                <c:pt idx="1079">
                  <c:v>112.389115</c:v>
                </c:pt>
                <c:pt idx="1080">
                  <c:v>112.403739</c:v>
                </c:pt>
                <c:pt idx="1081">
                  <c:v>112.284948</c:v>
                </c:pt>
                <c:pt idx="1082">
                  <c:v>112.217698</c:v>
                </c:pt>
                <c:pt idx="1083">
                  <c:v>112.36259800000001</c:v>
                </c:pt>
                <c:pt idx="1084">
                  <c:v>112.373183</c:v>
                </c:pt>
                <c:pt idx="1085">
                  <c:v>112.30515</c:v>
                </c:pt>
                <c:pt idx="1086">
                  <c:v>112.333033</c:v>
                </c:pt>
                <c:pt idx="1087">
                  <c:v>112.35683400000001</c:v>
                </c:pt>
                <c:pt idx="1088">
                  <c:v>112.344759</c:v>
                </c:pt>
                <c:pt idx="1089">
                  <c:v>112.324467</c:v>
                </c:pt>
                <c:pt idx="1090">
                  <c:v>112.256908</c:v>
                </c:pt>
                <c:pt idx="1091">
                  <c:v>112.19694699999999</c:v>
                </c:pt>
                <c:pt idx="1092">
                  <c:v>112.171049</c:v>
                </c:pt>
                <c:pt idx="1093">
                  <c:v>112.20063500000001</c:v>
                </c:pt>
                <c:pt idx="1094">
                  <c:v>112.242316</c:v>
                </c:pt>
                <c:pt idx="1095">
                  <c:v>112.219055</c:v>
                </c:pt>
                <c:pt idx="1096">
                  <c:v>112.271923</c:v>
                </c:pt>
                <c:pt idx="1097">
                  <c:v>112.31983200000001</c:v>
                </c:pt>
                <c:pt idx="1098">
                  <c:v>112.213289</c:v>
                </c:pt>
                <c:pt idx="1099">
                  <c:v>112.19984100000001</c:v>
                </c:pt>
                <c:pt idx="1100">
                  <c:v>112.240053</c:v>
                </c:pt>
                <c:pt idx="1101">
                  <c:v>112.23565499999999</c:v>
                </c:pt>
                <c:pt idx="1102">
                  <c:v>112.14470799999999</c:v>
                </c:pt>
                <c:pt idx="1103">
                  <c:v>112.037413</c:v>
                </c:pt>
                <c:pt idx="1104">
                  <c:v>112.17771500000001</c:v>
                </c:pt>
                <c:pt idx="1105">
                  <c:v>112.24362499999999</c:v>
                </c:pt>
                <c:pt idx="1106">
                  <c:v>112.196296</c:v>
                </c:pt>
                <c:pt idx="1107">
                  <c:v>112.252549</c:v>
                </c:pt>
                <c:pt idx="1108">
                  <c:v>112.28756</c:v>
                </c:pt>
                <c:pt idx="1109">
                  <c:v>112.280135</c:v>
                </c:pt>
                <c:pt idx="1110">
                  <c:v>112.23946100000001</c:v>
                </c:pt>
                <c:pt idx="1111">
                  <c:v>112.18375899999999</c:v>
                </c:pt>
                <c:pt idx="1112">
                  <c:v>112.157585</c:v>
                </c:pt>
                <c:pt idx="1113">
                  <c:v>112.167304</c:v>
                </c:pt>
                <c:pt idx="1114">
                  <c:v>112.256395</c:v>
                </c:pt>
                <c:pt idx="1115">
                  <c:v>112.415836</c:v>
                </c:pt>
                <c:pt idx="1116">
                  <c:v>112.372612</c:v>
                </c:pt>
                <c:pt idx="1117">
                  <c:v>112.288701</c:v>
                </c:pt>
                <c:pt idx="1118">
                  <c:v>112.281982</c:v>
                </c:pt>
                <c:pt idx="1119">
                  <c:v>112.304925</c:v>
                </c:pt>
                <c:pt idx="1120">
                  <c:v>112.306493</c:v>
                </c:pt>
                <c:pt idx="1121">
                  <c:v>112.256449</c:v>
                </c:pt>
                <c:pt idx="1122">
                  <c:v>112.230912</c:v>
                </c:pt>
                <c:pt idx="1123">
                  <c:v>112.21194199999999</c:v>
                </c:pt>
                <c:pt idx="1124">
                  <c:v>112.150953</c:v>
                </c:pt>
                <c:pt idx="1125">
                  <c:v>112.22050400000001</c:v>
                </c:pt>
                <c:pt idx="1126">
                  <c:v>112.336871</c:v>
                </c:pt>
                <c:pt idx="1127">
                  <c:v>112.233892</c:v>
                </c:pt>
                <c:pt idx="1128">
                  <c:v>112.323103</c:v>
                </c:pt>
                <c:pt idx="1129">
                  <c:v>112.455603</c:v>
                </c:pt>
                <c:pt idx="1130">
                  <c:v>112.493071</c:v>
                </c:pt>
                <c:pt idx="1131">
                  <c:v>112.382368</c:v>
                </c:pt>
                <c:pt idx="1132">
                  <c:v>112.287649</c:v>
                </c:pt>
                <c:pt idx="1133">
                  <c:v>112.27518000000001</c:v>
                </c:pt>
                <c:pt idx="1134">
                  <c:v>112.32364699999999</c:v>
                </c:pt>
                <c:pt idx="1135">
                  <c:v>112.341356</c:v>
                </c:pt>
                <c:pt idx="1136">
                  <c:v>112.390028</c:v>
                </c:pt>
                <c:pt idx="1137">
                  <c:v>112.43255499999999</c:v>
                </c:pt>
                <c:pt idx="1138">
                  <c:v>112.383556</c:v>
                </c:pt>
                <c:pt idx="1139">
                  <c:v>112.386493</c:v>
                </c:pt>
                <c:pt idx="1140">
                  <c:v>112.372747</c:v>
                </c:pt>
                <c:pt idx="1141">
                  <c:v>112.368877</c:v>
                </c:pt>
                <c:pt idx="1142">
                  <c:v>112.434169</c:v>
                </c:pt>
                <c:pt idx="1143">
                  <c:v>112.42910000000001</c:v>
                </c:pt>
                <c:pt idx="1144">
                  <c:v>112.335893</c:v>
                </c:pt>
                <c:pt idx="1145">
                  <c:v>112.235834</c:v>
                </c:pt>
                <c:pt idx="1146">
                  <c:v>112.248041</c:v>
                </c:pt>
                <c:pt idx="1147">
                  <c:v>112.491044</c:v>
                </c:pt>
                <c:pt idx="1148">
                  <c:v>112.52909</c:v>
                </c:pt>
                <c:pt idx="1149">
                  <c:v>112.41233099999999</c:v>
                </c:pt>
                <c:pt idx="1150">
                  <c:v>112.363868</c:v>
                </c:pt>
                <c:pt idx="1151">
                  <c:v>112.335143</c:v>
                </c:pt>
                <c:pt idx="1152">
                  <c:v>112.33989800000001</c:v>
                </c:pt>
                <c:pt idx="1153">
                  <c:v>112.383583</c:v>
                </c:pt>
                <c:pt idx="1154">
                  <c:v>112.401195</c:v>
                </c:pt>
                <c:pt idx="1155">
                  <c:v>112.347286</c:v>
                </c:pt>
                <c:pt idx="1156">
                  <c:v>112.23789499999999</c:v>
                </c:pt>
                <c:pt idx="1157">
                  <c:v>112.161843</c:v>
                </c:pt>
                <c:pt idx="1158">
                  <c:v>112.053387</c:v>
                </c:pt>
                <c:pt idx="1159">
                  <c:v>112.18094600000001</c:v>
                </c:pt>
                <c:pt idx="1160">
                  <c:v>112.472516</c:v>
                </c:pt>
                <c:pt idx="1161">
                  <c:v>112.445258</c:v>
                </c:pt>
                <c:pt idx="1162">
                  <c:v>112.29351800000001</c:v>
                </c:pt>
                <c:pt idx="1163">
                  <c:v>112.112343</c:v>
                </c:pt>
                <c:pt idx="1164">
                  <c:v>112.23885900000001</c:v>
                </c:pt>
                <c:pt idx="1165">
                  <c:v>112.25607599999999</c:v>
                </c:pt>
                <c:pt idx="1166">
                  <c:v>112.186401</c:v>
                </c:pt>
                <c:pt idx="1167">
                  <c:v>112.330337</c:v>
                </c:pt>
                <c:pt idx="1168">
                  <c:v>112.477502</c:v>
                </c:pt>
                <c:pt idx="1169">
                  <c:v>112.449178</c:v>
                </c:pt>
                <c:pt idx="1170">
                  <c:v>112.37231800000001</c:v>
                </c:pt>
                <c:pt idx="1171">
                  <c:v>112.3419</c:v>
                </c:pt>
                <c:pt idx="1172">
                  <c:v>112.409323</c:v>
                </c:pt>
                <c:pt idx="1173">
                  <c:v>112.427001</c:v>
                </c:pt>
                <c:pt idx="1174">
                  <c:v>112.373465</c:v>
                </c:pt>
                <c:pt idx="1175">
                  <c:v>112.32686099999999</c:v>
                </c:pt>
                <c:pt idx="1176">
                  <c:v>112.329426</c:v>
                </c:pt>
                <c:pt idx="1177">
                  <c:v>112.401946</c:v>
                </c:pt>
                <c:pt idx="1178">
                  <c:v>112.39501300000001</c:v>
                </c:pt>
                <c:pt idx="1179">
                  <c:v>112.335847</c:v>
                </c:pt>
                <c:pt idx="1180">
                  <c:v>112.301101</c:v>
                </c:pt>
                <c:pt idx="1181">
                  <c:v>112.319025</c:v>
                </c:pt>
                <c:pt idx="1182">
                  <c:v>112.410507</c:v>
                </c:pt>
                <c:pt idx="1183">
                  <c:v>112.402205</c:v>
                </c:pt>
                <c:pt idx="1184">
                  <c:v>112.352903</c:v>
                </c:pt>
                <c:pt idx="1185">
                  <c:v>112.4</c:v>
                </c:pt>
                <c:pt idx="1186">
                  <c:v>112.35929299999999</c:v>
                </c:pt>
                <c:pt idx="1187">
                  <c:v>112.324234</c:v>
                </c:pt>
                <c:pt idx="1188">
                  <c:v>112.34494599999999</c:v>
                </c:pt>
                <c:pt idx="1189">
                  <c:v>112.294651</c:v>
                </c:pt>
                <c:pt idx="1190">
                  <c:v>112.21608500000001</c:v>
                </c:pt>
                <c:pt idx="1191">
                  <c:v>112.22733599999999</c:v>
                </c:pt>
                <c:pt idx="1192">
                  <c:v>112.210648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50DE-4C50-BBC3-9E9B8E65B9D6}"/>
            </c:ext>
          </c:extLst>
        </c:ser>
        <c:ser>
          <c:idx val="1"/>
          <c:order val="2"/>
          <c:tx>
            <c:strRef>
              <c:f>'Fig 2 b'!$H$7</c:f>
              <c:strCache>
                <c:ptCount val="1"/>
                <c:pt idx="0">
                  <c:v>S-P-1.7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none"/>
          </c:marker>
          <c:xVal>
            <c:numRef>
              <c:f>'Fig 2 b'!$H$10:$H$1202</c:f>
              <c:numCache>
                <c:formatCode>General</c:formatCode>
                <c:ptCount val="1193"/>
                <c:pt idx="0">
                  <c:v>1500.6188480000001</c:v>
                </c:pt>
                <c:pt idx="1">
                  <c:v>1502.5476639999999</c:v>
                </c:pt>
                <c:pt idx="2">
                  <c:v>1504.47648</c:v>
                </c:pt>
                <c:pt idx="3">
                  <c:v>1506.4052959999999</c:v>
                </c:pt>
                <c:pt idx="4">
                  <c:v>1508.334112</c:v>
                </c:pt>
                <c:pt idx="5">
                  <c:v>1510.2629280000001</c:v>
                </c:pt>
                <c:pt idx="6">
                  <c:v>1512.191744</c:v>
                </c:pt>
                <c:pt idx="7">
                  <c:v>1514.1205600000001</c:v>
                </c:pt>
                <c:pt idx="8">
                  <c:v>1516.0493759999999</c:v>
                </c:pt>
                <c:pt idx="9">
                  <c:v>1517.978192</c:v>
                </c:pt>
                <c:pt idx="10">
                  <c:v>1519.9070079999999</c:v>
                </c:pt>
                <c:pt idx="11">
                  <c:v>1521.835824</c:v>
                </c:pt>
                <c:pt idx="12">
                  <c:v>1523.7646400000001</c:v>
                </c:pt>
                <c:pt idx="13">
                  <c:v>1525.693456</c:v>
                </c:pt>
                <c:pt idx="14">
                  <c:v>1527.6222720000001</c:v>
                </c:pt>
                <c:pt idx="15">
                  <c:v>1529.5510879999999</c:v>
                </c:pt>
                <c:pt idx="16">
                  <c:v>1531.479904</c:v>
                </c:pt>
                <c:pt idx="17">
                  <c:v>1533.4087199999999</c:v>
                </c:pt>
                <c:pt idx="18">
                  <c:v>1535.337536</c:v>
                </c:pt>
                <c:pt idx="19">
                  <c:v>1537.2663520000001</c:v>
                </c:pt>
                <c:pt idx="20">
                  <c:v>1539.195168</c:v>
                </c:pt>
                <c:pt idx="21">
                  <c:v>1541.1239840000001</c:v>
                </c:pt>
                <c:pt idx="22">
                  <c:v>1543.0527999999999</c:v>
                </c:pt>
                <c:pt idx="23">
                  <c:v>1544.981616</c:v>
                </c:pt>
                <c:pt idx="24">
                  <c:v>1546.9104319999999</c:v>
                </c:pt>
                <c:pt idx="25">
                  <c:v>1548.839248</c:v>
                </c:pt>
                <c:pt idx="26">
                  <c:v>1550.7680640000001</c:v>
                </c:pt>
                <c:pt idx="27">
                  <c:v>1552.69688</c:v>
                </c:pt>
                <c:pt idx="28">
                  <c:v>1554.6256960000001</c:v>
                </c:pt>
                <c:pt idx="29">
                  <c:v>1556.5545119999999</c:v>
                </c:pt>
                <c:pt idx="30">
                  <c:v>1558.483328</c:v>
                </c:pt>
                <c:pt idx="31">
                  <c:v>1560.4121439999999</c:v>
                </c:pt>
                <c:pt idx="32">
                  <c:v>1562.34096</c:v>
                </c:pt>
                <c:pt idx="33">
                  <c:v>1564.2697760000001</c:v>
                </c:pt>
                <c:pt idx="34">
                  <c:v>1566.198592</c:v>
                </c:pt>
                <c:pt idx="35">
                  <c:v>1568.1274080000001</c:v>
                </c:pt>
                <c:pt idx="36">
                  <c:v>1570.0562239999999</c:v>
                </c:pt>
                <c:pt idx="37">
                  <c:v>1571.98504</c:v>
                </c:pt>
                <c:pt idx="38">
                  <c:v>1573.9138559999999</c:v>
                </c:pt>
                <c:pt idx="39">
                  <c:v>1575.842672</c:v>
                </c:pt>
                <c:pt idx="40">
                  <c:v>1577.7714880000001</c:v>
                </c:pt>
                <c:pt idx="41">
                  <c:v>1579.700304</c:v>
                </c:pt>
                <c:pt idx="42">
                  <c:v>1581.6291200000001</c:v>
                </c:pt>
                <c:pt idx="43">
                  <c:v>1583.5579359999999</c:v>
                </c:pt>
                <c:pt idx="44">
                  <c:v>1585.486752</c:v>
                </c:pt>
                <c:pt idx="45">
                  <c:v>1587.4155679999999</c:v>
                </c:pt>
                <c:pt idx="46">
                  <c:v>1589.344384</c:v>
                </c:pt>
                <c:pt idx="47">
                  <c:v>1591.2732000000001</c:v>
                </c:pt>
                <c:pt idx="48">
                  <c:v>1593.202016</c:v>
                </c:pt>
                <c:pt idx="49">
                  <c:v>1595.1308320000001</c:v>
                </c:pt>
                <c:pt idx="50">
                  <c:v>1597.0596479999999</c:v>
                </c:pt>
                <c:pt idx="51">
                  <c:v>1598.988464</c:v>
                </c:pt>
                <c:pt idx="52">
                  <c:v>1600.9172799999999</c:v>
                </c:pt>
                <c:pt idx="53">
                  <c:v>1602.846096</c:v>
                </c:pt>
                <c:pt idx="54">
                  <c:v>1604.7749120000001</c:v>
                </c:pt>
                <c:pt idx="55">
                  <c:v>1606.703728</c:v>
                </c:pt>
                <c:pt idx="56">
                  <c:v>1608.6325440000001</c:v>
                </c:pt>
                <c:pt idx="57">
                  <c:v>1610.5613599999999</c:v>
                </c:pt>
                <c:pt idx="58">
                  <c:v>1612.490176</c:v>
                </c:pt>
                <c:pt idx="59">
                  <c:v>1614.4189919999999</c:v>
                </c:pt>
                <c:pt idx="60">
                  <c:v>1616.347808</c:v>
                </c:pt>
                <c:pt idx="61">
                  <c:v>1618.2766240000001</c:v>
                </c:pt>
                <c:pt idx="62">
                  <c:v>1620.20544</c:v>
                </c:pt>
                <c:pt idx="63">
                  <c:v>1622.1342560000001</c:v>
                </c:pt>
                <c:pt idx="64">
                  <c:v>1624.0630719999999</c:v>
                </c:pt>
                <c:pt idx="65">
                  <c:v>1625.991888</c:v>
                </c:pt>
                <c:pt idx="66">
                  <c:v>1627.9207039999999</c:v>
                </c:pt>
                <c:pt idx="67">
                  <c:v>1629.84952</c:v>
                </c:pt>
                <c:pt idx="68">
                  <c:v>1631.7783360000001</c:v>
                </c:pt>
                <c:pt idx="69">
                  <c:v>1633.707152</c:v>
                </c:pt>
                <c:pt idx="70">
                  <c:v>1635.635968</c:v>
                </c:pt>
                <c:pt idx="71">
                  <c:v>1637.5647839999999</c:v>
                </c:pt>
                <c:pt idx="72">
                  <c:v>1639.4936</c:v>
                </c:pt>
                <c:pt idx="73">
                  <c:v>1641.4224160000001</c:v>
                </c:pt>
                <c:pt idx="74">
                  <c:v>1643.351232</c:v>
                </c:pt>
                <c:pt idx="75">
                  <c:v>1645.2800480000001</c:v>
                </c:pt>
                <c:pt idx="76">
                  <c:v>1647.2088639999999</c:v>
                </c:pt>
                <c:pt idx="77">
                  <c:v>1649.13768</c:v>
                </c:pt>
                <c:pt idx="78">
                  <c:v>1651.0664959999999</c:v>
                </c:pt>
                <c:pt idx="79">
                  <c:v>1652.995312</c:v>
                </c:pt>
                <c:pt idx="80">
                  <c:v>1654.9241280000001</c:v>
                </c:pt>
                <c:pt idx="81">
                  <c:v>1656.852944</c:v>
                </c:pt>
                <c:pt idx="82">
                  <c:v>1658.7817600000001</c:v>
                </c:pt>
                <c:pt idx="83">
                  <c:v>1660.7105759999999</c:v>
                </c:pt>
                <c:pt idx="84">
                  <c:v>1662.639392</c:v>
                </c:pt>
                <c:pt idx="85">
                  <c:v>1664.5682079999999</c:v>
                </c:pt>
                <c:pt idx="86">
                  <c:v>1666.497024</c:v>
                </c:pt>
                <c:pt idx="87">
                  <c:v>1668.4258400000001</c:v>
                </c:pt>
                <c:pt idx="88">
                  <c:v>1670.354656</c:v>
                </c:pt>
                <c:pt idx="89">
                  <c:v>1672.2834720000001</c:v>
                </c:pt>
                <c:pt idx="90">
                  <c:v>1674.2122879999999</c:v>
                </c:pt>
                <c:pt idx="91">
                  <c:v>1676.141104</c:v>
                </c:pt>
                <c:pt idx="92">
                  <c:v>1678.0699199999999</c:v>
                </c:pt>
                <c:pt idx="93">
                  <c:v>1679.998736</c:v>
                </c:pt>
                <c:pt idx="94">
                  <c:v>1681.9275520000001</c:v>
                </c:pt>
                <c:pt idx="95">
                  <c:v>1683.856368</c:v>
                </c:pt>
                <c:pt idx="96">
                  <c:v>1685.7851840000001</c:v>
                </c:pt>
                <c:pt idx="97">
                  <c:v>1687.7139999999999</c:v>
                </c:pt>
                <c:pt idx="98">
                  <c:v>1689.642816</c:v>
                </c:pt>
                <c:pt idx="99">
                  <c:v>1691.5716319999999</c:v>
                </c:pt>
                <c:pt idx="100">
                  <c:v>1693.500448</c:v>
                </c:pt>
                <c:pt idx="101">
                  <c:v>1695.4292640000001</c:v>
                </c:pt>
                <c:pt idx="102">
                  <c:v>1697.35808</c:v>
                </c:pt>
                <c:pt idx="103">
                  <c:v>1699.2868960000001</c:v>
                </c:pt>
                <c:pt idx="104">
                  <c:v>1701.2157119999999</c:v>
                </c:pt>
                <c:pt idx="105">
                  <c:v>1703.144528</c:v>
                </c:pt>
                <c:pt idx="106">
                  <c:v>1705.0733439999999</c:v>
                </c:pt>
                <c:pt idx="107">
                  <c:v>1707.00216</c:v>
                </c:pt>
                <c:pt idx="108">
                  <c:v>1708.9309760000001</c:v>
                </c:pt>
                <c:pt idx="109">
                  <c:v>1710.859792</c:v>
                </c:pt>
                <c:pt idx="110">
                  <c:v>1712.7886080000001</c:v>
                </c:pt>
                <c:pt idx="111">
                  <c:v>1714.7174239999999</c:v>
                </c:pt>
                <c:pt idx="112">
                  <c:v>1716.64624</c:v>
                </c:pt>
                <c:pt idx="113">
                  <c:v>1718.5750559999999</c:v>
                </c:pt>
                <c:pt idx="114">
                  <c:v>1720.503872</c:v>
                </c:pt>
                <c:pt idx="115">
                  <c:v>1722.4326880000001</c:v>
                </c:pt>
                <c:pt idx="116">
                  <c:v>1724.361504</c:v>
                </c:pt>
                <c:pt idx="117">
                  <c:v>1726.2903200000001</c:v>
                </c:pt>
                <c:pt idx="118">
                  <c:v>1728.2191359999999</c:v>
                </c:pt>
                <c:pt idx="119">
                  <c:v>1730.147952</c:v>
                </c:pt>
                <c:pt idx="120">
                  <c:v>1732.0767679999999</c:v>
                </c:pt>
                <c:pt idx="121">
                  <c:v>1734.005584</c:v>
                </c:pt>
                <c:pt idx="122">
                  <c:v>1735.9344000000001</c:v>
                </c:pt>
                <c:pt idx="123">
                  <c:v>1737.863216</c:v>
                </c:pt>
                <c:pt idx="124">
                  <c:v>1739.7920320000001</c:v>
                </c:pt>
                <c:pt idx="125">
                  <c:v>1741.7208479999999</c:v>
                </c:pt>
                <c:pt idx="126">
                  <c:v>1743.649664</c:v>
                </c:pt>
                <c:pt idx="127">
                  <c:v>1745.5784799999999</c:v>
                </c:pt>
                <c:pt idx="128">
                  <c:v>1747.507296</c:v>
                </c:pt>
                <c:pt idx="129">
                  <c:v>1749.4361120000001</c:v>
                </c:pt>
                <c:pt idx="130">
                  <c:v>1751.364928</c:v>
                </c:pt>
                <c:pt idx="131">
                  <c:v>1753.2937440000001</c:v>
                </c:pt>
                <c:pt idx="132">
                  <c:v>1755.2225599999999</c:v>
                </c:pt>
                <c:pt idx="133">
                  <c:v>1757.151376</c:v>
                </c:pt>
                <c:pt idx="134">
                  <c:v>1759.0801919999999</c:v>
                </c:pt>
                <c:pt idx="135">
                  <c:v>1761.009008</c:v>
                </c:pt>
                <c:pt idx="136">
                  <c:v>1762.9378240000001</c:v>
                </c:pt>
                <c:pt idx="137">
                  <c:v>1764.86664</c:v>
                </c:pt>
                <c:pt idx="138">
                  <c:v>1766.7954560000001</c:v>
                </c:pt>
                <c:pt idx="139">
                  <c:v>1768.7242719999999</c:v>
                </c:pt>
                <c:pt idx="140">
                  <c:v>1770.653088</c:v>
                </c:pt>
                <c:pt idx="141">
                  <c:v>1772.5819039999999</c:v>
                </c:pt>
                <c:pt idx="142">
                  <c:v>1774.51072</c:v>
                </c:pt>
                <c:pt idx="143">
                  <c:v>1776.4395360000001</c:v>
                </c:pt>
                <c:pt idx="144">
                  <c:v>1778.368352</c:v>
                </c:pt>
                <c:pt idx="145">
                  <c:v>1780.2971680000001</c:v>
                </c:pt>
                <c:pt idx="146">
                  <c:v>1782.2259839999999</c:v>
                </c:pt>
                <c:pt idx="147">
                  <c:v>1784.1548</c:v>
                </c:pt>
                <c:pt idx="148">
                  <c:v>1786.0836159999999</c:v>
                </c:pt>
                <c:pt idx="149">
                  <c:v>1788.012432</c:v>
                </c:pt>
                <c:pt idx="150">
                  <c:v>1789.9412480000001</c:v>
                </c:pt>
                <c:pt idx="151">
                  <c:v>1791.870064</c:v>
                </c:pt>
                <c:pt idx="152">
                  <c:v>1793.7988800000001</c:v>
                </c:pt>
                <c:pt idx="153">
                  <c:v>1795.7276959999999</c:v>
                </c:pt>
                <c:pt idx="154">
                  <c:v>1797.656512</c:v>
                </c:pt>
                <c:pt idx="155">
                  <c:v>1799.5853279999999</c:v>
                </c:pt>
                <c:pt idx="156">
                  <c:v>1801.514144</c:v>
                </c:pt>
                <c:pt idx="157">
                  <c:v>1803.4429600000001</c:v>
                </c:pt>
                <c:pt idx="158">
                  <c:v>1805.371776</c:v>
                </c:pt>
                <c:pt idx="159">
                  <c:v>1807.3005920000001</c:v>
                </c:pt>
                <c:pt idx="160">
                  <c:v>1809.2294079999999</c:v>
                </c:pt>
                <c:pt idx="161">
                  <c:v>1811.158224</c:v>
                </c:pt>
                <c:pt idx="162">
                  <c:v>1813.0870399999999</c:v>
                </c:pt>
                <c:pt idx="163">
                  <c:v>1815.015856</c:v>
                </c:pt>
                <c:pt idx="164">
                  <c:v>1816.9446720000001</c:v>
                </c:pt>
                <c:pt idx="165">
                  <c:v>1818.873488</c:v>
                </c:pt>
                <c:pt idx="166">
                  <c:v>1820.802304</c:v>
                </c:pt>
                <c:pt idx="167">
                  <c:v>1822.7311199999999</c:v>
                </c:pt>
                <c:pt idx="168">
                  <c:v>1824.659936</c:v>
                </c:pt>
                <c:pt idx="169">
                  <c:v>1826.5887520000001</c:v>
                </c:pt>
                <c:pt idx="170">
                  <c:v>1828.517568</c:v>
                </c:pt>
                <c:pt idx="171">
                  <c:v>1830.4463840000001</c:v>
                </c:pt>
                <c:pt idx="172">
                  <c:v>1832.3751999999999</c:v>
                </c:pt>
                <c:pt idx="173">
                  <c:v>1834.304016</c:v>
                </c:pt>
                <c:pt idx="174">
                  <c:v>1836.2328319999999</c:v>
                </c:pt>
                <c:pt idx="175">
                  <c:v>1838.161648</c:v>
                </c:pt>
                <c:pt idx="176">
                  <c:v>1840.0904640000001</c:v>
                </c:pt>
                <c:pt idx="177">
                  <c:v>1842.01928</c:v>
                </c:pt>
                <c:pt idx="178">
                  <c:v>1843.9480960000001</c:v>
                </c:pt>
                <c:pt idx="179">
                  <c:v>1845.8769119999999</c:v>
                </c:pt>
                <c:pt idx="180">
                  <c:v>1847.805728</c:v>
                </c:pt>
                <c:pt idx="181">
                  <c:v>1849.7345439999999</c:v>
                </c:pt>
                <c:pt idx="182">
                  <c:v>1851.66336</c:v>
                </c:pt>
                <c:pt idx="183">
                  <c:v>1853.5921760000001</c:v>
                </c:pt>
                <c:pt idx="184">
                  <c:v>1855.520992</c:v>
                </c:pt>
                <c:pt idx="185">
                  <c:v>1857.4498080000001</c:v>
                </c:pt>
                <c:pt idx="186">
                  <c:v>1859.3786239999999</c:v>
                </c:pt>
                <c:pt idx="187">
                  <c:v>1861.30744</c:v>
                </c:pt>
                <c:pt idx="188">
                  <c:v>1863.2362559999999</c:v>
                </c:pt>
                <c:pt idx="189">
                  <c:v>1865.165072</c:v>
                </c:pt>
                <c:pt idx="190">
                  <c:v>1867.0938880000001</c:v>
                </c:pt>
                <c:pt idx="191">
                  <c:v>1869.022704</c:v>
                </c:pt>
                <c:pt idx="192">
                  <c:v>1870.9515200000001</c:v>
                </c:pt>
                <c:pt idx="193">
                  <c:v>1872.8803359999999</c:v>
                </c:pt>
                <c:pt idx="194">
                  <c:v>1874.809152</c:v>
                </c:pt>
                <c:pt idx="195">
                  <c:v>1876.7379679999999</c:v>
                </c:pt>
                <c:pt idx="196">
                  <c:v>1878.666784</c:v>
                </c:pt>
                <c:pt idx="197">
                  <c:v>1880.5956000000001</c:v>
                </c:pt>
                <c:pt idx="198">
                  <c:v>1882.524416</c:v>
                </c:pt>
                <c:pt idx="199">
                  <c:v>1884.4532320000001</c:v>
                </c:pt>
                <c:pt idx="200">
                  <c:v>1886.3820479999999</c:v>
                </c:pt>
                <c:pt idx="201">
                  <c:v>1888.310864</c:v>
                </c:pt>
                <c:pt idx="202">
                  <c:v>1890.2396799999999</c:v>
                </c:pt>
                <c:pt idx="203">
                  <c:v>1892.168496</c:v>
                </c:pt>
                <c:pt idx="204">
                  <c:v>1894.0973120000001</c:v>
                </c:pt>
                <c:pt idx="205">
                  <c:v>1896.026128</c:v>
                </c:pt>
                <c:pt idx="206">
                  <c:v>1897.9549440000001</c:v>
                </c:pt>
                <c:pt idx="207">
                  <c:v>1899.8837599999999</c:v>
                </c:pt>
                <c:pt idx="208">
                  <c:v>1901.812576</c:v>
                </c:pt>
                <c:pt idx="209">
                  <c:v>1903.7413919999999</c:v>
                </c:pt>
                <c:pt idx="210">
                  <c:v>1905.670208</c:v>
                </c:pt>
                <c:pt idx="211">
                  <c:v>1907.5990240000001</c:v>
                </c:pt>
                <c:pt idx="212">
                  <c:v>1909.52784</c:v>
                </c:pt>
                <c:pt idx="213">
                  <c:v>1911.4566560000001</c:v>
                </c:pt>
                <c:pt idx="214">
                  <c:v>1913.3854719999999</c:v>
                </c:pt>
                <c:pt idx="215">
                  <c:v>1915.314288</c:v>
                </c:pt>
                <c:pt idx="216">
                  <c:v>1917.2431039999999</c:v>
                </c:pt>
                <c:pt idx="217">
                  <c:v>1919.17192</c:v>
                </c:pt>
                <c:pt idx="218">
                  <c:v>1921.1007360000001</c:v>
                </c:pt>
                <c:pt idx="219">
                  <c:v>1923.029552</c:v>
                </c:pt>
                <c:pt idx="220">
                  <c:v>1924.9583680000001</c:v>
                </c:pt>
                <c:pt idx="221">
                  <c:v>1926.8871839999999</c:v>
                </c:pt>
                <c:pt idx="222">
                  <c:v>1928.816</c:v>
                </c:pt>
                <c:pt idx="223">
                  <c:v>1930.7448159999999</c:v>
                </c:pt>
                <c:pt idx="224">
                  <c:v>1932.673632</c:v>
                </c:pt>
                <c:pt idx="225">
                  <c:v>1934.6024480000001</c:v>
                </c:pt>
                <c:pt idx="226">
                  <c:v>1936.531264</c:v>
                </c:pt>
                <c:pt idx="227">
                  <c:v>1938.4600800000001</c:v>
                </c:pt>
                <c:pt idx="228">
                  <c:v>1940.3888959999999</c:v>
                </c:pt>
                <c:pt idx="229">
                  <c:v>1942.317712</c:v>
                </c:pt>
                <c:pt idx="230">
                  <c:v>1944.2465279999999</c:v>
                </c:pt>
                <c:pt idx="231">
                  <c:v>1946.175344</c:v>
                </c:pt>
                <c:pt idx="232">
                  <c:v>1948.1041600000001</c:v>
                </c:pt>
                <c:pt idx="233">
                  <c:v>1950.032976</c:v>
                </c:pt>
                <c:pt idx="234">
                  <c:v>1951.9617920000001</c:v>
                </c:pt>
                <c:pt idx="235">
                  <c:v>1953.8906079999999</c:v>
                </c:pt>
                <c:pt idx="236">
                  <c:v>1955.819424</c:v>
                </c:pt>
                <c:pt idx="237">
                  <c:v>1957.7482399999999</c:v>
                </c:pt>
                <c:pt idx="238">
                  <c:v>1959.677056</c:v>
                </c:pt>
                <c:pt idx="239">
                  <c:v>1961.6058720000001</c:v>
                </c:pt>
                <c:pt idx="240">
                  <c:v>1963.534688</c:v>
                </c:pt>
                <c:pt idx="241">
                  <c:v>1965.4635040000001</c:v>
                </c:pt>
                <c:pt idx="242">
                  <c:v>1967.3923199999999</c:v>
                </c:pt>
                <c:pt idx="243">
                  <c:v>1969.321136</c:v>
                </c:pt>
                <c:pt idx="244">
                  <c:v>1971.2499519999999</c:v>
                </c:pt>
                <c:pt idx="245">
                  <c:v>1973.178768</c:v>
                </c:pt>
                <c:pt idx="246">
                  <c:v>1975.1075840000001</c:v>
                </c:pt>
                <c:pt idx="247">
                  <c:v>1977.0364</c:v>
                </c:pt>
                <c:pt idx="248">
                  <c:v>1978.9652160000001</c:v>
                </c:pt>
                <c:pt idx="249">
                  <c:v>1980.8940319999999</c:v>
                </c:pt>
                <c:pt idx="250">
                  <c:v>1982.822848</c:v>
                </c:pt>
                <c:pt idx="251">
                  <c:v>1984.7516639999999</c:v>
                </c:pt>
                <c:pt idx="252">
                  <c:v>1986.68048</c:v>
                </c:pt>
                <c:pt idx="253">
                  <c:v>1988.6092960000001</c:v>
                </c:pt>
                <c:pt idx="254">
                  <c:v>1990.538112</c:v>
                </c:pt>
                <c:pt idx="255">
                  <c:v>1992.4669280000001</c:v>
                </c:pt>
                <c:pt idx="256">
                  <c:v>1994.3957439999999</c:v>
                </c:pt>
                <c:pt idx="257">
                  <c:v>1996.32456</c:v>
                </c:pt>
                <c:pt idx="258">
                  <c:v>1998.2533759999999</c:v>
                </c:pt>
                <c:pt idx="259">
                  <c:v>2000.182192</c:v>
                </c:pt>
                <c:pt idx="260">
                  <c:v>2002.1110080000001</c:v>
                </c:pt>
                <c:pt idx="261">
                  <c:v>2004.039824</c:v>
                </c:pt>
                <c:pt idx="262">
                  <c:v>2005.9686400000001</c:v>
                </c:pt>
                <c:pt idx="263">
                  <c:v>2007.8974559999999</c:v>
                </c:pt>
                <c:pt idx="264">
                  <c:v>2009.826272</c:v>
                </c:pt>
                <c:pt idx="265">
                  <c:v>2011.7550879999999</c:v>
                </c:pt>
                <c:pt idx="266">
                  <c:v>2013.683904</c:v>
                </c:pt>
                <c:pt idx="267">
                  <c:v>2015.6127200000001</c:v>
                </c:pt>
                <c:pt idx="268">
                  <c:v>2017.541536</c:v>
                </c:pt>
                <c:pt idx="269">
                  <c:v>2019.470352</c:v>
                </c:pt>
                <c:pt idx="270">
                  <c:v>2021.3991679999999</c:v>
                </c:pt>
                <c:pt idx="271">
                  <c:v>2023.327984</c:v>
                </c:pt>
                <c:pt idx="272">
                  <c:v>2025.2568000000001</c:v>
                </c:pt>
                <c:pt idx="273">
                  <c:v>2027.185616</c:v>
                </c:pt>
                <c:pt idx="274">
                  <c:v>2029.1144320000001</c:v>
                </c:pt>
                <c:pt idx="275">
                  <c:v>2031.0432479999999</c:v>
                </c:pt>
                <c:pt idx="276">
                  <c:v>2032.972064</c:v>
                </c:pt>
                <c:pt idx="277">
                  <c:v>2034.9008799999999</c:v>
                </c:pt>
                <c:pt idx="278">
                  <c:v>2036.829696</c:v>
                </c:pt>
                <c:pt idx="279">
                  <c:v>2038.7585120000001</c:v>
                </c:pt>
                <c:pt idx="280">
                  <c:v>2040.687328</c:v>
                </c:pt>
                <c:pt idx="281">
                  <c:v>2042.6161440000001</c:v>
                </c:pt>
                <c:pt idx="282">
                  <c:v>2044.5449599999999</c:v>
                </c:pt>
                <c:pt idx="283">
                  <c:v>2046.473776</c:v>
                </c:pt>
                <c:pt idx="284">
                  <c:v>2048.4025919999999</c:v>
                </c:pt>
                <c:pt idx="285">
                  <c:v>2050.331408</c:v>
                </c:pt>
                <c:pt idx="286">
                  <c:v>2052.2602240000001</c:v>
                </c:pt>
                <c:pt idx="287">
                  <c:v>2054.1890400000002</c:v>
                </c:pt>
                <c:pt idx="288">
                  <c:v>2056.1178559999998</c:v>
                </c:pt>
                <c:pt idx="289">
                  <c:v>2058.0466719999999</c:v>
                </c:pt>
                <c:pt idx="290">
                  <c:v>2059.975488</c:v>
                </c:pt>
                <c:pt idx="291">
                  <c:v>2061.9043040000001</c:v>
                </c:pt>
                <c:pt idx="292">
                  <c:v>2063.8331199999998</c:v>
                </c:pt>
                <c:pt idx="293">
                  <c:v>2065.7619359999999</c:v>
                </c:pt>
                <c:pt idx="294">
                  <c:v>2067.690752</c:v>
                </c:pt>
                <c:pt idx="295">
                  <c:v>2069.6195680000001</c:v>
                </c:pt>
                <c:pt idx="296">
                  <c:v>2071.5483840000002</c:v>
                </c:pt>
                <c:pt idx="297">
                  <c:v>2073.4771999999998</c:v>
                </c:pt>
                <c:pt idx="298">
                  <c:v>2075.4060159999999</c:v>
                </c:pt>
                <c:pt idx="299">
                  <c:v>2077.334832</c:v>
                </c:pt>
                <c:pt idx="300">
                  <c:v>2079.2636480000001</c:v>
                </c:pt>
                <c:pt idx="301">
                  <c:v>2081.1924640000002</c:v>
                </c:pt>
                <c:pt idx="302">
                  <c:v>2083.1212799999998</c:v>
                </c:pt>
                <c:pt idx="303">
                  <c:v>2085.0500959999999</c:v>
                </c:pt>
                <c:pt idx="304">
                  <c:v>2086.978912</c:v>
                </c:pt>
                <c:pt idx="305">
                  <c:v>2088.9077280000001</c:v>
                </c:pt>
                <c:pt idx="306">
                  <c:v>2090.8365439999998</c:v>
                </c:pt>
                <c:pt idx="307">
                  <c:v>2092.7653599999999</c:v>
                </c:pt>
                <c:pt idx="308">
                  <c:v>2094.694176</c:v>
                </c:pt>
                <c:pt idx="309">
                  <c:v>2096.6229920000001</c:v>
                </c:pt>
                <c:pt idx="310">
                  <c:v>2098.5518080000002</c:v>
                </c:pt>
                <c:pt idx="311">
                  <c:v>2100.4806239999998</c:v>
                </c:pt>
                <c:pt idx="312">
                  <c:v>2102.4094399999999</c:v>
                </c:pt>
                <c:pt idx="313">
                  <c:v>2104.338256</c:v>
                </c:pt>
                <c:pt idx="314">
                  <c:v>2106.2670720000001</c:v>
                </c:pt>
                <c:pt idx="315">
                  <c:v>2108.1958880000002</c:v>
                </c:pt>
                <c:pt idx="316">
                  <c:v>2110.1247039999998</c:v>
                </c:pt>
                <c:pt idx="317">
                  <c:v>2112.0535199999999</c:v>
                </c:pt>
                <c:pt idx="318">
                  <c:v>2113.982336</c:v>
                </c:pt>
                <c:pt idx="319">
                  <c:v>2115.9111520000001</c:v>
                </c:pt>
                <c:pt idx="320">
                  <c:v>2117.8399680000002</c:v>
                </c:pt>
                <c:pt idx="321">
                  <c:v>2119.7687839999999</c:v>
                </c:pt>
                <c:pt idx="322">
                  <c:v>2121.6976</c:v>
                </c:pt>
                <c:pt idx="323">
                  <c:v>2123.6264160000001</c:v>
                </c:pt>
                <c:pt idx="324">
                  <c:v>2125.5552320000002</c:v>
                </c:pt>
                <c:pt idx="325">
                  <c:v>2127.4840479999998</c:v>
                </c:pt>
                <c:pt idx="326">
                  <c:v>2129.4128639999999</c:v>
                </c:pt>
                <c:pt idx="327">
                  <c:v>2131.34168</c:v>
                </c:pt>
                <c:pt idx="328">
                  <c:v>2133.2704960000001</c:v>
                </c:pt>
                <c:pt idx="329">
                  <c:v>2135.1993120000002</c:v>
                </c:pt>
                <c:pt idx="330">
                  <c:v>2137.1281279999998</c:v>
                </c:pt>
                <c:pt idx="331">
                  <c:v>2139.0569439999999</c:v>
                </c:pt>
                <c:pt idx="332">
                  <c:v>2140.98576</c:v>
                </c:pt>
                <c:pt idx="333">
                  <c:v>2142.9145760000001</c:v>
                </c:pt>
                <c:pt idx="334">
                  <c:v>2144.8433920000002</c:v>
                </c:pt>
                <c:pt idx="335">
                  <c:v>2146.7722079999999</c:v>
                </c:pt>
                <c:pt idx="336">
                  <c:v>2148.701024</c:v>
                </c:pt>
                <c:pt idx="337">
                  <c:v>2150.6298400000001</c:v>
                </c:pt>
                <c:pt idx="338">
                  <c:v>2152.5586560000002</c:v>
                </c:pt>
                <c:pt idx="339">
                  <c:v>2154.4874719999998</c:v>
                </c:pt>
                <c:pt idx="340">
                  <c:v>2156.4162879999999</c:v>
                </c:pt>
                <c:pt idx="341">
                  <c:v>2158.345104</c:v>
                </c:pt>
                <c:pt idx="342">
                  <c:v>2160.2739200000001</c:v>
                </c:pt>
                <c:pt idx="343">
                  <c:v>2162.2027360000002</c:v>
                </c:pt>
                <c:pt idx="344">
                  <c:v>2164.1315519999998</c:v>
                </c:pt>
                <c:pt idx="345">
                  <c:v>2166.0603679999999</c:v>
                </c:pt>
                <c:pt idx="346">
                  <c:v>2167.989184</c:v>
                </c:pt>
                <c:pt idx="347">
                  <c:v>2169.9180000000001</c:v>
                </c:pt>
                <c:pt idx="348">
                  <c:v>2171.8468160000002</c:v>
                </c:pt>
                <c:pt idx="349">
                  <c:v>2173.7756319999999</c:v>
                </c:pt>
                <c:pt idx="350">
                  <c:v>2175.704448</c:v>
                </c:pt>
                <c:pt idx="351">
                  <c:v>2177.6332640000001</c:v>
                </c:pt>
                <c:pt idx="352">
                  <c:v>2179.5620800000002</c:v>
                </c:pt>
                <c:pt idx="353">
                  <c:v>2181.4908959999998</c:v>
                </c:pt>
                <c:pt idx="354">
                  <c:v>2183.4197119999999</c:v>
                </c:pt>
                <c:pt idx="355">
                  <c:v>2185.348528</c:v>
                </c:pt>
                <c:pt idx="356">
                  <c:v>2187.2773440000001</c:v>
                </c:pt>
                <c:pt idx="357">
                  <c:v>2189.2061600000002</c:v>
                </c:pt>
                <c:pt idx="358">
                  <c:v>2191.1349759999998</c:v>
                </c:pt>
                <c:pt idx="359">
                  <c:v>2193.0637919999999</c:v>
                </c:pt>
                <c:pt idx="360">
                  <c:v>2194.992608</c:v>
                </c:pt>
                <c:pt idx="361">
                  <c:v>2196.9214240000001</c:v>
                </c:pt>
                <c:pt idx="362">
                  <c:v>2198.8502400000002</c:v>
                </c:pt>
                <c:pt idx="363">
                  <c:v>2200.7790559999999</c:v>
                </c:pt>
                <c:pt idx="364">
                  <c:v>2202.707872</c:v>
                </c:pt>
                <c:pt idx="365">
                  <c:v>2204.636688</c:v>
                </c:pt>
                <c:pt idx="366">
                  <c:v>2206.5655040000001</c:v>
                </c:pt>
                <c:pt idx="367">
                  <c:v>2208.4943199999998</c:v>
                </c:pt>
                <c:pt idx="368">
                  <c:v>2210.4231359999999</c:v>
                </c:pt>
                <c:pt idx="369">
                  <c:v>2212.351952</c:v>
                </c:pt>
                <c:pt idx="370">
                  <c:v>2214.2807680000001</c:v>
                </c:pt>
                <c:pt idx="371">
                  <c:v>2216.2095840000002</c:v>
                </c:pt>
                <c:pt idx="372">
                  <c:v>2218.1383999999998</c:v>
                </c:pt>
                <c:pt idx="373">
                  <c:v>2220.0672159999999</c:v>
                </c:pt>
                <c:pt idx="374">
                  <c:v>2221.996032</c:v>
                </c:pt>
                <c:pt idx="375">
                  <c:v>2223.9248480000001</c:v>
                </c:pt>
                <c:pt idx="376">
                  <c:v>2225.8536640000002</c:v>
                </c:pt>
                <c:pt idx="377">
                  <c:v>2227.7824799999999</c:v>
                </c:pt>
                <c:pt idx="378">
                  <c:v>2229.7112959999999</c:v>
                </c:pt>
                <c:pt idx="379">
                  <c:v>2231.640112</c:v>
                </c:pt>
                <c:pt idx="380">
                  <c:v>2233.5689280000001</c:v>
                </c:pt>
                <c:pt idx="381">
                  <c:v>2235.4977439999998</c:v>
                </c:pt>
                <c:pt idx="382">
                  <c:v>2237.4265599999999</c:v>
                </c:pt>
                <c:pt idx="383">
                  <c:v>2239.355376</c:v>
                </c:pt>
                <c:pt idx="384">
                  <c:v>2241.2841920000001</c:v>
                </c:pt>
                <c:pt idx="385">
                  <c:v>2243.2130080000002</c:v>
                </c:pt>
                <c:pt idx="386">
                  <c:v>2245.1418239999998</c:v>
                </c:pt>
                <c:pt idx="387">
                  <c:v>2247.0706399999999</c:v>
                </c:pt>
                <c:pt idx="388">
                  <c:v>2248.999456</c:v>
                </c:pt>
                <c:pt idx="389">
                  <c:v>2250.9282720000001</c:v>
                </c:pt>
                <c:pt idx="390">
                  <c:v>2252.8570880000002</c:v>
                </c:pt>
                <c:pt idx="391">
                  <c:v>2254.7859039999998</c:v>
                </c:pt>
                <c:pt idx="392">
                  <c:v>2256.7147199999999</c:v>
                </c:pt>
                <c:pt idx="393">
                  <c:v>2258.643536</c:v>
                </c:pt>
                <c:pt idx="394">
                  <c:v>2260.5723520000001</c:v>
                </c:pt>
                <c:pt idx="395">
                  <c:v>2262.5011679999998</c:v>
                </c:pt>
                <c:pt idx="396">
                  <c:v>2264.4299839999999</c:v>
                </c:pt>
                <c:pt idx="397">
                  <c:v>2266.3588</c:v>
                </c:pt>
                <c:pt idx="398">
                  <c:v>2268.2876160000001</c:v>
                </c:pt>
                <c:pt idx="399">
                  <c:v>2270.2164320000002</c:v>
                </c:pt>
                <c:pt idx="400">
                  <c:v>2272.1452479999998</c:v>
                </c:pt>
                <c:pt idx="401">
                  <c:v>2274.0740639999999</c:v>
                </c:pt>
                <c:pt idx="402">
                  <c:v>2276.00288</c:v>
                </c:pt>
                <c:pt idx="403">
                  <c:v>2277.9316960000001</c:v>
                </c:pt>
                <c:pt idx="404">
                  <c:v>2279.8605120000002</c:v>
                </c:pt>
                <c:pt idx="405">
                  <c:v>2281.7893279999998</c:v>
                </c:pt>
                <c:pt idx="406">
                  <c:v>2283.7181439999999</c:v>
                </c:pt>
                <c:pt idx="407">
                  <c:v>2285.64696</c:v>
                </c:pt>
                <c:pt idx="408">
                  <c:v>2287.5757760000001</c:v>
                </c:pt>
                <c:pt idx="409">
                  <c:v>2289.5045919999998</c:v>
                </c:pt>
                <c:pt idx="410">
                  <c:v>2291.4334079999999</c:v>
                </c:pt>
                <c:pt idx="411">
                  <c:v>2293.362224</c:v>
                </c:pt>
                <c:pt idx="412">
                  <c:v>2295.2910400000001</c:v>
                </c:pt>
                <c:pt idx="413">
                  <c:v>2297.2198560000002</c:v>
                </c:pt>
                <c:pt idx="414">
                  <c:v>2299.1486719999998</c:v>
                </c:pt>
                <c:pt idx="415">
                  <c:v>2301.0774879999999</c:v>
                </c:pt>
                <c:pt idx="416">
                  <c:v>2303.006304</c:v>
                </c:pt>
                <c:pt idx="417">
                  <c:v>2304.9351200000001</c:v>
                </c:pt>
                <c:pt idx="418">
                  <c:v>2306.8639360000002</c:v>
                </c:pt>
                <c:pt idx="419">
                  <c:v>2308.7927519999998</c:v>
                </c:pt>
                <c:pt idx="420">
                  <c:v>2310.7215679999999</c:v>
                </c:pt>
                <c:pt idx="421">
                  <c:v>2312.650384</c:v>
                </c:pt>
                <c:pt idx="422">
                  <c:v>2314.5792000000001</c:v>
                </c:pt>
                <c:pt idx="423">
                  <c:v>2316.5080160000002</c:v>
                </c:pt>
                <c:pt idx="424">
                  <c:v>2318.4368319999999</c:v>
                </c:pt>
                <c:pt idx="425">
                  <c:v>2320.365648</c:v>
                </c:pt>
                <c:pt idx="426">
                  <c:v>2322.2944640000001</c:v>
                </c:pt>
                <c:pt idx="427">
                  <c:v>2324.2232800000002</c:v>
                </c:pt>
                <c:pt idx="428">
                  <c:v>2326.1520959999998</c:v>
                </c:pt>
                <c:pt idx="429">
                  <c:v>2328.0809119999999</c:v>
                </c:pt>
                <c:pt idx="430">
                  <c:v>2330.009728</c:v>
                </c:pt>
                <c:pt idx="431">
                  <c:v>2331.9385440000001</c:v>
                </c:pt>
                <c:pt idx="432">
                  <c:v>2333.8673600000002</c:v>
                </c:pt>
                <c:pt idx="433">
                  <c:v>2335.7961759999998</c:v>
                </c:pt>
                <c:pt idx="434">
                  <c:v>2337.7249919999999</c:v>
                </c:pt>
                <c:pt idx="435">
                  <c:v>2339.653808</c:v>
                </c:pt>
                <c:pt idx="436">
                  <c:v>2341.5826240000001</c:v>
                </c:pt>
                <c:pt idx="437">
                  <c:v>2343.5114400000002</c:v>
                </c:pt>
                <c:pt idx="438">
                  <c:v>2345.4402559999999</c:v>
                </c:pt>
                <c:pt idx="439">
                  <c:v>2347.369072</c:v>
                </c:pt>
                <c:pt idx="440">
                  <c:v>2349.2978880000001</c:v>
                </c:pt>
                <c:pt idx="441">
                  <c:v>2351.2267040000002</c:v>
                </c:pt>
                <c:pt idx="442">
                  <c:v>2353.1555199999998</c:v>
                </c:pt>
                <c:pt idx="443">
                  <c:v>2355.0843359999999</c:v>
                </c:pt>
                <c:pt idx="444">
                  <c:v>2357.013152</c:v>
                </c:pt>
                <c:pt idx="445">
                  <c:v>2358.9419680000001</c:v>
                </c:pt>
                <c:pt idx="446">
                  <c:v>2360.8707840000002</c:v>
                </c:pt>
                <c:pt idx="447">
                  <c:v>2362.7995999999998</c:v>
                </c:pt>
                <c:pt idx="448">
                  <c:v>2364.7284159999999</c:v>
                </c:pt>
                <c:pt idx="449">
                  <c:v>2366.657232</c:v>
                </c:pt>
                <c:pt idx="450">
                  <c:v>2368.5860480000001</c:v>
                </c:pt>
                <c:pt idx="451">
                  <c:v>2370.5148640000002</c:v>
                </c:pt>
                <c:pt idx="452">
                  <c:v>2372.4436799999999</c:v>
                </c:pt>
                <c:pt idx="453">
                  <c:v>2374.372496</c:v>
                </c:pt>
                <c:pt idx="454">
                  <c:v>2376.3013120000001</c:v>
                </c:pt>
                <c:pt idx="455">
                  <c:v>2378.2301280000001</c:v>
                </c:pt>
                <c:pt idx="456">
                  <c:v>2380.1589439999998</c:v>
                </c:pt>
                <c:pt idx="457">
                  <c:v>2382.0877599999999</c:v>
                </c:pt>
                <c:pt idx="458">
                  <c:v>2384.016576</c:v>
                </c:pt>
                <c:pt idx="459">
                  <c:v>2385.9453920000001</c:v>
                </c:pt>
                <c:pt idx="460">
                  <c:v>2387.8742080000002</c:v>
                </c:pt>
                <c:pt idx="461">
                  <c:v>2389.8030239999998</c:v>
                </c:pt>
                <c:pt idx="462">
                  <c:v>2391.7318399999999</c:v>
                </c:pt>
                <c:pt idx="463">
                  <c:v>2393.660656</c:v>
                </c:pt>
                <c:pt idx="464">
                  <c:v>2395.5894720000001</c:v>
                </c:pt>
                <c:pt idx="465">
                  <c:v>2397.5182880000002</c:v>
                </c:pt>
                <c:pt idx="466">
                  <c:v>2399.4471039999999</c:v>
                </c:pt>
                <c:pt idx="467">
                  <c:v>2401.37592</c:v>
                </c:pt>
                <c:pt idx="468">
                  <c:v>2403.304736</c:v>
                </c:pt>
                <c:pt idx="469">
                  <c:v>2405.2335520000001</c:v>
                </c:pt>
                <c:pt idx="470">
                  <c:v>2407.1623679999998</c:v>
                </c:pt>
                <c:pt idx="471">
                  <c:v>2409.0911839999999</c:v>
                </c:pt>
                <c:pt idx="472">
                  <c:v>2411.02</c:v>
                </c:pt>
                <c:pt idx="473">
                  <c:v>2412.9488160000001</c:v>
                </c:pt>
                <c:pt idx="474">
                  <c:v>2414.8776320000002</c:v>
                </c:pt>
                <c:pt idx="475">
                  <c:v>2416.8064479999998</c:v>
                </c:pt>
                <c:pt idx="476">
                  <c:v>2418.7352639999999</c:v>
                </c:pt>
                <c:pt idx="477">
                  <c:v>2420.66408</c:v>
                </c:pt>
                <c:pt idx="478">
                  <c:v>2422.5928960000001</c:v>
                </c:pt>
                <c:pt idx="479">
                  <c:v>2424.5217120000002</c:v>
                </c:pt>
                <c:pt idx="480">
                  <c:v>2426.4505279999998</c:v>
                </c:pt>
                <c:pt idx="481">
                  <c:v>2428.3793439999999</c:v>
                </c:pt>
                <c:pt idx="482">
                  <c:v>2430.30816</c:v>
                </c:pt>
                <c:pt idx="483">
                  <c:v>2432.2369760000001</c:v>
                </c:pt>
                <c:pt idx="484">
                  <c:v>2434.1657919999998</c:v>
                </c:pt>
                <c:pt idx="485">
                  <c:v>2436.0946079999999</c:v>
                </c:pt>
                <c:pt idx="486">
                  <c:v>2438.023424</c:v>
                </c:pt>
                <c:pt idx="487">
                  <c:v>2439.9522400000001</c:v>
                </c:pt>
                <c:pt idx="488">
                  <c:v>2441.8810560000002</c:v>
                </c:pt>
                <c:pt idx="489">
                  <c:v>2443.8098719999998</c:v>
                </c:pt>
                <c:pt idx="490">
                  <c:v>2445.7386879999999</c:v>
                </c:pt>
                <c:pt idx="491">
                  <c:v>2447.667504</c:v>
                </c:pt>
                <c:pt idx="492">
                  <c:v>2449.5963200000001</c:v>
                </c:pt>
                <c:pt idx="493">
                  <c:v>2451.5251360000002</c:v>
                </c:pt>
                <c:pt idx="494">
                  <c:v>2453.4539519999998</c:v>
                </c:pt>
                <c:pt idx="495">
                  <c:v>2455.3827679999999</c:v>
                </c:pt>
                <c:pt idx="496">
                  <c:v>2457.311584</c:v>
                </c:pt>
                <c:pt idx="497">
                  <c:v>2459.2404000000001</c:v>
                </c:pt>
                <c:pt idx="498">
                  <c:v>2461.1692159999998</c:v>
                </c:pt>
                <c:pt idx="499">
                  <c:v>2463.0980319999999</c:v>
                </c:pt>
                <c:pt idx="500">
                  <c:v>2465.026848</c:v>
                </c:pt>
                <c:pt idx="501">
                  <c:v>2466.9556640000001</c:v>
                </c:pt>
                <c:pt idx="502">
                  <c:v>2468.8844800000002</c:v>
                </c:pt>
                <c:pt idx="503">
                  <c:v>2470.8132959999998</c:v>
                </c:pt>
                <c:pt idx="504">
                  <c:v>2472.7421119999999</c:v>
                </c:pt>
                <c:pt idx="505">
                  <c:v>2474.670928</c:v>
                </c:pt>
                <c:pt idx="506">
                  <c:v>2476.5997440000001</c:v>
                </c:pt>
                <c:pt idx="507">
                  <c:v>2478.5285600000002</c:v>
                </c:pt>
                <c:pt idx="508">
                  <c:v>2480.4573759999998</c:v>
                </c:pt>
                <c:pt idx="509">
                  <c:v>2482.3861919999999</c:v>
                </c:pt>
                <c:pt idx="510">
                  <c:v>2484.315008</c:v>
                </c:pt>
                <c:pt idx="511">
                  <c:v>2486.2438240000001</c:v>
                </c:pt>
                <c:pt idx="512">
                  <c:v>2488.1726399999998</c:v>
                </c:pt>
                <c:pt idx="513">
                  <c:v>2490.1014559999999</c:v>
                </c:pt>
                <c:pt idx="514">
                  <c:v>2492.030272</c:v>
                </c:pt>
                <c:pt idx="515">
                  <c:v>2493.9590880000001</c:v>
                </c:pt>
                <c:pt idx="516">
                  <c:v>2495.8879040000002</c:v>
                </c:pt>
                <c:pt idx="517">
                  <c:v>2497.8167199999998</c:v>
                </c:pt>
                <c:pt idx="518">
                  <c:v>2499.7455359999999</c:v>
                </c:pt>
                <c:pt idx="519">
                  <c:v>2501.674352</c:v>
                </c:pt>
                <c:pt idx="520">
                  <c:v>2503.6031680000001</c:v>
                </c:pt>
                <c:pt idx="521">
                  <c:v>2505.5319840000002</c:v>
                </c:pt>
                <c:pt idx="522">
                  <c:v>2507.4607999999998</c:v>
                </c:pt>
                <c:pt idx="523">
                  <c:v>2509.3896159999999</c:v>
                </c:pt>
                <c:pt idx="524">
                  <c:v>2511.318432</c:v>
                </c:pt>
                <c:pt idx="525">
                  <c:v>2513.2472480000001</c:v>
                </c:pt>
                <c:pt idx="526">
                  <c:v>2515.1760640000002</c:v>
                </c:pt>
                <c:pt idx="527">
                  <c:v>2517.1048799999999</c:v>
                </c:pt>
                <c:pt idx="528">
                  <c:v>2519.033696</c:v>
                </c:pt>
                <c:pt idx="529">
                  <c:v>2520.9625120000001</c:v>
                </c:pt>
                <c:pt idx="530">
                  <c:v>2522.8913280000002</c:v>
                </c:pt>
                <c:pt idx="531">
                  <c:v>2524.8201439999998</c:v>
                </c:pt>
                <c:pt idx="532">
                  <c:v>2526.7489599999999</c:v>
                </c:pt>
                <c:pt idx="533">
                  <c:v>2528.677776</c:v>
                </c:pt>
                <c:pt idx="534">
                  <c:v>2530.6065920000001</c:v>
                </c:pt>
                <c:pt idx="535">
                  <c:v>2532.5354080000002</c:v>
                </c:pt>
                <c:pt idx="536">
                  <c:v>2534.4642239999998</c:v>
                </c:pt>
                <c:pt idx="537">
                  <c:v>2536.3930399999999</c:v>
                </c:pt>
                <c:pt idx="538">
                  <c:v>2538.321856</c:v>
                </c:pt>
                <c:pt idx="539">
                  <c:v>2540.2506720000001</c:v>
                </c:pt>
                <c:pt idx="540">
                  <c:v>2542.1794880000002</c:v>
                </c:pt>
                <c:pt idx="541">
                  <c:v>2544.1083039999999</c:v>
                </c:pt>
                <c:pt idx="542">
                  <c:v>2546.03712</c:v>
                </c:pt>
                <c:pt idx="543">
                  <c:v>2547.9659360000001</c:v>
                </c:pt>
                <c:pt idx="544">
                  <c:v>2549.8947520000002</c:v>
                </c:pt>
                <c:pt idx="545">
                  <c:v>2551.8235679999998</c:v>
                </c:pt>
                <c:pt idx="546">
                  <c:v>2553.7523839999999</c:v>
                </c:pt>
                <c:pt idx="547">
                  <c:v>2555.6812</c:v>
                </c:pt>
                <c:pt idx="548">
                  <c:v>2557.6100160000001</c:v>
                </c:pt>
                <c:pt idx="549">
                  <c:v>2559.5388320000002</c:v>
                </c:pt>
                <c:pt idx="550">
                  <c:v>2561.4676479999998</c:v>
                </c:pt>
                <c:pt idx="551">
                  <c:v>2563.3964639999999</c:v>
                </c:pt>
                <c:pt idx="552">
                  <c:v>2565.32528</c:v>
                </c:pt>
                <c:pt idx="553">
                  <c:v>2567.2540960000001</c:v>
                </c:pt>
                <c:pt idx="554">
                  <c:v>2569.1829120000002</c:v>
                </c:pt>
                <c:pt idx="555">
                  <c:v>2571.1117279999999</c:v>
                </c:pt>
                <c:pt idx="556">
                  <c:v>2573.040544</c:v>
                </c:pt>
                <c:pt idx="557">
                  <c:v>2574.9693600000001</c:v>
                </c:pt>
                <c:pt idx="558">
                  <c:v>2576.8981760000001</c:v>
                </c:pt>
                <c:pt idx="559">
                  <c:v>2578.8269919999998</c:v>
                </c:pt>
                <c:pt idx="560">
                  <c:v>2580.7558079999999</c:v>
                </c:pt>
                <c:pt idx="561">
                  <c:v>2582.684624</c:v>
                </c:pt>
                <c:pt idx="562">
                  <c:v>2584.6134400000001</c:v>
                </c:pt>
                <c:pt idx="563">
                  <c:v>2586.5422560000002</c:v>
                </c:pt>
                <c:pt idx="564">
                  <c:v>2588.4710719999998</c:v>
                </c:pt>
                <c:pt idx="565">
                  <c:v>2590.3998879999999</c:v>
                </c:pt>
                <c:pt idx="566">
                  <c:v>2592.328704</c:v>
                </c:pt>
                <c:pt idx="567">
                  <c:v>2594.2575200000001</c:v>
                </c:pt>
                <c:pt idx="568">
                  <c:v>2596.1863360000002</c:v>
                </c:pt>
                <c:pt idx="569">
                  <c:v>2598.1151519999999</c:v>
                </c:pt>
                <c:pt idx="570">
                  <c:v>2600.0439679999999</c:v>
                </c:pt>
                <c:pt idx="571">
                  <c:v>2601.972784</c:v>
                </c:pt>
                <c:pt idx="572">
                  <c:v>2603.9016000000001</c:v>
                </c:pt>
                <c:pt idx="573">
                  <c:v>2605.8304159999998</c:v>
                </c:pt>
                <c:pt idx="574">
                  <c:v>2607.7592319999999</c:v>
                </c:pt>
                <c:pt idx="575">
                  <c:v>2609.688048</c:v>
                </c:pt>
                <c:pt idx="576">
                  <c:v>2611.6168640000001</c:v>
                </c:pt>
                <c:pt idx="577">
                  <c:v>2613.5456800000002</c:v>
                </c:pt>
                <c:pt idx="578">
                  <c:v>2615.4744959999998</c:v>
                </c:pt>
                <c:pt idx="579">
                  <c:v>2617.4033119999999</c:v>
                </c:pt>
                <c:pt idx="580">
                  <c:v>2619.332128</c:v>
                </c:pt>
                <c:pt idx="581">
                  <c:v>2621.2609440000001</c:v>
                </c:pt>
                <c:pt idx="582">
                  <c:v>2623.1897600000002</c:v>
                </c:pt>
                <c:pt idx="583">
                  <c:v>2625.1185759999998</c:v>
                </c:pt>
                <c:pt idx="584">
                  <c:v>2627.0473919999999</c:v>
                </c:pt>
                <c:pt idx="585">
                  <c:v>2628.976208</c:v>
                </c:pt>
                <c:pt idx="586">
                  <c:v>2630.9050240000001</c:v>
                </c:pt>
                <c:pt idx="587">
                  <c:v>2632.8338399999998</c:v>
                </c:pt>
                <c:pt idx="588">
                  <c:v>2634.7626559999999</c:v>
                </c:pt>
                <c:pt idx="589">
                  <c:v>2636.691472</c:v>
                </c:pt>
                <c:pt idx="590">
                  <c:v>2638.6202880000001</c:v>
                </c:pt>
                <c:pt idx="591">
                  <c:v>2640.5491040000002</c:v>
                </c:pt>
                <c:pt idx="592">
                  <c:v>2642.4779199999998</c:v>
                </c:pt>
                <c:pt idx="593">
                  <c:v>2644.4067359999999</c:v>
                </c:pt>
                <c:pt idx="594">
                  <c:v>2646.335552</c:v>
                </c:pt>
                <c:pt idx="595">
                  <c:v>2648.2643680000001</c:v>
                </c:pt>
                <c:pt idx="596">
                  <c:v>2650.1931840000002</c:v>
                </c:pt>
                <c:pt idx="597">
                  <c:v>2652.1219999999998</c:v>
                </c:pt>
                <c:pt idx="598">
                  <c:v>2654.0508159999999</c:v>
                </c:pt>
                <c:pt idx="599">
                  <c:v>2655.979632</c:v>
                </c:pt>
                <c:pt idx="600">
                  <c:v>2657.9084480000001</c:v>
                </c:pt>
                <c:pt idx="601">
                  <c:v>2659.8372639999998</c:v>
                </c:pt>
                <c:pt idx="602">
                  <c:v>2661.7660799999999</c:v>
                </c:pt>
                <c:pt idx="603">
                  <c:v>2663.694896</c:v>
                </c:pt>
                <c:pt idx="604">
                  <c:v>2665.6237120000001</c:v>
                </c:pt>
                <c:pt idx="605">
                  <c:v>2667.5525280000002</c:v>
                </c:pt>
                <c:pt idx="606">
                  <c:v>2669.4813439999998</c:v>
                </c:pt>
                <c:pt idx="607">
                  <c:v>2671.4101599999999</c:v>
                </c:pt>
                <c:pt idx="608">
                  <c:v>2673.338976</c:v>
                </c:pt>
                <c:pt idx="609">
                  <c:v>2675.2677920000001</c:v>
                </c:pt>
                <c:pt idx="610">
                  <c:v>2677.1966080000002</c:v>
                </c:pt>
                <c:pt idx="611">
                  <c:v>2679.1254239999998</c:v>
                </c:pt>
                <c:pt idx="612">
                  <c:v>2681.0542399999999</c:v>
                </c:pt>
                <c:pt idx="613">
                  <c:v>2682.983056</c:v>
                </c:pt>
                <c:pt idx="614">
                  <c:v>2684.9118720000001</c:v>
                </c:pt>
                <c:pt idx="615">
                  <c:v>2686.8406880000002</c:v>
                </c:pt>
                <c:pt idx="616">
                  <c:v>2688.7695039999999</c:v>
                </c:pt>
                <c:pt idx="617">
                  <c:v>2690.69832</c:v>
                </c:pt>
                <c:pt idx="618">
                  <c:v>2692.6271360000001</c:v>
                </c:pt>
                <c:pt idx="619">
                  <c:v>2694.5559520000002</c:v>
                </c:pt>
                <c:pt idx="620">
                  <c:v>2696.4847679999998</c:v>
                </c:pt>
                <c:pt idx="621">
                  <c:v>2698.4135839999999</c:v>
                </c:pt>
                <c:pt idx="622">
                  <c:v>2700.3424</c:v>
                </c:pt>
                <c:pt idx="623">
                  <c:v>2702.2712160000001</c:v>
                </c:pt>
                <c:pt idx="624">
                  <c:v>2704.2000320000002</c:v>
                </c:pt>
                <c:pt idx="625">
                  <c:v>2706.1288479999998</c:v>
                </c:pt>
                <c:pt idx="626">
                  <c:v>2708.0576639999999</c:v>
                </c:pt>
                <c:pt idx="627">
                  <c:v>2709.98648</c:v>
                </c:pt>
                <c:pt idx="628">
                  <c:v>2711.9152960000001</c:v>
                </c:pt>
                <c:pt idx="629">
                  <c:v>2713.8441120000002</c:v>
                </c:pt>
                <c:pt idx="630">
                  <c:v>2715.7729279999999</c:v>
                </c:pt>
                <c:pt idx="631">
                  <c:v>2717.701744</c:v>
                </c:pt>
                <c:pt idx="632">
                  <c:v>2719.6305600000001</c:v>
                </c:pt>
                <c:pt idx="633">
                  <c:v>2721.5593760000002</c:v>
                </c:pt>
                <c:pt idx="634">
                  <c:v>2723.4881919999998</c:v>
                </c:pt>
                <c:pt idx="635">
                  <c:v>2725.4170079999999</c:v>
                </c:pt>
                <c:pt idx="636">
                  <c:v>2727.345824</c:v>
                </c:pt>
                <c:pt idx="637">
                  <c:v>2729.2746400000001</c:v>
                </c:pt>
                <c:pt idx="638">
                  <c:v>2731.2034560000002</c:v>
                </c:pt>
                <c:pt idx="639">
                  <c:v>2733.1322719999998</c:v>
                </c:pt>
                <c:pt idx="640">
                  <c:v>2735.0610879999999</c:v>
                </c:pt>
                <c:pt idx="641">
                  <c:v>2736.989904</c:v>
                </c:pt>
                <c:pt idx="642">
                  <c:v>2738.9187200000001</c:v>
                </c:pt>
                <c:pt idx="643">
                  <c:v>2740.8475360000002</c:v>
                </c:pt>
                <c:pt idx="644">
                  <c:v>2742.7763519999999</c:v>
                </c:pt>
                <c:pt idx="645">
                  <c:v>2744.705168</c:v>
                </c:pt>
                <c:pt idx="646">
                  <c:v>2746.6339840000001</c:v>
                </c:pt>
                <c:pt idx="647">
                  <c:v>2748.5628000000002</c:v>
                </c:pt>
                <c:pt idx="648">
                  <c:v>2750.4916159999998</c:v>
                </c:pt>
                <c:pt idx="649">
                  <c:v>2752.4204319999999</c:v>
                </c:pt>
                <c:pt idx="650">
                  <c:v>2754.349248</c:v>
                </c:pt>
                <c:pt idx="651">
                  <c:v>2756.2780640000001</c:v>
                </c:pt>
                <c:pt idx="652">
                  <c:v>2758.2068800000002</c:v>
                </c:pt>
                <c:pt idx="653">
                  <c:v>2760.1356959999998</c:v>
                </c:pt>
                <c:pt idx="654">
                  <c:v>2762.0645119999999</c:v>
                </c:pt>
                <c:pt idx="655">
                  <c:v>2763.993328</c:v>
                </c:pt>
                <c:pt idx="656">
                  <c:v>2765.9221440000001</c:v>
                </c:pt>
                <c:pt idx="657">
                  <c:v>2767.8509600000002</c:v>
                </c:pt>
                <c:pt idx="658">
                  <c:v>2769.7797759999999</c:v>
                </c:pt>
                <c:pt idx="659">
                  <c:v>2771.708592</c:v>
                </c:pt>
                <c:pt idx="660">
                  <c:v>2773.6374080000001</c:v>
                </c:pt>
                <c:pt idx="661">
                  <c:v>2775.5662240000001</c:v>
                </c:pt>
                <c:pt idx="662">
                  <c:v>2777.4950399999998</c:v>
                </c:pt>
                <c:pt idx="663">
                  <c:v>2779.4238559999999</c:v>
                </c:pt>
                <c:pt idx="664">
                  <c:v>2781.352672</c:v>
                </c:pt>
                <c:pt idx="665">
                  <c:v>2783.2814880000001</c:v>
                </c:pt>
                <c:pt idx="666">
                  <c:v>2785.2103040000002</c:v>
                </c:pt>
                <c:pt idx="667">
                  <c:v>2787.1391199999998</c:v>
                </c:pt>
                <c:pt idx="668">
                  <c:v>2789.0679359999999</c:v>
                </c:pt>
                <c:pt idx="669">
                  <c:v>2790.996752</c:v>
                </c:pt>
                <c:pt idx="670">
                  <c:v>2792.9255680000001</c:v>
                </c:pt>
                <c:pt idx="671">
                  <c:v>2794.8543840000002</c:v>
                </c:pt>
                <c:pt idx="672">
                  <c:v>2796.7831999999999</c:v>
                </c:pt>
                <c:pt idx="673">
                  <c:v>2798.7120159999999</c:v>
                </c:pt>
                <c:pt idx="674">
                  <c:v>2800.640832</c:v>
                </c:pt>
                <c:pt idx="675">
                  <c:v>2802.5696480000001</c:v>
                </c:pt>
                <c:pt idx="676">
                  <c:v>2804.4984639999998</c:v>
                </c:pt>
                <c:pt idx="677">
                  <c:v>2806.4272799999999</c:v>
                </c:pt>
                <c:pt idx="678">
                  <c:v>2808.356096</c:v>
                </c:pt>
                <c:pt idx="679">
                  <c:v>2810.2849120000001</c:v>
                </c:pt>
                <c:pt idx="680">
                  <c:v>2812.2137280000002</c:v>
                </c:pt>
                <c:pt idx="681">
                  <c:v>2814.1425439999998</c:v>
                </c:pt>
                <c:pt idx="682">
                  <c:v>2816.0713599999999</c:v>
                </c:pt>
                <c:pt idx="683">
                  <c:v>2818.000176</c:v>
                </c:pt>
                <c:pt idx="684">
                  <c:v>2819.9289920000001</c:v>
                </c:pt>
                <c:pt idx="685">
                  <c:v>2821.8578080000002</c:v>
                </c:pt>
                <c:pt idx="686">
                  <c:v>2823.7866239999998</c:v>
                </c:pt>
                <c:pt idx="687">
                  <c:v>2825.7154399999999</c:v>
                </c:pt>
                <c:pt idx="688">
                  <c:v>2827.644256</c:v>
                </c:pt>
                <c:pt idx="689">
                  <c:v>2829.5730720000001</c:v>
                </c:pt>
                <c:pt idx="690">
                  <c:v>2831.5018879999998</c:v>
                </c:pt>
                <c:pt idx="691">
                  <c:v>2833.4307039999999</c:v>
                </c:pt>
                <c:pt idx="692">
                  <c:v>2835.35952</c:v>
                </c:pt>
                <c:pt idx="693">
                  <c:v>2837.2883360000001</c:v>
                </c:pt>
                <c:pt idx="694">
                  <c:v>2839.2171520000002</c:v>
                </c:pt>
                <c:pt idx="695">
                  <c:v>2841.1459679999998</c:v>
                </c:pt>
                <c:pt idx="696">
                  <c:v>2843.0747839999999</c:v>
                </c:pt>
                <c:pt idx="697">
                  <c:v>2845.0036</c:v>
                </c:pt>
                <c:pt idx="698">
                  <c:v>2846.9324160000001</c:v>
                </c:pt>
                <c:pt idx="699">
                  <c:v>2848.8612320000002</c:v>
                </c:pt>
                <c:pt idx="700">
                  <c:v>2850.7900479999998</c:v>
                </c:pt>
                <c:pt idx="701">
                  <c:v>2852.7188639999999</c:v>
                </c:pt>
                <c:pt idx="702">
                  <c:v>2854.64768</c:v>
                </c:pt>
                <c:pt idx="703">
                  <c:v>2856.5764960000001</c:v>
                </c:pt>
                <c:pt idx="704">
                  <c:v>2858.5053119999998</c:v>
                </c:pt>
                <c:pt idx="705">
                  <c:v>2860.4341279999999</c:v>
                </c:pt>
                <c:pt idx="706">
                  <c:v>2862.362944</c:v>
                </c:pt>
                <c:pt idx="707">
                  <c:v>2864.2917600000001</c:v>
                </c:pt>
                <c:pt idx="708">
                  <c:v>2866.2205760000002</c:v>
                </c:pt>
                <c:pt idx="709">
                  <c:v>2868.1493919999998</c:v>
                </c:pt>
                <c:pt idx="710">
                  <c:v>2870.0782079999999</c:v>
                </c:pt>
                <c:pt idx="711">
                  <c:v>2872.007024</c:v>
                </c:pt>
                <c:pt idx="712">
                  <c:v>2873.9358400000001</c:v>
                </c:pt>
                <c:pt idx="713">
                  <c:v>2875.8646560000002</c:v>
                </c:pt>
                <c:pt idx="714">
                  <c:v>2877.7934719999998</c:v>
                </c:pt>
                <c:pt idx="715">
                  <c:v>2879.7222879999999</c:v>
                </c:pt>
                <c:pt idx="716">
                  <c:v>2881.651104</c:v>
                </c:pt>
                <c:pt idx="717">
                  <c:v>2883.5799200000001</c:v>
                </c:pt>
                <c:pt idx="718">
                  <c:v>2885.5087360000002</c:v>
                </c:pt>
                <c:pt idx="719">
                  <c:v>2887.4375519999999</c:v>
                </c:pt>
                <c:pt idx="720">
                  <c:v>2889.366368</c:v>
                </c:pt>
                <c:pt idx="721">
                  <c:v>2891.2951840000001</c:v>
                </c:pt>
                <c:pt idx="722">
                  <c:v>2893.2240000000002</c:v>
                </c:pt>
                <c:pt idx="723">
                  <c:v>2895.1528159999998</c:v>
                </c:pt>
                <c:pt idx="724">
                  <c:v>2897.0816319999999</c:v>
                </c:pt>
                <c:pt idx="725">
                  <c:v>2899.010448</c:v>
                </c:pt>
                <c:pt idx="726">
                  <c:v>2900.9392640000001</c:v>
                </c:pt>
                <c:pt idx="727">
                  <c:v>2902.8680800000002</c:v>
                </c:pt>
                <c:pt idx="728">
                  <c:v>2904.7968959999998</c:v>
                </c:pt>
                <c:pt idx="729">
                  <c:v>2906.7257119999999</c:v>
                </c:pt>
                <c:pt idx="730">
                  <c:v>2908.654528</c:v>
                </c:pt>
                <c:pt idx="731">
                  <c:v>2910.5833440000001</c:v>
                </c:pt>
                <c:pt idx="732">
                  <c:v>2912.5121600000002</c:v>
                </c:pt>
                <c:pt idx="733">
                  <c:v>2914.4409759999999</c:v>
                </c:pt>
                <c:pt idx="734">
                  <c:v>2916.369792</c:v>
                </c:pt>
                <c:pt idx="735">
                  <c:v>2918.2986080000001</c:v>
                </c:pt>
                <c:pt idx="736">
                  <c:v>2920.2274240000002</c:v>
                </c:pt>
                <c:pt idx="737">
                  <c:v>2922.1562399999998</c:v>
                </c:pt>
                <c:pt idx="738">
                  <c:v>2924.0850559999999</c:v>
                </c:pt>
                <c:pt idx="739">
                  <c:v>2926.013872</c:v>
                </c:pt>
                <c:pt idx="740">
                  <c:v>2927.9426880000001</c:v>
                </c:pt>
                <c:pt idx="741">
                  <c:v>2929.8715040000002</c:v>
                </c:pt>
                <c:pt idx="742">
                  <c:v>2931.8003199999998</c:v>
                </c:pt>
                <c:pt idx="743">
                  <c:v>2933.7291359999999</c:v>
                </c:pt>
                <c:pt idx="744">
                  <c:v>2935.657952</c:v>
                </c:pt>
                <c:pt idx="745">
                  <c:v>2937.5867680000001</c:v>
                </c:pt>
                <c:pt idx="746">
                  <c:v>2939.5155840000002</c:v>
                </c:pt>
                <c:pt idx="747">
                  <c:v>2941.4443999999999</c:v>
                </c:pt>
                <c:pt idx="748">
                  <c:v>2943.373216</c:v>
                </c:pt>
                <c:pt idx="749">
                  <c:v>2945.3020320000001</c:v>
                </c:pt>
                <c:pt idx="750">
                  <c:v>2947.2308480000002</c:v>
                </c:pt>
                <c:pt idx="751">
                  <c:v>2949.1596639999998</c:v>
                </c:pt>
                <c:pt idx="752">
                  <c:v>2951.0884799999999</c:v>
                </c:pt>
                <c:pt idx="753">
                  <c:v>2953.017296</c:v>
                </c:pt>
                <c:pt idx="754">
                  <c:v>2954.9461120000001</c:v>
                </c:pt>
                <c:pt idx="755">
                  <c:v>2956.8749280000002</c:v>
                </c:pt>
                <c:pt idx="756">
                  <c:v>2958.8037439999998</c:v>
                </c:pt>
                <c:pt idx="757">
                  <c:v>2960.7325599999999</c:v>
                </c:pt>
                <c:pt idx="758">
                  <c:v>2962.661376</c:v>
                </c:pt>
                <c:pt idx="759">
                  <c:v>2964.5901920000001</c:v>
                </c:pt>
                <c:pt idx="760">
                  <c:v>2966.5190080000002</c:v>
                </c:pt>
                <c:pt idx="761">
                  <c:v>2968.4478239999999</c:v>
                </c:pt>
                <c:pt idx="762">
                  <c:v>2970.37664</c:v>
                </c:pt>
                <c:pt idx="763">
                  <c:v>2972.305456</c:v>
                </c:pt>
                <c:pt idx="764">
                  <c:v>2974.2342720000001</c:v>
                </c:pt>
                <c:pt idx="765">
                  <c:v>2976.1630879999998</c:v>
                </c:pt>
                <c:pt idx="766">
                  <c:v>2978.0919039999999</c:v>
                </c:pt>
                <c:pt idx="767">
                  <c:v>2980.02072</c:v>
                </c:pt>
                <c:pt idx="768">
                  <c:v>2981.9495360000001</c:v>
                </c:pt>
                <c:pt idx="769">
                  <c:v>2983.8783520000002</c:v>
                </c:pt>
                <c:pt idx="770">
                  <c:v>2985.8071679999998</c:v>
                </c:pt>
                <c:pt idx="771">
                  <c:v>2987.7359839999999</c:v>
                </c:pt>
                <c:pt idx="772">
                  <c:v>2989.6648</c:v>
                </c:pt>
                <c:pt idx="773">
                  <c:v>2991.5936160000001</c:v>
                </c:pt>
                <c:pt idx="774">
                  <c:v>2993.5224320000002</c:v>
                </c:pt>
                <c:pt idx="775">
                  <c:v>2995.4512479999999</c:v>
                </c:pt>
                <c:pt idx="776">
                  <c:v>2997.3800639999999</c:v>
                </c:pt>
                <c:pt idx="777">
                  <c:v>2999.30888</c:v>
                </c:pt>
                <c:pt idx="778">
                  <c:v>3001.2376960000001</c:v>
                </c:pt>
                <c:pt idx="779">
                  <c:v>3003.1665119999998</c:v>
                </c:pt>
                <c:pt idx="780">
                  <c:v>3005.0953279999999</c:v>
                </c:pt>
                <c:pt idx="781">
                  <c:v>3007.024144</c:v>
                </c:pt>
                <c:pt idx="782">
                  <c:v>3008.9529600000001</c:v>
                </c:pt>
                <c:pt idx="783">
                  <c:v>3010.8817760000002</c:v>
                </c:pt>
                <c:pt idx="784">
                  <c:v>3012.8105919999998</c:v>
                </c:pt>
                <c:pt idx="785">
                  <c:v>3014.7394079999999</c:v>
                </c:pt>
                <c:pt idx="786">
                  <c:v>3016.668224</c:v>
                </c:pt>
                <c:pt idx="787">
                  <c:v>3018.5970400000001</c:v>
                </c:pt>
                <c:pt idx="788">
                  <c:v>3020.5258560000002</c:v>
                </c:pt>
                <c:pt idx="789">
                  <c:v>3022.4546719999998</c:v>
                </c:pt>
                <c:pt idx="790">
                  <c:v>3024.3834879999999</c:v>
                </c:pt>
                <c:pt idx="791">
                  <c:v>3026.312304</c:v>
                </c:pt>
                <c:pt idx="792">
                  <c:v>3028.2411200000001</c:v>
                </c:pt>
                <c:pt idx="793">
                  <c:v>3030.1699359999998</c:v>
                </c:pt>
                <c:pt idx="794">
                  <c:v>3032.0987519999999</c:v>
                </c:pt>
                <c:pt idx="795">
                  <c:v>3034.027568</c:v>
                </c:pt>
                <c:pt idx="796">
                  <c:v>3035.9563840000001</c:v>
                </c:pt>
                <c:pt idx="797">
                  <c:v>3037.8852000000002</c:v>
                </c:pt>
                <c:pt idx="798">
                  <c:v>3039.8140159999998</c:v>
                </c:pt>
                <c:pt idx="799">
                  <c:v>3041.7428319999999</c:v>
                </c:pt>
                <c:pt idx="800">
                  <c:v>3043.671648</c:v>
                </c:pt>
                <c:pt idx="801">
                  <c:v>3045.6004640000001</c:v>
                </c:pt>
                <c:pt idx="802">
                  <c:v>3047.5292800000002</c:v>
                </c:pt>
                <c:pt idx="803">
                  <c:v>3049.4580959999998</c:v>
                </c:pt>
                <c:pt idx="804">
                  <c:v>3051.3869119999999</c:v>
                </c:pt>
                <c:pt idx="805">
                  <c:v>3053.315728</c:v>
                </c:pt>
                <c:pt idx="806">
                  <c:v>3055.2445440000001</c:v>
                </c:pt>
                <c:pt idx="807">
                  <c:v>3057.1733599999998</c:v>
                </c:pt>
                <c:pt idx="808">
                  <c:v>3059.1021759999999</c:v>
                </c:pt>
                <c:pt idx="809">
                  <c:v>3061.030992</c:v>
                </c:pt>
                <c:pt idx="810">
                  <c:v>3062.9598080000001</c:v>
                </c:pt>
                <c:pt idx="811">
                  <c:v>3064.8886240000002</c:v>
                </c:pt>
                <c:pt idx="812">
                  <c:v>3066.8174399999998</c:v>
                </c:pt>
                <c:pt idx="813">
                  <c:v>3068.7462559999999</c:v>
                </c:pt>
                <c:pt idx="814">
                  <c:v>3070.675072</c:v>
                </c:pt>
                <c:pt idx="815">
                  <c:v>3072.6038880000001</c:v>
                </c:pt>
                <c:pt idx="816">
                  <c:v>3074.5327040000002</c:v>
                </c:pt>
                <c:pt idx="817">
                  <c:v>3076.4615199999998</c:v>
                </c:pt>
                <c:pt idx="818">
                  <c:v>3078.3903359999999</c:v>
                </c:pt>
                <c:pt idx="819">
                  <c:v>3080.319152</c:v>
                </c:pt>
                <c:pt idx="820">
                  <c:v>3082.2479680000001</c:v>
                </c:pt>
                <c:pt idx="821">
                  <c:v>3084.1767840000002</c:v>
                </c:pt>
                <c:pt idx="822">
                  <c:v>3086.1055999999999</c:v>
                </c:pt>
                <c:pt idx="823">
                  <c:v>3088.034416</c:v>
                </c:pt>
                <c:pt idx="824">
                  <c:v>3089.9632320000001</c:v>
                </c:pt>
                <c:pt idx="825">
                  <c:v>3091.8920480000002</c:v>
                </c:pt>
                <c:pt idx="826">
                  <c:v>3093.8208639999998</c:v>
                </c:pt>
                <c:pt idx="827">
                  <c:v>3095.7496799999999</c:v>
                </c:pt>
                <c:pt idx="828">
                  <c:v>3097.678496</c:v>
                </c:pt>
                <c:pt idx="829">
                  <c:v>3099.6073120000001</c:v>
                </c:pt>
                <c:pt idx="830">
                  <c:v>3101.5361280000002</c:v>
                </c:pt>
                <c:pt idx="831">
                  <c:v>3103.4649439999998</c:v>
                </c:pt>
                <c:pt idx="832">
                  <c:v>3105.3937599999999</c:v>
                </c:pt>
                <c:pt idx="833">
                  <c:v>3107.322576</c:v>
                </c:pt>
                <c:pt idx="834">
                  <c:v>3109.2513920000001</c:v>
                </c:pt>
                <c:pt idx="835">
                  <c:v>3111.1802080000002</c:v>
                </c:pt>
                <c:pt idx="836">
                  <c:v>3113.1090239999999</c:v>
                </c:pt>
                <c:pt idx="837">
                  <c:v>3115.03784</c:v>
                </c:pt>
                <c:pt idx="838">
                  <c:v>3116.9666560000001</c:v>
                </c:pt>
                <c:pt idx="839">
                  <c:v>3118.8954720000002</c:v>
                </c:pt>
                <c:pt idx="840">
                  <c:v>3120.8242879999998</c:v>
                </c:pt>
                <c:pt idx="841">
                  <c:v>3122.7531039999999</c:v>
                </c:pt>
                <c:pt idx="842">
                  <c:v>3124.68192</c:v>
                </c:pt>
                <c:pt idx="843">
                  <c:v>3126.6107360000001</c:v>
                </c:pt>
                <c:pt idx="844">
                  <c:v>3128.5395520000002</c:v>
                </c:pt>
                <c:pt idx="845">
                  <c:v>3130.4683679999998</c:v>
                </c:pt>
                <c:pt idx="846">
                  <c:v>3132.3971839999999</c:v>
                </c:pt>
                <c:pt idx="847">
                  <c:v>3134.326</c:v>
                </c:pt>
                <c:pt idx="848">
                  <c:v>3136.2548160000001</c:v>
                </c:pt>
                <c:pt idx="849">
                  <c:v>3138.1836320000002</c:v>
                </c:pt>
                <c:pt idx="850">
                  <c:v>3140.1124479999999</c:v>
                </c:pt>
                <c:pt idx="851">
                  <c:v>3142.041264</c:v>
                </c:pt>
                <c:pt idx="852">
                  <c:v>3143.9700800000001</c:v>
                </c:pt>
                <c:pt idx="853">
                  <c:v>3145.8988960000001</c:v>
                </c:pt>
                <c:pt idx="854">
                  <c:v>3147.8277119999998</c:v>
                </c:pt>
                <c:pt idx="855">
                  <c:v>3149.7565279999999</c:v>
                </c:pt>
                <c:pt idx="856">
                  <c:v>3151.685344</c:v>
                </c:pt>
                <c:pt idx="857">
                  <c:v>3153.6141600000001</c:v>
                </c:pt>
                <c:pt idx="858">
                  <c:v>3155.5429760000002</c:v>
                </c:pt>
                <c:pt idx="859">
                  <c:v>3157.4717919999998</c:v>
                </c:pt>
                <c:pt idx="860">
                  <c:v>3159.4006079999999</c:v>
                </c:pt>
                <c:pt idx="861">
                  <c:v>3161.329424</c:v>
                </c:pt>
                <c:pt idx="862">
                  <c:v>3163.2582400000001</c:v>
                </c:pt>
                <c:pt idx="863">
                  <c:v>3165.1870560000002</c:v>
                </c:pt>
                <c:pt idx="864">
                  <c:v>3167.1158719999999</c:v>
                </c:pt>
                <c:pt idx="865">
                  <c:v>3169.044688</c:v>
                </c:pt>
                <c:pt idx="866">
                  <c:v>3170.973504</c:v>
                </c:pt>
                <c:pt idx="867">
                  <c:v>3172.9023200000001</c:v>
                </c:pt>
                <c:pt idx="868">
                  <c:v>3174.8311359999998</c:v>
                </c:pt>
                <c:pt idx="869">
                  <c:v>3176.7599519999999</c:v>
                </c:pt>
                <c:pt idx="870">
                  <c:v>3178.688768</c:v>
                </c:pt>
                <c:pt idx="871">
                  <c:v>3180.6175840000001</c:v>
                </c:pt>
                <c:pt idx="872">
                  <c:v>3182.5464000000002</c:v>
                </c:pt>
                <c:pt idx="873">
                  <c:v>3184.4752159999998</c:v>
                </c:pt>
                <c:pt idx="874">
                  <c:v>3186.4040319999999</c:v>
                </c:pt>
                <c:pt idx="875">
                  <c:v>3188.332848</c:v>
                </c:pt>
                <c:pt idx="876">
                  <c:v>3190.2616640000001</c:v>
                </c:pt>
                <c:pt idx="877">
                  <c:v>3192.1904800000002</c:v>
                </c:pt>
                <c:pt idx="878">
                  <c:v>3194.1192959999998</c:v>
                </c:pt>
                <c:pt idx="879">
                  <c:v>3196.0481119999999</c:v>
                </c:pt>
                <c:pt idx="880">
                  <c:v>3197.976928</c:v>
                </c:pt>
                <c:pt idx="881">
                  <c:v>3199.9057440000001</c:v>
                </c:pt>
                <c:pt idx="882">
                  <c:v>3201.8345599999998</c:v>
                </c:pt>
                <c:pt idx="883">
                  <c:v>3203.7633759999999</c:v>
                </c:pt>
                <c:pt idx="884">
                  <c:v>3205.692192</c:v>
                </c:pt>
                <c:pt idx="885">
                  <c:v>3207.6210080000001</c:v>
                </c:pt>
                <c:pt idx="886">
                  <c:v>3209.5498240000002</c:v>
                </c:pt>
                <c:pt idx="887">
                  <c:v>3211.4786399999998</c:v>
                </c:pt>
                <c:pt idx="888">
                  <c:v>3213.4074559999999</c:v>
                </c:pt>
                <c:pt idx="889">
                  <c:v>3215.336272</c:v>
                </c:pt>
                <c:pt idx="890">
                  <c:v>3217.2650880000001</c:v>
                </c:pt>
                <c:pt idx="891">
                  <c:v>3219.1939040000002</c:v>
                </c:pt>
                <c:pt idx="892">
                  <c:v>3221.1227199999998</c:v>
                </c:pt>
                <c:pt idx="893">
                  <c:v>3223.0515359999999</c:v>
                </c:pt>
                <c:pt idx="894">
                  <c:v>3224.980352</c:v>
                </c:pt>
                <c:pt idx="895">
                  <c:v>3226.9091680000001</c:v>
                </c:pt>
                <c:pt idx="896">
                  <c:v>3228.8379839999998</c:v>
                </c:pt>
                <c:pt idx="897">
                  <c:v>3230.7667999999999</c:v>
                </c:pt>
                <c:pt idx="898">
                  <c:v>3232.695616</c:v>
                </c:pt>
                <c:pt idx="899">
                  <c:v>3234.6244320000001</c:v>
                </c:pt>
                <c:pt idx="900">
                  <c:v>3236.5532480000002</c:v>
                </c:pt>
                <c:pt idx="901">
                  <c:v>3238.4820639999998</c:v>
                </c:pt>
                <c:pt idx="902">
                  <c:v>3240.4108799999999</c:v>
                </c:pt>
                <c:pt idx="903">
                  <c:v>3242.339696</c:v>
                </c:pt>
                <c:pt idx="904">
                  <c:v>3244.2685120000001</c:v>
                </c:pt>
                <c:pt idx="905">
                  <c:v>3246.1973280000002</c:v>
                </c:pt>
                <c:pt idx="906">
                  <c:v>3248.1261439999998</c:v>
                </c:pt>
                <c:pt idx="907">
                  <c:v>3250.0549599999999</c:v>
                </c:pt>
                <c:pt idx="908">
                  <c:v>3251.983776</c:v>
                </c:pt>
                <c:pt idx="909">
                  <c:v>3253.9125920000001</c:v>
                </c:pt>
                <c:pt idx="910">
                  <c:v>3255.8414079999998</c:v>
                </c:pt>
                <c:pt idx="911">
                  <c:v>3257.7702239999999</c:v>
                </c:pt>
                <c:pt idx="912">
                  <c:v>3259.69904</c:v>
                </c:pt>
                <c:pt idx="913">
                  <c:v>3261.6278560000001</c:v>
                </c:pt>
                <c:pt idx="914">
                  <c:v>3263.5566720000002</c:v>
                </c:pt>
                <c:pt idx="915">
                  <c:v>3265.4854879999998</c:v>
                </c:pt>
                <c:pt idx="916">
                  <c:v>3267.4143039999999</c:v>
                </c:pt>
                <c:pt idx="917">
                  <c:v>3269.34312</c:v>
                </c:pt>
                <c:pt idx="918">
                  <c:v>3271.2719360000001</c:v>
                </c:pt>
                <c:pt idx="919">
                  <c:v>3273.2007520000002</c:v>
                </c:pt>
                <c:pt idx="920">
                  <c:v>3275.1295679999998</c:v>
                </c:pt>
                <c:pt idx="921">
                  <c:v>3277.0583839999999</c:v>
                </c:pt>
                <c:pt idx="922">
                  <c:v>3278.9872</c:v>
                </c:pt>
                <c:pt idx="923">
                  <c:v>3280.9160160000001</c:v>
                </c:pt>
                <c:pt idx="924">
                  <c:v>3282.8448320000002</c:v>
                </c:pt>
                <c:pt idx="925">
                  <c:v>3284.7736479999999</c:v>
                </c:pt>
                <c:pt idx="926">
                  <c:v>3286.702464</c:v>
                </c:pt>
                <c:pt idx="927">
                  <c:v>3288.6312800000001</c:v>
                </c:pt>
                <c:pt idx="928">
                  <c:v>3290.5600960000002</c:v>
                </c:pt>
                <c:pt idx="929">
                  <c:v>3292.4889119999998</c:v>
                </c:pt>
                <c:pt idx="930">
                  <c:v>3294.4177279999999</c:v>
                </c:pt>
                <c:pt idx="931">
                  <c:v>3296.346544</c:v>
                </c:pt>
                <c:pt idx="932">
                  <c:v>3298.2753600000001</c:v>
                </c:pt>
                <c:pt idx="933">
                  <c:v>3300.2041760000002</c:v>
                </c:pt>
                <c:pt idx="934">
                  <c:v>3302.1329919999998</c:v>
                </c:pt>
                <c:pt idx="935">
                  <c:v>3304.0618079999999</c:v>
                </c:pt>
                <c:pt idx="936">
                  <c:v>3305.990624</c:v>
                </c:pt>
                <c:pt idx="937">
                  <c:v>3307.9194400000001</c:v>
                </c:pt>
                <c:pt idx="938">
                  <c:v>3309.8482560000002</c:v>
                </c:pt>
                <c:pt idx="939">
                  <c:v>3311.7770719999999</c:v>
                </c:pt>
                <c:pt idx="940">
                  <c:v>3313.705888</c:v>
                </c:pt>
                <c:pt idx="941">
                  <c:v>3315.6347040000001</c:v>
                </c:pt>
                <c:pt idx="942">
                  <c:v>3317.5635200000002</c:v>
                </c:pt>
                <c:pt idx="943">
                  <c:v>3319.4923359999998</c:v>
                </c:pt>
                <c:pt idx="944">
                  <c:v>3321.4211519999999</c:v>
                </c:pt>
                <c:pt idx="945">
                  <c:v>3323.349968</c:v>
                </c:pt>
                <c:pt idx="946">
                  <c:v>3325.2787840000001</c:v>
                </c:pt>
                <c:pt idx="947">
                  <c:v>3327.2076000000002</c:v>
                </c:pt>
                <c:pt idx="948">
                  <c:v>3329.1364159999998</c:v>
                </c:pt>
                <c:pt idx="949">
                  <c:v>3331.0652319999999</c:v>
                </c:pt>
                <c:pt idx="950">
                  <c:v>3332.994048</c:v>
                </c:pt>
                <c:pt idx="951">
                  <c:v>3334.9228640000001</c:v>
                </c:pt>
                <c:pt idx="952">
                  <c:v>3336.8516800000002</c:v>
                </c:pt>
                <c:pt idx="953">
                  <c:v>3338.7804959999999</c:v>
                </c:pt>
                <c:pt idx="954">
                  <c:v>3340.709312</c:v>
                </c:pt>
                <c:pt idx="955">
                  <c:v>3342.6381280000001</c:v>
                </c:pt>
                <c:pt idx="956">
                  <c:v>3344.5669440000001</c:v>
                </c:pt>
                <c:pt idx="957">
                  <c:v>3346.4957599999998</c:v>
                </c:pt>
                <c:pt idx="958">
                  <c:v>3348.4245759999999</c:v>
                </c:pt>
                <c:pt idx="959">
                  <c:v>3350.353392</c:v>
                </c:pt>
                <c:pt idx="960">
                  <c:v>3352.2822080000001</c:v>
                </c:pt>
                <c:pt idx="961">
                  <c:v>3354.2110240000002</c:v>
                </c:pt>
                <c:pt idx="962">
                  <c:v>3356.1398399999998</c:v>
                </c:pt>
                <c:pt idx="963">
                  <c:v>3358.0686559999999</c:v>
                </c:pt>
                <c:pt idx="964">
                  <c:v>3359.997472</c:v>
                </c:pt>
                <c:pt idx="965">
                  <c:v>3361.9262880000001</c:v>
                </c:pt>
                <c:pt idx="966">
                  <c:v>3363.8551040000002</c:v>
                </c:pt>
                <c:pt idx="967">
                  <c:v>3365.7839199999999</c:v>
                </c:pt>
                <c:pt idx="968">
                  <c:v>3367.7127359999999</c:v>
                </c:pt>
                <c:pt idx="969">
                  <c:v>3369.641552</c:v>
                </c:pt>
                <c:pt idx="970">
                  <c:v>3371.5703680000001</c:v>
                </c:pt>
                <c:pt idx="971">
                  <c:v>3373.4991839999998</c:v>
                </c:pt>
                <c:pt idx="972">
                  <c:v>3375.4279999999999</c:v>
                </c:pt>
                <c:pt idx="973">
                  <c:v>3377.356816</c:v>
                </c:pt>
                <c:pt idx="974">
                  <c:v>3379.2856320000001</c:v>
                </c:pt>
                <c:pt idx="975">
                  <c:v>3381.2144480000002</c:v>
                </c:pt>
                <c:pt idx="976">
                  <c:v>3383.1432639999998</c:v>
                </c:pt>
                <c:pt idx="977">
                  <c:v>3385.0720799999999</c:v>
                </c:pt>
                <c:pt idx="978">
                  <c:v>3387.000896</c:v>
                </c:pt>
                <c:pt idx="979">
                  <c:v>3388.9297120000001</c:v>
                </c:pt>
                <c:pt idx="980">
                  <c:v>3390.8585280000002</c:v>
                </c:pt>
                <c:pt idx="981">
                  <c:v>3392.7873439999998</c:v>
                </c:pt>
                <c:pt idx="982">
                  <c:v>3394.7161599999999</c:v>
                </c:pt>
                <c:pt idx="983">
                  <c:v>3396.644976</c:v>
                </c:pt>
                <c:pt idx="984">
                  <c:v>3398.5737920000001</c:v>
                </c:pt>
                <c:pt idx="985">
                  <c:v>3400.5026079999998</c:v>
                </c:pt>
                <c:pt idx="986">
                  <c:v>3402.4314239999999</c:v>
                </c:pt>
                <c:pt idx="987">
                  <c:v>3404.36024</c:v>
                </c:pt>
                <c:pt idx="988">
                  <c:v>3406.2890560000001</c:v>
                </c:pt>
                <c:pt idx="989">
                  <c:v>3408.2178720000002</c:v>
                </c:pt>
                <c:pt idx="990">
                  <c:v>3410.1466879999998</c:v>
                </c:pt>
                <c:pt idx="991">
                  <c:v>3412.0755039999999</c:v>
                </c:pt>
                <c:pt idx="992">
                  <c:v>3414.00432</c:v>
                </c:pt>
                <c:pt idx="993">
                  <c:v>3415.9331360000001</c:v>
                </c:pt>
                <c:pt idx="994">
                  <c:v>3417.8619520000002</c:v>
                </c:pt>
                <c:pt idx="995">
                  <c:v>3419.7907679999998</c:v>
                </c:pt>
                <c:pt idx="996">
                  <c:v>3421.7195839999999</c:v>
                </c:pt>
                <c:pt idx="997">
                  <c:v>3423.6484</c:v>
                </c:pt>
                <c:pt idx="998">
                  <c:v>3425.5772160000001</c:v>
                </c:pt>
                <c:pt idx="999">
                  <c:v>3427.5060319999998</c:v>
                </c:pt>
                <c:pt idx="1000">
                  <c:v>3429.4348479999999</c:v>
                </c:pt>
                <c:pt idx="1001">
                  <c:v>3431.363664</c:v>
                </c:pt>
                <c:pt idx="1002">
                  <c:v>3433.2924800000001</c:v>
                </c:pt>
                <c:pt idx="1003">
                  <c:v>3435.2212960000002</c:v>
                </c:pt>
                <c:pt idx="1004">
                  <c:v>3437.1501119999998</c:v>
                </c:pt>
                <c:pt idx="1005">
                  <c:v>3439.0789279999999</c:v>
                </c:pt>
                <c:pt idx="1006">
                  <c:v>3441.007744</c:v>
                </c:pt>
                <c:pt idx="1007">
                  <c:v>3442.9365600000001</c:v>
                </c:pt>
                <c:pt idx="1008">
                  <c:v>3444.8653760000002</c:v>
                </c:pt>
                <c:pt idx="1009">
                  <c:v>3446.7941919999998</c:v>
                </c:pt>
                <c:pt idx="1010">
                  <c:v>3448.7230079999999</c:v>
                </c:pt>
                <c:pt idx="1011">
                  <c:v>3450.651824</c:v>
                </c:pt>
                <c:pt idx="1012">
                  <c:v>3452.5806400000001</c:v>
                </c:pt>
                <c:pt idx="1013">
                  <c:v>3454.5094559999998</c:v>
                </c:pt>
                <c:pt idx="1014">
                  <c:v>3456.4382719999999</c:v>
                </c:pt>
                <c:pt idx="1015">
                  <c:v>3458.367088</c:v>
                </c:pt>
                <c:pt idx="1016">
                  <c:v>3460.2959040000001</c:v>
                </c:pt>
                <c:pt idx="1017">
                  <c:v>3462.2247200000002</c:v>
                </c:pt>
                <c:pt idx="1018">
                  <c:v>3464.1535359999998</c:v>
                </c:pt>
                <c:pt idx="1019">
                  <c:v>3466.0823519999999</c:v>
                </c:pt>
                <c:pt idx="1020">
                  <c:v>3468.011168</c:v>
                </c:pt>
                <c:pt idx="1021">
                  <c:v>3469.9399840000001</c:v>
                </c:pt>
                <c:pt idx="1022">
                  <c:v>3471.8688000000002</c:v>
                </c:pt>
                <c:pt idx="1023">
                  <c:v>3473.7976159999998</c:v>
                </c:pt>
                <c:pt idx="1024">
                  <c:v>3475.7264319999999</c:v>
                </c:pt>
                <c:pt idx="1025">
                  <c:v>3477.655248</c:v>
                </c:pt>
                <c:pt idx="1026">
                  <c:v>3479.5840640000001</c:v>
                </c:pt>
                <c:pt idx="1027">
                  <c:v>3481.5128800000002</c:v>
                </c:pt>
                <c:pt idx="1028">
                  <c:v>3483.4416959999999</c:v>
                </c:pt>
                <c:pt idx="1029">
                  <c:v>3485.370512</c:v>
                </c:pt>
                <c:pt idx="1030">
                  <c:v>3487.2993280000001</c:v>
                </c:pt>
                <c:pt idx="1031">
                  <c:v>3489.2281440000002</c:v>
                </c:pt>
                <c:pt idx="1032">
                  <c:v>3491.1569599999998</c:v>
                </c:pt>
                <c:pt idx="1033">
                  <c:v>3493.0857759999999</c:v>
                </c:pt>
                <c:pt idx="1034">
                  <c:v>3495.014592</c:v>
                </c:pt>
                <c:pt idx="1035">
                  <c:v>3496.9434080000001</c:v>
                </c:pt>
                <c:pt idx="1036">
                  <c:v>3498.8722240000002</c:v>
                </c:pt>
                <c:pt idx="1037">
                  <c:v>3500.8010399999998</c:v>
                </c:pt>
                <c:pt idx="1038">
                  <c:v>3502.7298559999999</c:v>
                </c:pt>
                <c:pt idx="1039">
                  <c:v>3504.658672</c:v>
                </c:pt>
                <c:pt idx="1040">
                  <c:v>3506.5874880000001</c:v>
                </c:pt>
                <c:pt idx="1041">
                  <c:v>3508.5163040000002</c:v>
                </c:pt>
                <c:pt idx="1042">
                  <c:v>3510.4451199999999</c:v>
                </c:pt>
                <c:pt idx="1043">
                  <c:v>3512.373936</c:v>
                </c:pt>
                <c:pt idx="1044">
                  <c:v>3514.3027520000001</c:v>
                </c:pt>
                <c:pt idx="1045">
                  <c:v>3516.2315680000002</c:v>
                </c:pt>
                <c:pt idx="1046">
                  <c:v>3518.1603839999998</c:v>
                </c:pt>
                <c:pt idx="1047">
                  <c:v>3520.0891999999999</c:v>
                </c:pt>
                <c:pt idx="1048">
                  <c:v>3522.018016</c:v>
                </c:pt>
                <c:pt idx="1049">
                  <c:v>3523.9468320000001</c:v>
                </c:pt>
                <c:pt idx="1050">
                  <c:v>3525.8756480000002</c:v>
                </c:pt>
                <c:pt idx="1051">
                  <c:v>3527.8044639999998</c:v>
                </c:pt>
                <c:pt idx="1052">
                  <c:v>3529.7332799999999</c:v>
                </c:pt>
                <c:pt idx="1053">
                  <c:v>3531.662096</c:v>
                </c:pt>
                <c:pt idx="1054">
                  <c:v>3533.5909120000001</c:v>
                </c:pt>
                <c:pt idx="1055">
                  <c:v>3535.5197280000002</c:v>
                </c:pt>
                <c:pt idx="1056">
                  <c:v>3537.4485439999999</c:v>
                </c:pt>
                <c:pt idx="1057">
                  <c:v>3539.37736</c:v>
                </c:pt>
                <c:pt idx="1058">
                  <c:v>3541.3061760000001</c:v>
                </c:pt>
                <c:pt idx="1059">
                  <c:v>3543.2349920000001</c:v>
                </c:pt>
                <c:pt idx="1060">
                  <c:v>3545.1638079999998</c:v>
                </c:pt>
                <c:pt idx="1061">
                  <c:v>3547.0926239999999</c:v>
                </c:pt>
                <c:pt idx="1062">
                  <c:v>3549.02144</c:v>
                </c:pt>
                <c:pt idx="1063">
                  <c:v>3550.9502560000001</c:v>
                </c:pt>
                <c:pt idx="1064">
                  <c:v>3552.8790720000002</c:v>
                </c:pt>
                <c:pt idx="1065">
                  <c:v>3554.8078879999998</c:v>
                </c:pt>
                <c:pt idx="1066">
                  <c:v>3556.7367039999999</c:v>
                </c:pt>
                <c:pt idx="1067">
                  <c:v>3558.66552</c:v>
                </c:pt>
                <c:pt idx="1068">
                  <c:v>3560.5943360000001</c:v>
                </c:pt>
                <c:pt idx="1069">
                  <c:v>3562.5231520000002</c:v>
                </c:pt>
                <c:pt idx="1070">
                  <c:v>3564.4519679999999</c:v>
                </c:pt>
                <c:pt idx="1071">
                  <c:v>3566.3807839999999</c:v>
                </c:pt>
                <c:pt idx="1072">
                  <c:v>3568.3096</c:v>
                </c:pt>
                <c:pt idx="1073">
                  <c:v>3570.2384160000001</c:v>
                </c:pt>
                <c:pt idx="1074">
                  <c:v>3572.1672319999998</c:v>
                </c:pt>
                <c:pt idx="1075">
                  <c:v>3574.0960479999999</c:v>
                </c:pt>
                <c:pt idx="1076">
                  <c:v>3576.024864</c:v>
                </c:pt>
                <c:pt idx="1077">
                  <c:v>3577.9536800000001</c:v>
                </c:pt>
                <c:pt idx="1078">
                  <c:v>3579.8824960000002</c:v>
                </c:pt>
                <c:pt idx="1079">
                  <c:v>3581.8113119999998</c:v>
                </c:pt>
                <c:pt idx="1080">
                  <c:v>3583.7401279999999</c:v>
                </c:pt>
                <c:pt idx="1081">
                  <c:v>3585.668944</c:v>
                </c:pt>
                <c:pt idx="1082">
                  <c:v>3587.5977600000001</c:v>
                </c:pt>
                <c:pt idx="1083">
                  <c:v>3589.5265760000002</c:v>
                </c:pt>
                <c:pt idx="1084">
                  <c:v>3591.4553919999998</c:v>
                </c:pt>
                <c:pt idx="1085">
                  <c:v>3593.3842079999999</c:v>
                </c:pt>
                <c:pt idx="1086">
                  <c:v>3595.313024</c:v>
                </c:pt>
                <c:pt idx="1087">
                  <c:v>3597.2418400000001</c:v>
                </c:pt>
                <c:pt idx="1088">
                  <c:v>3599.1706559999998</c:v>
                </c:pt>
                <c:pt idx="1089">
                  <c:v>3601.0994719999999</c:v>
                </c:pt>
                <c:pt idx="1090">
                  <c:v>3603.028288</c:v>
                </c:pt>
                <c:pt idx="1091">
                  <c:v>3604.9571040000001</c:v>
                </c:pt>
                <c:pt idx="1092">
                  <c:v>3606.8859200000002</c:v>
                </c:pt>
                <c:pt idx="1093">
                  <c:v>3608.8147359999998</c:v>
                </c:pt>
                <c:pt idx="1094">
                  <c:v>3610.7435519999999</c:v>
                </c:pt>
                <c:pt idx="1095">
                  <c:v>3612.672368</c:v>
                </c:pt>
                <c:pt idx="1096">
                  <c:v>3614.6011840000001</c:v>
                </c:pt>
                <c:pt idx="1097">
                  <c:v>3616.53</c:v>
                </c:pt>
                <c:pt idx="1098">
                  <c:v>3618.4588159999998</c:v>
                </c:pt>
                <c:pt idx="1099">
                  <c:v>3620.3876319999999</c:v>
                </c:pt>
                <c:pt idx="1100">
                  <c:v>3622.316448</c:v>
                </c:pt>
                <c:pt idx="1101">
                  <c:v>3624.2452640000001</c:v>
                </c:pt>
                <c:pt idx="1102">
                  <c:v>3626.1740799999998</c:v>
                </c:pt>
                <c:pt idx="1103">
                  <c:v>3628.1028959999999</c:v>
                </c:pt>
                <c:pt idx="1104">
                  <c:v>3630.031712</c:v>
                </c:pt>
                <c:pt idx="1105">
                  <c:v>3631.9605280000001</c:v>
                </c:pt>
                <c:pt idx="1106">
                  <c:v>3633.8893440000002</c:v>
                </c:pt>
                <c:pt idx="1107">
                  <c:v>3635.8181599999998</c:v>
                </c:pt>
                <c:pt idx="1108">
                  <c:v>3637.7469759999999</c:v>
                </c:pt>
                <c:pt idx="1109">
                  <c:v>3639.675792</c:v>
                </c:pt>
                <c:pt idx="1110">
                  <c:v>3641.6046080000001</c:v>
                </c:pt>
                <c:pt idx="1111">
                  <c:v>3643.5334240000002</c:v>
                </c:pt>
                <c:pt idx="1112">
                  <c:v>3645.4622399999998</c:v>
                </c:pt>
                <c:pt idx="1113">
                  <c:v>3647.3910559999999</c:v>
                </c:pt>
                <c:pt idx="1114">
                  <c:v>3649.319872</c:v>
                </c:pt>
                <c:pt idx="1115">
                  <c:v>3651.2486880000001</c:v>
                </c:pt>
                <c:pt idx="1116">
                  <c:v>3653.1775040000002</c:v>
                </c:pt>
                <c:pt idx="1117">
                  <c:v>3655.1063199999999</c:v>
                </c:pt>
                <c:pt idx="1118">
                  <c:v>3657.035136</c:v>
                </c:pt>
                <c:pt idx="1119">
                  <c:v>3658.9639520000001</c:v>
                </c:pt>
                <c:pt idx="1120">
                  <c:v>3660.8927680000002</c:v>
                </c:pt>
                <c:pt idx="1121">
                  <c:v>3662.8215839999998</c:v>
                </c:pt>
                <c:pt idx="1122">
                  <c:v>3664.7503999999999</c:v>
                </c:pt>
                <c:pt idx="1123">
                  <c:v>3666.679216</c:v>
                </c:pt>
                <c:pt idx="1124">
                  <c:v>3668.6080320000001</c:v>
                </c:pt>
                <c:pt idx="1125">
                  <c:v>3670.5368480000002</c:v>
                </c:pt>
                <c:pt idx="1126">
                  <c:v>3672.4656639999998</c:v>
                </c:pt>
                <c:pt idx="1127">
                  <c:v>3674.3944799999999</c:v>
                </c:pt>
                <c:pt idx="1128">
                  <c:v>3676.323296</c:v>
                </c:pt>
                <c:pt idx="1129">
                  <c:v>3678.2521120000001</c:v>
                </c:pt>
                <c:pt idx="1130">
                  <c:v>3680.1809280000002</c:v>
                </c:pt>
                <c:pt idx="1131">
                  <c:v>3682.1097439999999</c:v>
                </c:pt>
                <c:pt idx="1132">
                  <c:v>3684.03856</c:v>
                </c:pt>
                <c:pt idx="1133">
                  <c:v>3685.9673760000001</c:v>
                </c:pt>
                <c:pt idx="1134">
                  <c:v>3687.8961920000002</c:v>
                </c:pt>
                <c:pt idx="1135">
                  <c:v>3689.8250079999998</c:v>
                </c:pt>
                <c:pt idx="1136">
                  <c:v>3691.7538239999999</c:v>
                </c:pt>
                <c:pt idx="1137">
                  <c:v>3693.68264</c:v>
                </c:pt>
                <c:pt idx="1138">
                  <c:v>3695.6114560000001</c:v>
                </c:pt>
                <c:pt idx="1139">
                  <c:v>3697.5402720000002</c:v>
                </c:pt>
                <c:pt idx="1140">
                  <c:v>3699.4690879999998</c:v>
                </c:pt>
                <c:pt idx="1141">
                  <c:v>3701.3979039999999</c:v>
                </c:pt>
                <c:pt idx="1142">
                  <c:v>3703.32672</c:v>
                </c:pt>
                <c:pt idx="1143">
                  <c:v>3705.2555360000001</c:v>
                </c:pt>
                <c:pt idx="1144">
                  <c:v>3707.1843520000002</c:v>
                </c:pt>
                <c:pt idx="1145">
                  <c:v>3709.1131679999999</c:v>
                </c:pt>
                <c:pt idx="1146">
                  <c:v>3711.041984</c:v>
                </c:pt>
                <c:pt idx="1147">
                  <c:v>3712.9708000000001</c:v>
                </c:pt>
                <c:pt idx="1148">
                  <c:v>3714.8996160000002</c:v>
                </c:pt>
                <c:pt idx="1149">
                  <c:v>3716.8284319999998</c:v>
                </c:pt>
                <c:pt idx="1150">
                  <c:v>3718.7572479999999</c:v>
                </c:pt>
                <c:pt idx="1151">
                  <c:v>3720.686064</c:v>
                </c:pt>
                <c:pt idx="1152">
                  <c:v>3722.6148800000001</c:v>
                </c:pt>
                <c:pt idx="1153">
                  <c:v>3724.5436960000002</c:v>
                </c:pt>
                <c:pt idx="1154">
                  <c:v>3726.4725119999998</c:v>
                </c:pt>
                <c:pt idx="1155">
                  <c:v>3728.4013279999999</c:v>
                </c:pt>
                <c:pt idx="1156">
                  <c:v>3730.330144</c:v>
                </c:pt>
                <c:pt idx="1157">
                  <c:v>3732.2589600000001</c:v>
                </c:pt>
                <c:pt idx="1158">
                  <c:v>3734.1877760000002</c:v>
                </c:pt>
                <c:pt idx="1159">
                  <c:v>3736.1165919999999</c:v>
                </c:pt>
                <c:pt idx="1160">
                  <c:v>3738.045408</c:v>
                </c:pt>
                <c:pt idx="1161">
                  <c:v>3739.974224</c:v>
                </c:pt>
                <c:pt idx="1162">
                  <c:v>3741.9030400000001</c:v>
                </c:pt>
                <c:pt idx="1163">
                  <c:v>3743.8318559999998</c:v>
                </c:pt>
                <c:pt idx="1164">
                  <c:v>3745.7606719999999</c:v>
                </c:pt>
                <c:pt idx="1165">
                  <c:v>3747.689488</c:v>
                </c:pt>
                <c:pt idx="1166">
                  <c:v>3749.6183040000001</c:v>
                </c:pt>
                <c:pt idx="1167">
                  <c:v>3751.5471200000002</c:v>
                </c:pt>
                <c:pt idx="1168">
                  <c:v>3753.4759359999998</c:v>
                </c:pt>
                <c:pt idx="1169">
                  <c:v>3755.4047519999999</c:v>
                </c:pt>
                <c:pt idx="1170">
                  <c:v>3757.333568</c:v>
                </c:pt>
                <c:pt idx="1171">
                  <c:v>3759.2623840000001</c:v>
                </c:pt>
                <c:pt idx="1172">
                  <c:v>3761.1912000000002</c:v>
                </c:pt>
                <c:pt idx="1173">
                  <c:v>3763.1200159999999</c:v>
                </c:pt>
                <c:pt idx="1174">
                  <c:v>3765.0488319999999</c:v>
                </c:pt>
                <c:pt idx="1175">
                  <c:v>3766.977648</c:v>
                </c:pt>
                <c:pt idx="1176">
                  <c:v>3768.9064640000001</c:v>
                </c:pt>
                <c:pt idx="1177">
                  <c:v>3770.8352799999998</c:v>
                </c:pt>
                <c:pt idx="1178">
                  <c:v>3772.7640959999999</c:v>
                </c:pt>
                <c:pt idx="1179">
                  <c:v>3774.692912</c:v>
                </c:pt>
                <c:pt idx="1180">
                  <c:v>3776.6217280000001</c:v>
                </c:pt>
                <c:pt idx="1181">
                  <c:v>3778.5505440000002</c:v>
                </c:pt>
                <c:pt idx="1182">
                  <c:v>3780.4793599999998</c:v>
                </c:pt>
                <c:pt idx="1183">
                  <c:v>3782.4081759999999</c:v>
                </c:pt>
                <c:pt idx="1184">
                  <c:v>3784.336992</c:v>
                </c:pt>
                <c:pt idx="1185">
                  <c:v>3786.2658080000001</c:v>
                </c:pt>
                <c:pt idx="1186">
                  <c:v>3788.1946240000002</c:v>
                </c:pt>
                <c:pt idx="1187">
                  <c:v>3790.1234399999998</c:v>
                </c:pt>
                <c:pt idx="1188">
                  <c:v>3792.0522559999999</c:v>
                </c:pt>
                <c:pt idx="1189">
                  <c:v>3793.981072</c:v>
                </c:pt>
                <c:pt idx="1190">
                  <c:v>3795.9098880000001</c:v>
                </c:pt>
                <c:pt idx="1191">
                  <c:v>3797.8387039999998</c:v>
                </c:pt>
                <c:pt idx="1192">
                  <c:v>3799.7675199999999</c:v>
                </c:pt>
              </c:numCache>
            </c:numRef>
          </c:xVal>
          <c:yVal>
            <c:numRef>
              <c:f>'Fig 2 b'!$I$10:$I$1202</c:f>
              <c:numCache>
                <c:formatCode>General</c:formatCode>
                <c:ptCount val="1193"/>
                <c:pt idx="0">
                  <c:v>114.252391</c:v>
                </c:pt>
                <c:pt idx="1">
                  <c:v>114.299014</c:v>
                </c:pt>
                <c:pt idx="2">
                  <c:v>114.273054</c:v>
                </c:pt>
                <c:pt idx="3">
                  <c:v>114.09124199999999</c:v>
                </c:pt>
                <c:pt idx="4">
                  <c:v>114.124441</c:v>
                </c:pt>
                <c:pt idx="5">
                  <c:v>114.270405</c:v>
                </c:pt>
                <c:pt idx="6">
                  <c:v>114.295034</c:v>
                </c:pt>
                <c:pt idx="7">
                  <c:v>114.305036</c:v>
                </c:pt>
                <c:pt idx="8">
                  <c:v>114.253468</c:v>
                </c:pt>
                <c:pt idx="9">
                  <c:v>114.216971</c:v>
                </c:pt>
                <c:pt idx="10">
                  <c:v>114.12058</c:v>
                </c:pt>
                <c:pt idx="11">
                  <c:v>114.01160400000001</c:v>
                </c:pt>
                <c:pt idx="12">
                  <c:v>114.036484</c:v>
                </c:pt>
                <c:pt idx="13">
                  <c:v>113.955536</c:v>
                </c:pt>
                <c:pt idx="14">
                  <c:v>113.92787199999999</c:v>
                </c:pt>
                <c:pt idx="15">
                  <c:v>113.896711</c:v>
                </c:pt>
                <c:pt idx="16">
                  <c:v>113.828052</c:v>
                </c:pt>
                <c:pt idx="17">
                  <c:v>113.709712</c:v>
                </c:pt>
                <c:pt idx="18">
                  <c:v>113.642714</c:v>
                </c:pt>
                <c:pt idx="19">
                  <c:v>113.554761</c:v>
                </c:pt>
                <c:pt idx="20">
                  <c:v>113.399784</c:v>
                </c:pt>
                <c:pt idx="21">
                  <c:v>113.314645</c:v>
                </c:pt>
                <c:pt idx="22">
                  <c:v>113.243362</c:v>
                </c:pt>
                <c:pt idx="23">
                  <c:v>113.15793499999999</c:v>
                </c:pt>
                <c:pt idx="24">
                  <c:v>113.129902</c:v>
                </c:pt>
                <c:pt idx="25">
                  <c:v>113.080038</c:v>
                </c:pt>
                <c:pt idx="26">
                  <c:v>113.038067</c:v>
                </c:pt>
                <c:pt idx="27">
                  <c:v>112.955091</c:v>
                </c:pt>
                <c:pt idx="28">
                  <c:v>112.865503</c:v>
                </c:pt>
                <c:pt idx="29">
                  <c:v>112.80900800000001</c:v>
                </c:pt>
                <c:pt idx="30">
                  <c:v>112.55903600000001</c:v>
                </c:pt>
                <c:pt idx="31">
                  <c:v>112.64058799999999</c:v>
                </c:pt>
                <c:pt idx="32">
                  <c:v>112.730898</c:v>
                </c:pt>
                <c:pt idx="33">
                  <c:v>112.70670200000001</c:v>
                </c:pt>
                <c:pt idx="34">
                  <c:v>112.705179</c:v>
                </c:pt>
                <c:pt idx="35">
                  <c:v>112.67993300000001</c:v>
                </c:pt>
                <c:pt idx="36">
                  <c:v>112.705969</c:v>
                </c:pt>
                <c:pt idx="37">
                  <c:v>112.760445</c:v>
                </c:pt>
                <c:pt idx="38">
                  <c:v>112.749281</c:v>
                </c:pt>
                <c:pt idx="39">
                  <c:v>112.719249</c:v>
                </c:pt>
                <c:pt idx="40">
                  <c:v>112.787262</c:v>
                </c:pt>
                <c:pt idx="41">
                  <c:v>112.841947</c:v>
                </c:pt>
                <c:pt idx="42">
                  <c:v>112.87585300000001</c:v>
                </c:pt>
                <c:pt idx="43">
                  <c:v>112.9395</c:v>
                </c:pt>
                <c:pt idx="44">
                  <c:v>112.967029</c:v>
                </c:pt>
                <c:pt idx="45">
                  <c:v>112.97635699999999</c:v>
                </c:pt>
                <c:pt idx="46">
                  <c:v>112.991198</c:v>
                </c:pt>
                <c:pt idx="47">
                  <c:v>113.008534</c:v>
                </c:pt>
                <c:pt idx="48">
                  <c:v>113.04721499999999</c:v>
                </c:pt>
                <c:pt idx="49">
                  <c:v>113.055328</c:v>
                </c:pt>
                <c:pt idx="50">
                  <c:v>113.04045000000001</c:v>
                </c:pt>
                <c:pt idx="51">
                  <c:v>113.04015</c:v>
                </c:pt>
                <c:pt idx="52">
                  <c:v>113.05207900000001</c:v>
                </c:pt>
                <c:pt idx="53">
                  <c:v>113.046933</c:v>
                </c:pt>
                <c:pt idx="54">
                  <c:v>113.07668700000001</c:v>
                </c:pt>
                <c:pt idx="55">
                  <c:v>113.094039</c:v>
                </c:pt>
                <c:pt idx="56">
                  <c:v>113.09875599999999</c:v>
                </c:pt>
                <c:pt idx="57">
                  <c:v>113.130557</c:v>
                </c:pt>
                <c:pt idx="58">
                  <c:v>113.132291</c:v>
                </c:pt>
                <c:pt idx="59">
                  <c:v>113.09199599999999</c:v>
                </c:pt>
                <c:pt idx="60">
                  <c:v>112.994406</c:v>
                </c:pt>
                <c:pt idx="61">
                  <c:v>112.984037</c:v>
                </c:pt>
                <c:pt idx="62">
                  <c:v>112.982904</c:v>
                </c:pt>
                <c:pt idx="63">
                  <c:v>112.91745400000001</c:v>
                </c:pt>
                <c:pt idx="64">
                  <c:v>112.896051</c:v>
                </c:pt>
                <c:pt idx="65">
                  <c:v>112.889404</c:v>
                </c:pt>
                <c:pt idx="66">
                  <c:v>112.839923</c:v>
                </c:pt>
                <c:pt idx="67">
                  <c:v>112.821622</c:v>
                </c:pt>
                <c:pt idx="68">
                  <c:v>112.826646</c:v>
                </c:pt>
                <c:pt idx="69">
                  <c:v>112.761343</c:v>
                </c:pt>
                <c:pt idx="70">
                  <c:v>112.567949</c:v>
                </c:pt>
                <c:pt idx="71">
                  <c:v>112.592985</c:v>
                </c:pt>
                <c:pt idx="72">
                  <c:v>112.65864999999999</c:v>
                </c:pt>
                <c:pt idx="73">
                  <c:v>112.70751799999999</c:v>
                </c:pt>
                <c:pt idx="74">
                  <c:v>112.74009100000001</c:v>
                </c:pt>
                <c:pt idx="75">
                  <c:v>112.664041</c:v>
                </c:pt>
                <c:pt idx="76">
                  <c:v>112.621002</c:v>
                </c:pt>
                <c:pt idx="77">
                  <c:v>112.79458200000001</c:v>
                </c:pt>
                <c:pt idx="78">
                  <c:v>112.717221</c:v>
                </c:pt>
                <c:pt idx="79">
                  <c:v>112.45094899999999</c:v>
                </c:pt>
                <c:pt idx="80">
                  <c:v>112.821178</c:v>
                </c:pt>
                <c:pt idx="81">
                  <c:v>112.957003</c:v>
                </c:pt>
                <c:pt idx="82">
                  <c:v>112.97699299999999</c:v>
                </c:pt>
                <c:pt idx="83">
                  <c:v>112.99592699999999</c:v>
                </c:pt>
                <c:pt idx="84">
                  <c:v>113.00627299999999</c:v>
                </c:pt>
                <c:pt idx="85">
                  <c:v>113.090036</c:v>
                </c:pt>
                <c:pt idx="86">
                  <c:v>113.12945999999999</c:v>
                </c:pt>
                <c:pt idx="87">
                  <c:v>113.09953</c:v>
                </c:pt>
                <c:pt idx="88">
                  <c:v>113.12836</c:v>
                </c:pt>
                <c:pt idx="89">
                  <c:v>113.206239</c:v>
                </c:pt>
                <c:pt idx="90">
                  <c:v>113.21166599999999</c:v>
                </c:pt>
                <c:pt idx="91">
                  <c:v>113.271334</c:v>
                </c:pt>
                <c:pt idx="92">
                  <c:v>113.34461899999999</c:v>
                </c:pt>
                <c:pt idx="93">
                  <c:v>113.345702</c:v>
                </c:pt>
                <c:pt idx="94">
                  <c:v>113.311145</c:v>
                </c:pt>
                <c:pt idx="95">
                  <c:v>113.08425</c:v>
                </c:pt>
                <c:pt idx="96">
                  <c:v>113.266806</c:v>
                </c:pt>
                <c:pt idx="97">
                  <c:v>113.340189</c:v>
                </c:pt>
                <c:pt idx="98">
                  <c:v>113.35102999999999</c:v>
                </c:pt>
                <c:pt idx="99">
                  <c:v>113.418048</c:v>
                </c:pt>
                <c:pt idx="100">
                  <c:v>113.372623</c:v>
                </c:pt>
                <c:pt idx="101">
                  <c:v>113.219335</c:v>
                </c:pt>
                <c:pt idx="102">
                  <c:v>113.23564</c:v>
                </c:pt>
                <c:pt idx="103">
                  <c:v>113.147848</c:v>
                </c:pt>
                <c:pt idx="104">
                  <c:v>113.219886</c:v>
                </c:pt>
                <c:pt idx="105">
                  <c:v>113.342862</c:v>
                </c:pt>
                <c:pt idx="106">
                  <c:v>113.284801</c:v>
                </c:pt>
                <c:pt idx="107">
                  <c:v>113.386652</c:v>
                </c:pt>
                <c:pt idx="108">
                  <c:v>113.441568</c:v>
                </c:pt>
                <c:pt idx="109">
                  <c:v>113.438503</c:v>
                </c:pt>
                <c:pt idx="110">
                  <c:v>113.423196</c:v>
                </c:pt>
                <c:pt idx="111">
                  <c:v>113.36044200000001</c:v>
                </c:pt>
                <c:pt idx="112">
                  <c:v>113.250838</c:v>
                </c:pt>
                <c:pt idx="113">
                  <c:v>113.25992100000001</c:v>
                </c:pt>
                <c:pt idx="114">
                  <c:v>113.423917</c:v>
                </c:pt>
                <c:pt idx="115">
                  <c:v>113.421381</c:v>
                </c:pt>
                <c:pt idx="116">
                  <c:v>113.386241</c:v>
                </c:pt>
                <c:pt idx="117">
                  <c:v>113.424656</c:v>
                </c:pt>
                <c:pt idx="118">
                  <c:v>113.43193599999999</c:v>
                </c:pt>
                <c:pt idx="119">
                  <c:v>113.387012</c:v>
                </c:pt>
                <c:pt idx="120">
                  <c:v>113.28762399999999</c:v>
                </c:pt>
                <c:pt idx="121">
                  <c:v>113.149743</c:v>
                </c:pt>
                <c:pt idx="122">
                  <c:v>113.327105</c:v>
                </c:pt>
                <c:pt idx="123">
                  <c:v>113.322298</c:v>
                </c:pt>
                <c:pt idx="124">
                  <c:v>113.24876</c:v>
                </c:pt>
                <c:pt idx="125">
                  <c:v>113.256117</c:v>
                </c:pt>
                <c:pt idx="126">
                  <c:v>113.27696299999999</c:v>
                </c:pt>
                <c:pt idx="127">
                  <c:v>113.322349</c:v>
                </c:pt>
                <c:pt idx="128">
                  <c:v>113.27537700000001</c:v>
                </c:pt>
                <c:pt idx="129">
                  <c:v>113.19586</c:v>
                </c:pt>
                <c:pt idx="130">
                  <c:v>113.13425700000001</c:v>
                </c:pt>
                <c:pt idx="131">
                  <c:v>113.194941</c:v>
                </c:pt>
                <c:pt idx="132">
                  <c:v>113.18548199999999</c:v>
                </c:pt>
                <c:pt idx="133">
                  <c:v>113.123965</c:v>
                </c:pt>
                <c:pt idx="134">
                  <c:v>113.124211</c:v>
                </c:pt>
                <c:pt idx="135">
                  <c:v>113.04996199999999</c:v>
                </c:pt>
                <c:pt idx="136">
                  <c:v>113.052862</c:v>
                </c:pt>
                <c:pt idx="137">
                  <c:v>113.10597199999999</c:v>
                </c:pt>
                <c:pt idx="138">
                  <c:v>113.079697</c:v>
                </c:pt>
                <c:pt idx="139">
                  <c:v>113.044898</c:v>
                </c:pt>
                <c:pt idx="140">
                  <c:v>112.97890200000001</c:v>
                </c:pt>
                <c:pt idx="141">
                  <c:v>112.954188</c:v>
                </c:pt>
                <c:pt idx="142">
                  <c:v>113.012792</c:v>
                </c:pt>
                <c:pt idx="143">
                  <c:v>113.010735</c:v>
                </c:pt>
                <c:pt idx="144">
                  <c:v>112.974413</c:v>
                </c:pt>
                <c:pt idx="145">
                  <c:v>112.893255</c:v>
                </c:pt>
                <c:pt idx="146">
                  <c:v>112.894372</c:v>
                </c:pt>
                <c:pt idx="147">
                  <c:v>112.93426599999999</c:v>
                </c:pt>
                <c:pt idx="148">
                  <c:v>112.94572599999999</c:v>
                </c:pt>
                <c:pt idx="149">
                  <c:v>112.907465</c:v>
                </c:pt>
                <c:pt idx="150">
                  <c:v>112.829206</c:v>
                </c:pt>
                <c:pt idx="151">
                  <c:v>112.720794</c:v>
                </c:pt>
                <c:pt idx="152">
                  <c:v>112.749577</c:v>
                </c:pt>
                <c:pt idx="153">
                  <c:v>112.75929499999999</c:v>
                </c:pt>
                <c:pt idx="154">
                  <c:v>112.73824399999999</c:v>
                </c:pt>
                <c:pt idx="155">
                  <c:v>112.696776</c:v>
                </c:pt>
                <c:pt idx="156">
                  <c:v>112.681562</c:v>
                </c:pt>
                <c:pt idx="157">
                  <c:v>112.740336</c:v>
                </c:pt>
                <c:pt idx="158">
                  <c:v>112.766775</c:v>
                </c:pt>
                <c:pt idx="159">
                  <c:v>112.76205299999999</c:v>
                </c:pt>
                <c:pt idx="160">
                  <c:v>112.732107</c:v>
                </c:pt>
                <c:pt idx="161">
                  <c:v>112.67771500000001</c:v>
                </c:pt>
                <c:pt idx="162">
                  <c:v>112.67311100000001</c:v>
                </c:pt>
                <c:pt idx="163">
                  <c:v>112.67372400000001</c:v>
                </c:pt>
                <c:pt idx="164">
                  <c:v>112.635783</c:v>
                </c:pt>
                <c:pt idx="165">
                  <c:v>112.615667</c:v>
                </c:pt>
                <c:pt idx="166">
                  <c:v>112.5668</c:v>
                </c:pt>
                <c:pt idx="167">
                  <c:v>112.541273</c:v>
                </c:pt>
                <c:pt idx="168">
                  <c:v>112.43016</c:v>
                </c:pt>
                <c:pt idx="169">
                  <c:v>112.408551</c:v>
                </c:pt>
                <c:pt idx="170">
                  <c:v>112.41252799999999</c:v>
                </c:pt>
                <c:pt idx="171">
                  <c:v>112.34665699999999</c:v>
                </c:pt>
                <c:pt idx="172">
                  <c:v>112.390567</c:v>
                </c:pt>
                <c:pt idx="173">
                  <c:v>112.408022</c:v>
                </c:pt>
                <c:pt idx="174">
                  <c:v>112.378703</c:v>
                </c:pt>
                <c:pt idx="175">
                  <c:v>112.39580599999999</c:v>
                </c:pt>
                <c:pt idx="176">
                  <c:v>112.41279299999999</c:v>
                </c:pt>
                <c:pt idx="177">
                  <c:v>112.30120100000001</c:v>
                </c:pt>
                <c:pt idx="178">
                  <c:v>112.211074</c:v>
                </c:pt>
                <c:pt idx="179">
                  <c:v>112.28789999999999</c:v>
                </c:pt>
                <c:pt idx="180">
                  <c:v>112.31208700000001</c:v>
                </c:pt>
                <c:pt idx="181">
                  <c:v>112.286545</c:v>
                </c:pt>
                <c:pt idx="182">
                  <c:v>112.30436400000001</c:v>
                </c:pt>
                <c:pt idx="183">
                  <c:v>112.30821299999999</c:v>
                </c:pt>
                <c:pt idx="184">
                  <c:v>112.264589</c:v>
                </c:pt>
                <c:pt idx="185">
                  <c:v>112.20431000000001</c:v>
                </c:pt>
                <c:pt idx="186">
                  <c:v>112.16454299999999</c:v>
                </c:pt>
                <c:pt idx="187">
                  <c:v>112.185265</c:v>
                </c:pt>
                <c:pt idx="188">
                  <c:v>112.19293999999999</c:v>
                </c:pt>
                <c:pt idx="189">
                  <c:v>112.176756</c:v>
                </c:pt>
                <c:pt idx="190">
                  <c:v>112.145668</c:v>
                </c:pt>
                <c:pt idx="191">
                  <c:v>112.082435</c:v>
                </c:pt>
                <c:pt idx="192">
                  <c:v>112.141153</c:v>
                </c:pt>
                <c:pt idx="193">
                  <c:v>112.17472100000001</c:v>
                </c:pt>
                <c:pt idx="194">
                  <c:v>112.160735</c:v>
                </c:pt>
                <c:pt idx="195">
                  <c:v>112.125818</c:v>
                </c:pt>
                <c:pt idx="196">
                  <c:v>112.025578</c:v>
                </c:pt>
                <c:pt idx="197">
                  <c:v>111.969964</c:v>
                </c:pt>
                <c:pt idx="198">
                  <c:v>111.98117999999999</c:v>
                </c:pt>
                <c:pt idx="199">
                  <c:v>112.05197800000001</c:v>
                </c:pt>
                <c:pt idx="200">
                  <c:v>112.155597</c:v>
                </c:pt>
                <c:pt idx="201">
                  <c:v>112.04718</c:v>
                </c:pt>
                <c:pt idx="202">
                  <c:v>111.83144299999999</c:v>
                </c:pt>
                <c:pt idx="203">
                  <c:v>111.87543700000001</c:v>
                </c:pt>
                <c:pt idx="204">
                  <c:v>111.915313</c:v>
                </c:pt>
                <c:pt idx="205">
                  <c:v>111.900192</c:v>
                </c:pt>
                <c:pt idx="206">
                  <c:v>111.87402400000001</c:v>
                </c:pt>
                <c:pt idx="207">
                  <c:v>111.89331300000001</c:v>
                </c:pt>
                <c:pt idx="208">
                  <c:v>111.883264</c:v>
                </c:pt>
                <c:pt idx="209">
                  <c:v>111.804312</c:v>
                </c:pt>
                <c:pt idx="210">
                  <c:v>111.866985</c:v>
                </c:pt>
                <c:pt idx="211">
                  <c:v>111.977543</c:v>
                </c:pt>
                <c:pt idx="212">
                  <c:v>111.93088899999999</c:v>
                </c:pt>
                <c:pt idx="213">
                  <c:v>111.889633</c:v>
                </c:pt>
                <c:pt idx="214">
                  <c:v>111.92883</c:v>
                </c:pt>
                <c:pt idx="215">
                  <c:v>111.833437</c:v>
                </c:pt>
                <c:pt idx="216">
                  <c:v>111.648239</c:v>
                </c:pt>
                <c:pt idx="217">
                  <c:v>111.75973</c:v>
                </c:pt>
                <c:pt idx="218">
                  <c:v>111.898909</c:v>
                </c:pt>
                <c:pt idx="219">
                  <c:v>111.79382699999999</c:v>
                </c:pt>
                <c:pt idx="220">
                  <c:v>111.732331</c:v>
                </c:pt>
                <c:pt idx="221">
                  <c:v>111.73771600000001</c:v>
                </c:pt>
                <c:pt idx="222">
                  <c:v>111.691354</c:v>
                </c:pt>
                <c:pt idx="223">
                  <c:v>111.742091</c:v>
                </c:pt>
                <c:pt idx="224">
                  <c:v>111.795337</c:v>
                </c:pt>
                <c:pt idx="225">
                  <c:v>111.828444</c:v>
                </c:pt>
                <c:pt idx="226">
                  <c:v>111.741237</c:v>
                </c:pt>
                <c:pt idx="227">
                  <c:v>111.762325</c:v>
                </c:pt>
                <c:pt idx="228">
                  <c:v>111.75069000000001</c:v>
                </c:pt>
                <c:pt idx="229">
                  <c:v>111.559664</c:v>
                </c:pt>
                <c:pt idx="230">
                  <c:v>111.459484</c:v>
                </c:pt>
                <c:pt idx="231">
                  <c:v>111.397102</c:v>
                </c:pt>
                <c:pt idx="232">
                  <c:v>111.49100900000001</c:v>
                </c:pt>
                <c:pt idx="233">
                  <c:v>111.65672499999999</c:v>
                </c:pt>
                <c:pt idx="234">
                  <c:v>111.56702</c:v>
                </c:pt>
                <c:pt idx="235">
                  <c:v>111.433021</c:v>
                </c:pt>
                <c:pt idx="236">
                  <c:v>111.467383</c:v>
                </c:pt>
                <c:pt idx="237">
                  <c:v>111.43594299999999</c:v>
                </c:pt>
                <c:pt idx="238">
                  <c:v>111.42291</c:v>
                </c:pt>
                <c:pt idx="239">
                  <c:v>111.53425</c:v>
                </c:pt>
                <c:pt idx="240">
                  <c:v>111.675012</c:v>
                </c:pt>
                <c:pt idx="241">
                  <c:v>111.800809</c:v>
                </c:pt>
                <c:pt idx="242">
                  <c:v>111.677998</c:v>
                </c:pt>
                <c:pt idx="243">
                  <c:v>111.59578500000001</c:v>
                </c:pt>
                <c:pt idx="244">
                  <c:v>111.57392</c:v>
                </c:pt>
                <c:pt idx="245">
                  <c:v>111.490933</c:v>
                </c:pt>
                <c:pt idx="246">
                  <c:v>111.312389</c:v>
                </c:pt>
                <c:pt idx="247">
                  <c:v>111.50701599999999</c:v>
                </c:pt>
                <c:pt idx="248">
                  <c:v>111.413106</c:v>
                </c:pt>
                <c:pt idx="249">
                  <c:v>111.53282900000001</c:v>
                </c:pt>
                <c:pt idx="250">
                  <c:v>111.46418799999999</c:v>
                </c:pt>
                <c:pt idx="251">
                  <c:v>111.483948</c:v>
                </c:pt>
                <c:pt idx="252">
                  <c:v>111.546447</c:v>
                </c:pt>
                <c:pt idx="253">
                  <c:v>111.519907</c:v>
                </c:pt>
                <c:pt idx="254">
                  <c:v>111.487089</c:v>
                </c:pt>
                <c:pt idx="255">
                  <c:v>111.651712</c:v>
                </c:pt>
                <c:pt idx="256">
                  <c:v>111.857496</c:v>
                </c:pt>
                <c:pt idx="257">
                  <c:v>112.114896</c:v>
                </c:pt>
                <c:pt idx="258">
                  <c:v>112.423861</c:v>
                </c:pt>
                <c:pt idx="259">
                  <c:v>112.463516</c:v>
                </c:pt>
                <c:pt idx="260">
                  <c:v>112.18992900000001</c:v>
                </c:pt>
                <c:pt idx="261">
                  <c:v>112.070734</c:v>
                </c:pt>
                <c:pt idx="262">
                  <c:v>112.12679900000001</c:v>
                </c:pt>
                <c:pt idx="263">
                  <c:v>112.21413699999999</c:v>
                </c:pt>
                <c:pt idx="264">
                  <c:v>112.48293</c:v>
                </c:pt>
                <c:pt idx="265">
                  <c:v>112.588472</c:v>
                </c:pt>
                <c:pt idx="266">
                  <c:v>112.446806</c:v>
                </c:pt>
                <c:pt idx="267">
                  <c:v>112.251892</c:v>
                </c:pt>
                <c:pt idx="268">
                  <c:v>112.319913</c:v>
                </c:pt>
                <c:pt idx="269">
                  <c:v>112.62114699999999</c:v>
                </c:pt>
                <c:pt idx="270">
                  <c:v>112.922332</c:v>
                </c:pt>
                <c:pt idx="271">
                  <c:v>113.137947</c:v>
                </c:pt>
                <c:pt idx="272">
                  <c:v>113.351905</c:v>
                </c:pt>
                <c:pt idx="273">
                  <c:v>113.324219</c:v>
                </c:pt>
                <c:pt idx="274">
                  <c:v>113.168651</c:v>
                </c:pt>
                <c:pt idx="275">
                  <c:v>113.02537599999999</c:v>
                </c:pt>
                <c:pt idx="276">
                  <c:v>112.836524</c:v>
                </c:pt>
                <c:pt idx="277">
                  <c:v>113.21194300000001</c:v>
                </c:pt>
                <c:pt idx="278">
                  <c:v>113.190602</c:v>
                </c:pt>
                <c:pt idx="279">
                  <c:v>112.73242500000001</c:v>
                </c:pt>
                <c:pt idx="280">
                  <c:v>112.82871400000001</c:v>
                </c:pt>
                <c:pt idx="281">
                  <c:v>112.822142</c:v>
                </c:pt>
                <c:pt idx="282">
                  <c:v>112.91276999999999</c:v>
                </c:pt>
                <c:pt idx="283">
                  <c:v>112.956593</c:v>
                </c:pt>
                <c:pt idx="284">
                  <c:v>112.74475099999999</c:v>
                </c:pt>
                <c:pt idx="285">
                  <c:v>112.55135300000001</c:v>
                </c:pt>
                <c:pt idx="286">
                  <c:v>112.56126500000001</c:v>
                </c:pt>
                <c:pt idx="287">
                  <c:v>112.71460399999999</c:v>
                </c:pt>
                <c:pt idx="288">
                  <c:v>112.783416</c:v>
                </c:pt>
                <c:pt idx="289">
                  <c:v>112.89999899999999</c:v>
                </c:pt>
                <c:pt idx="290">
                  <c:v>112.938498</c:v>
                </c:pt>
                <c:pt idx="291">
                  <c:v>112.872373</c:v>
                </c:pt>
                <c:pt idx="292">
                  <c:v>112.730108</c:v>
                </c:pt>
                <c:pt idx="293">
                  <c:v>112.74190900000001</c:v>
                </c:pt>
                <c:pt idx="294">
                  <c:v>112.86702200000001</c:v>
                </c:pt>
                <c:pt idx="295">
                  <c:v>112.589788</c:v>
                </c:pt>
                <c:pt idx="296">
                  <c:v>112.401805</c:v>
                </c:pt>
                <c:pt idx="297">
                  <c:v>112.34989400000001</c:v>
                </c:pt>
                <c:pt idx="298">
                  <c:v>112.359353</c:v>
                </c:pt>
                <c:pt idx="299">
                  <c:v>112.34783</c:v>
                </c:pt>
                <c:pt idx="300">
                  <c:v>112.373288</c:v>
                </c:pt>
                <c:pt idx="301">
                  <c:v>112.413742</c:v>
                </c:pt>
                <c:pt idx="302">
                  <c:v>112.169003</c:v>
                </c:pt>
                <c:pt idx="303">
                  <c:v>112.016321</c:v>
                </c:pt>
                <c:pt idx="304">
                  <c:v>112.13586100000001</c:v>
                </c:pt>
                <c:pt idx="305">
                  <c:v>112.174898</c:v>
                </c:pt>
                <c:pt idx="306">
                  <c:v>112.209872</c:v>
                </c:pt>
                <c:pt idx="307">
                  <c:v>112.362088</c:v>
                </c:pt>
                <c:pt idx="308">
                  <c:v>112.29428</c:v>
                </c:pt>
                <c:pt idx="309">
                  <c:v>112.16035100000001</c:v>
                </c:pt>
                <c:pt idx="310">
                  <c:v>112.03084699999999</c:v>
                </c:pt>
                <c:pt idx="311">
                  <c:v>112.045557</c:v>
                </c:pt>
                <c:pt idx="312">
                  <c:v>112.17341399999999</c:v>
                </c:pt>
                <c:pt idx="313">
                  <c:v>112.295974</c:v>
                </c:pt>
                <c:pt idx="314">
                  <c:v>112.212485</c:v>
                </c:pt>
                <c:pt idx="315">
                  <c:v>111.99318599999999</c:v>
                </c:pt>
                <c:pt idx="316">
                  <c:v>111.87570100000001</c:v>
                </c:pt>
                <c:pt idx="317">
                  <c:v>111.826521</c:v>
                </c:pt>
                <c:pt idx="318">
                  <c:v>111.796069</c:v>
                </c:pt>
                <c:pt idx="319">
                  <c:v>111.82235799999999</c:v>
                </c:pt>
                <c:pt idx="320">
                  <c:v>111.790561</c:v>
                </c:pt>
                <c:pt idx="321">
                  <c:v>111.760892</c:v>
                </c:pt>
                <c:pt idx="322">
                  <c:v>111.848311</c:v>
                </c:pt>
                <c:pt idx="323">
                  <c:v>111.965975</c:v>
                </c:pt>
                <c:pt idx="324">
                  <c:v>112.057075</c:v>
                </c:pt>
                <c:pt idx="325">
                  <c:v>112.05645800000001</c:v>
                </c:pt>
                <c:pt idx="326">
                  <c:v>112.132296</c:v>
                </c:pt>
                <c:pt idx="327">
                  <c:v>112.276177</c:v>
                </c:pt>
                <c:pt idx="328">
                  <c:v>112.432185</c:v>
                </c:pt>
                <c:pt idx="329">
                  <c:v>112.562803</c:v>
                </c:pt>
                <c:pt idx="330">
                  <c:v>112.696212</c:v>
                </c:pt>
                <c:pt idx="331">
                  <c:v>112.65257</c:v>
                </c:pt>
                <c:pt idx="332">
                  <c:v>112.52070000000001</c:v>
                </c:pt>
                <c:pt idx="333">
                  <c:v>112.73651599999999</c:v>
                </c:pt>
                <c:pt idx="334">
                  <c:v>112.95633100000001</c:v>
                </c:pt>
                <c:pt idx="335">
                  <c:v>113.04813900000001</c:v>
                </c:pt>
                <c:pt idx="336">
                  <c:v>113.238514</c:v>
                </c:pt>
                <c:pt idx="337">
                  <c:v>113.32946</c:v>
                </c:pt>
                <c:pt idx="338">
                  <c:v>113.61201800000001</c:v>
                </c:pt>
                <c:pt idx="339">
                  <c:v>114.04420500000001</c:v>
                </c:pt>
                <c:pt idx="340">
                  <c:v>114.055655</c:v>
                </c:pt>
                <c:pt idx="341">
                  <c:v>113.60056299999999</c:v>
                </c:pt>
                <c:pt idx="342">
                  <c:v>113.206372</c:v>
                </c:pt>
                <c:pt idx="343">
                  <c:v>112.952956</c:v>
                </c:pt>
                <c:pt idx="344">
                  <c:v>112.744077</c:v>
                </c:pt>
                <c:pt idx="345">
                  <c:v>112.729882</c:v>
                </c:pt>
                <c:pt idx="346">
                  <c:v>112.678909</c:v>
                </c:pt>
                <c:pt idx="347">
                  <c:v>112.608188</c:v>
                </c:pt>
                <c:pt idx="348">
                  <c:v>112.596825</c:v>
                </c:pt>
                <c:pt idx="349">
                  <c:v>112.27946300000001</c:v>
                </c:pt>
                <c:pt idx="350">
                  <c:v>111.874872</c:v>
                </c:pt>
                <c:pt idx="351">
                  <c:v>111.960679</c:v>
                </c:pt>
                <c:pt idx="352">
                  <c:v>112.241654</c:v>
                </c:pt>
                <c:pt idx="353">
                  <c:v>112.00265899999999</c:v>
                </c:pt>
                <c:pt idx="354">
                  <c:v>112.023629</c:v>
                </c:pt>
                <c:pt idx="355">
                  <c:v>112.237866</c:v>
                </c:pt>
                <c:pt idx="356">
                  <c:v>112.11136</c:v>
                </c:pt>
                <c:pt idx="357">
                  <c:v>111.853573</c:v>
                </c:pt>
                <c:pt idx="358">
                  <c:v>111.75903599999999</c:v>
                </c:pt>
                <c:pt idx="359">
                  <c:v>111.619322</c:v>
                </c:pt>
                <c:pt idx="360">
                  <c:v>111.36906999999999</c:v>
                </c:pt>
                <c:pt idx="361">
                  <c:v>111.34747400000001</c:v>
                </c:pt>
                <c:pt idx="362">
                  <c:v>111.50733099999999</c:v>
                </c:pt>
                <c:pt idx="363">
                  <c:v>111.461781</c:v>
                </c:pt>
                <c:pt idx="364">
                  <c:v>111.170753</c:v>
                </c:pt>
                <c:pt idx="365">
                  <c:v>111.058193</c:v>
                </c:pt>
                <c:pt idx="366">
                  <c:v>111.114724</c:v>
                </c:pt>
                <c:pt idx="367">
                  <c:v>111.19171900000001</c:v>
                </c:pt>
                <c:pt idx="368">
                  <c:v>111.160168</c:v>
                </c:pt>
                <c:pt idx="369">
                  <c:v>111.264008</c:v>
                </c:pt>
                <c:pt idx="370">
                  <c:v>111.428518</c:v>
                </c:pt>
                <c:pt idx="371">
                  <c:v>111.2942</c:v>
                </c:pt>
                <c:pt idx="372">
                  <c:v>110.872738</c:v>
                </c:pt>
                <c:pt idx="373">
                  <c:v>110.774297</c:v>
                </c:pt>
                <c:pt idx="374">
                  <c:v>110.728262</c:v>
                </c:pt>
                <c:pt idx="375">
                  <c:v>110.61547299999999</c:v>
                </c:pt>
                <c:pt idx="376">
                  <c:v>110.782482</c:v>
                </c:pt>
                <c:pt idx="377">
                  <c:v>111.041341</c:v>
                </c:pt>
                <c:pt idx="378">
                  <c:v>110.954494</c:v>
                </c:pt>
                <c:pt idx="379">
                  <c:v>110.898831</c:v>
                </c:pt>
                <c:pt idx="380">
                  <c:v>110.851533</c:v>
                </c:pt>
                <c:pt idx="381">
                  <c:v>110.78852000000001</c:v>
                </c:pt>
                <c:pt idx="382">
                  <c:v>110.79829599999999</c:v>
                </c:pt>
                <c:pt idx="383">
                  <c:v>110.809478</c:v>
                </c:pt>
                <c:pt idx="384">
                  <c:v>110.708276</c:v>
                </c:pt>
                <c:pt idx="385">
                  <c:v>110.643587</c:v>
                </c:pt>
                <c:pt idx="386">
                  <c:v>110.60104</c:v>
                </c:pt>
                <c:pt idx="387">
                  <c:v>110.598057</c:v>
                </c:pt>
                <c:pt idx="388">
                  <c:v>110.55126300000001</c:v>
                </c:pt>
                <c:pt idx="389">
                  <c:v>110.503719</c:v>
                </c:pt>
                <c:pt idx="390">
                  <c:v>110.54415400000001</c:v>
                </c:pt>
                <c:pt idx="391">
                  <c:v>110.499177</c:v>
                </c:pt>
                <c:pt idx="392">
                  <c:v>110.48894799999999</c:v>
                </c:pt>
                <c:pt idx="393">
                  <c:v>110.442988</c:v>
                </c:pt>
                <c:pt idx="394">
                  <c:v>110.37271699999999</c:v>
                </c:pt>
                <c:pt idx="395">
                  <c:v>110.29118099999999</c:v>
                </c:pt>
                <c:pt idx="396">
                  <c:v>110.254496</c:v>
                </c:pt>
                <c:pt idx="397">
                  <c:v>110.255126</c:v>
                </c:pt>
                <c:pt idx="398">
                  <c:v>110.228374</c:v>
                </c:pt>
                <c:pt idx="399">
                  <c:v>110.289766</c:v>
                </c:pt>
                <c:pt idx="400">
                  <c:v>110.262185</c:v>
                </c:pt>
                <c:pt idx="401">
                  <c:v>110.13307</c:v>
                </c:pt>
                <c:pt idx="402">
                  <c:v>110.114806</c:v>
                </c:pt>
                <c:pt idx="403">
                  <c:v>110.146019</c:v>
                </c:pt>
                <c:pt idx="404">
                  <c:v>110.00729200000001</c:v>
                </c:pt>
                <c:pt idx="405">
                  <c:v>109.934164</c:v>
                </c:pt>
                <c:pt idx="406">
                  <c:v>109.93570200000001</c:v>
                </c:pt>
                <c:pt idx="407">
                  <c:v>109.909454</c:v>
                </c:pt>
                <c:pt idx="408">
                  <c:v>109.930019</c:v>
                </c:pt>
                <c:pt idx="409">
                  <c:v>109.98296000000001</c:v>
                </c:pt>
                <c:pt idx="410">
                  <c:v>109.977076</c:v>
                </c:pt>
                <c:pt idx="411">
                  <c:v>109.96107600000001</c:v>
                </c:pt>
                <c:pt idx="412">
                  <c:v>109.856217</c:v>
                </c:pt>
                <c:pt idx="413">
                  <c:v>109.869197</c:v>
                </c:pt>
                <c:pt idx="414">
                  <c:v>109.92312</c:v>
                </c:pt>
                <c:pt idx="415">
                  <c:v>109.928259</c:v>
                </c:pt>
                <c:pt idx="416">
                  <c:v>109.842209</c:v>
                </c:pt>
                <c:pt idx="417">
                  <c:v>109.82490799999999</c:v>
                </c:pt>
                <c:pt idx="418">
                  <c:v>109.900661</c:v>
                </c:pt>
                <c:pt idx="419">
                  <c:v>109.82509899999999</c:v>
                </c:pt>
                <c:pt idx="420">
                  <c:v>109.69067200000001</c:v>
                </c:pt>
                <c:pt idx="421">
                  <c:v>109.689544</c:v>
                </c:pt>
                <c:pt idx="422">
                  <c:v>109.820624</c:v>
                </c:pt>
                <c:pt idx="423">
                  <c:v>109.782568</c:v>
                </c:pt>
                <c:pt idx="424">
                  <c:v>109.674508</c:v>
                </c:pt>
                <c:pt idx="425">
                  <c:v>109.69691400000001</c:v>
                </c:pt>
                <c:pt idx="426">
                  <c:v>109.654223</c:v>
                </c:pt>
                <c:pt idx="427">
                  <c:v>109.576505</c:v>
                </c:pt>
                <c:pt idx="428">
                  <c:v>109.732635</c:v>
                </c:pt>
                <c:pt idx="429">
                  <c:v>109.886196</c:v>
                </c:pt>
                <c:pt idx="430">
                  <c:v>109.847008</c:v>
                </c:pt>
                <c:pt idx="431">
                  <c:v>109.888454</c:v>
                </c:pt>
                <c:pt idx="432">
                  <c:v>109.89224</c:v>
                </c:pt>
                <c:pt idx="433">
                  <c:v>109.811561</c:v>
                </c:pt>
                <c:pt idx="434">
                  <c:v>109.783418</c:v>
                </c:pt>
                <c:pt idx="435">
                  <c:v>109.775307</c:v>
                </c:pt>
                <c:pt idx="436">
                  <c:v>109.723945</c:v>
                </c:pt>
                <c:pt idx="437">
                  <c:v>109.675844</c:v>
                </c:pt>
                <c:pt idx="438">
                  <c:v>109.59269999999999</c:v>
                </c:pt>
                <c:pt idx="439">
                  <c:v>109.574927</c:v>
                </c:pt>
                <c:pt idx="440">
                  <c:v>109.560067</c:v>
                </c:pt>
                <c:pt idx="441">
                  <c:v>109.608437</c:v>
                </c:pt>
                <c:pt idx="442">
                  <c:v>109.620193</c:v>
                </c:pt>
                <c:pt idx="443">
                  <c:v>109.572639</c:v>
                </c:pt>
                <c:pt idx="444">
                  <c:v>109.510465</c:v>
                </c:pt>
                <c:pt idx="445">
                  <c:v>109.506077</c:v>
                </c:pt>
                <c:pt idx="446">
                  <c:v>109.605842</c:v>
                </c:pt>
                <c:pt idx="447">
                  <c:v>109.635013</c:v>
                </c:pt>
                <c:pt idx="448">
                  <c:v>109.621194</c:v>
                </c:pt>
                <c:pt idx="449">
                  <c:v>109.595215</c:v>
                </c:pt>
                <c:pt idx="450">
                  <c:v>109.532741</c:v>
                </c:pt>
                <c:pt idx="451">
                  <c:v>109.560044</c:v>
                </c:pt>
                <c:pt idx="452">
                  <c:v>109.598341</c:v>
                </c:pt>
                <c:pt idx="453">
                  <c:v>109.522085</c:v>
                </c:pt>
                <c:pt idx="454">
                  <c:v>109.438103</c:v>
                </c:pt>
                <c:pt idx="455">
                  <c:v>109.504752</c:v>
                </c:pt>
                <c:pt idx="456">
                  <c:v>109.506231</c:v>
                </c:pt>
                <c:pt idx="457">
                  <c:v>109.459689</c:v>
                </c:pt>
                <c:pt idx="458">
                  <c:v>109.427249</c:v>
                </c:pt>
                <c:pt idx="459">
                  <c:v>109.422234</c:v>
                </c:pt>
                <c:pt idx="460">
                  <c:v>109.431434</c:v>
                </c:pt>
                <c:pt idx="461">
                  <c:v>109.44589000000001</c:v>
                </c:pt>
                <c:pt idx="462">
                  <c:v>109.410674</c:v>
                </c:pt>
                <c:pt idx="463">
                  <c:v>109.40931999999999</c:v>
                </c:pt>
                <c:pt idx="464">
                  <c:v>109.418083</c:v>
                </c:pt>
                <c:pt idx="465">
                  <c:v>109.376863</c:v>
                </c:pt>
                <c:pt idx="466">
                  <c:v>109.320043</c:v>
                </c:pt>
                <c:pt idx="467">
                  <c:v>109.30331</c:v>
                </c:pt>
                <c:pt idx="468">
                  <c:v>109.29327600000001</c:v>
                </c:pt>
                <c:pt idx="469">
                  <c:v>109.333099</c:v>
                </c:pt>
                <c:pt idx="470">
                  <c:v>109.325243</c:v>
                </c:pt>
                <c:pt idx="471">
                  <c:v>109.259221</c:v>
                </c:pt>
                <c:pt idx="472">
                  <c:v>109.23701</c:v>
                </c:pt>
                <c:pt idx="473">
                  <c:v>109.261881</c:v>
                </c:pt>
                <c:pt idx="474">
                  <c:v>109.215013</c:v>
                </c:pt>
                <c:pt idx="475">
                  <c:v>109.147091</c:v>
                </c:pt>
                <c:pt idx="476">
                  <c:v>109.162914</c:v>
                </c:pt>
                <c:pt idx="477">
                  <c:v>109.22272599999999</c:v>
                </c:pt>
                <c:pt idx="478">
                  <c:v>109.17450100000001</c:v>
                </c:pt>
                <c:pt idx="479">
                  <c:v>109.13367100000001</c:v>
                </c:pt>
                <c:pt idx="480">
                  <c:v>109.10396799999999</c:v>
                </c:pt>
                <c:pt idx="481">
                  <c:v>109.10922100000001</c:v>
                </c:pt>
                <c:pt idx="482">
                  <c:v>109.08806800000001</c:v>
                </c:pt>
                <c:pt idx="483">
                  <c:v>109.037862</c:v>
                </c:pt>
                <c:pt idx="484">
                  <c:v>109.05720599999999</c:v>
                </c:pt>
                <c:pt idx="485">
                  <c:v>109.08106100000001</c:v>
                </c:pt>
                <c:pt idx="486">
                  <c:v>109.06826700000001</c:v>
                </c:pt>
                <c:pt idx="487">
                  <c:v>109.05537699999999</c:v>
                </c:pt>
                <c:pt idx="488">
                  <c:v>109.03358299999999</c:v>
                </c:pt>
                <c:pt idx="489">
                  <c:v>109.02260800000001</c:v>
                </c:pt>
                <c:pt idx="490">
                  <c:v>109.013175</c:v>
                </c:pt>
                <c:pt idx="491">
                  <c:v>108.97812</c:v>
                </c:pt>
                <c:pt idx="492">
                  <c:v>108.91352000000001</c:v>
                </c:pt>
                <c:pt idx="493">
                  <c:v>108.914776</c:v>
                </c:pt>
                <c:pt idx="494">
                  <c:v>108.93344999999999</c:v>
                </c:pt>
                <c:pt idx="495">
                  <c:v>108.891863</c:v>
                </c:pt>
                <c:pt idx="496">
                  <c:v>108.848434</c:v>
                </c:pt>
                <c:pt idx="497">
                  <c:v>108.846542</c:v>
                </c:pt>
                <c:pt idx="498">
                  <c:v>108.86062800000001</c:v>
                </c:pt>
                <c:pt idx="499">
                  <c:v>108.867437</c:v>
                </c:pt>
                <c:pt idx="500">
                  <c:v>108.84473</c:v>
                </c:pt>
                <c:pt idx="501">
                  <c:v>108.817189</c:v>
                </c:pt>
                <c:pt idx="502">
                  <c:v>108.804922</c:v>
                </c:pt>
                <c:pt idx="503">
                  <c:v>108.833884</c:v>
                </c:pt>
                <c:pt idx="504">
                  <c:v>108.77106499999999</c:v>
                </c:pt>
                <c:pt idx="505">
                  <c:v>108.70122600000001</c:v>
                </c:pt>
                <c:pt idx="506">
                  <c:v>108.668063</c:v>
                </c:pt>
                <c:pt idx="507">
                  <c:v>108.66580999999999</c:v>
                </c:pt>
                <c:pt idx="508">
                  <c:v>108.675899</c:v>
                </c:pt>
                <c:pt idx="509">
                  <c:v>108.695503</c:v>
                </c:pt>
                <c:pt idx="510">
                  <c:v>108.639055</c:v>
                </c:pt>
                <c:pt idx="511">
                  <c:v>108.628518</c:v>
                </c:pt>
                <c:pt idx="512">
                  <c:v>108.636461</c:v>
                </c:pt>
                <c:pt idx="513">
                  <c:v>108.60491399999999</c:v>
                </c:pt>
                <c:pt idx="514">
                  <c:v>108.54338300000001</c:v>
                </c:pt>
                <c:pt idx="515">
                  <c:v>108.525369</c:v>
                </c:pt>
                <c:pt idx="516">
                  <c:v>108.543269</c:v>
                </c:pt>
                <c:pt idx="517">
                  <c:v>108.568079</c:v>
                </c:pt>
                <c:pt idx="518">
                  <c:v>108.513419</c:v>
                </c:pt>
                <c:pt idx="519">
                  <c:v>108.521827</c:v>
                </c:pt>
                <c:pt idx="520">
                  <c:v>108.534976</c:v>
                </c:pt>
                <c:pt idx="521">
                  <c:v>108.540806</c:v>
                </c:pt>
                <c:pt idx="522">
                  <c:v>108.526325</c:v>
                </c:pt>
                <c:pt idx="523">
                  <c:v>108.58265299999999</c:v>
                </c:pt>
                <c:pt idx="524">
                  <c:v>108.537609</c:v>
                </c:pt>
                <c:pt idx="525">
                  <c:v>108.45806899999999</c:v>
                </c:pt>
                <c:pt idx="526">
                  <c:v>108.452369</c:v>
                </c:pt>
                <c:pt idx="527">
                  <c:v>108.37844</c:v>
                </c:pt>
                <c:pt idx="528">
                  <c:v>108.282892</c:v>
                </c:pt>
                <c:pt idx="529">
                  <c:v>108.268996</c:v>
                </c:pt>
                <c:pt idx="530">
                  <c:v>108.31176499999999</c:v>
                </c:pt>
                <c:pt idx="531">
                  <c:v>108.32436199999999</c:v>
                </c:pt>
                <c:pt idx="532">
                  <c:v>108.30579</c:v>
                </c:pt>
                <c:pt idx="533">
                  <c:v>108.28291</c:v>
                </c:pt>
                <c:pt idx="534">
                  <c:v>108.294583</c:v>
                </c:pt>
                <c:pt idx="535">
                  <c:v>108.270281</c:v>
                </c:pt>
                <c:pt idx="536">
                  <c:v>108.232535</c:v>
                </c:pt>
                <c:pt idx="537">
                  <c:v>108.22721199999999</c:v>
                </c:pt>
                <c:pt idx="538">
                  <c:v>108.173118</c:v>
                </c:pt>
                <c:pt idx="539">
                  <c:v>108.101907</c:v>
                </c:pt>
                <c:pt idx="540">
                  <c:v>108.068983</c:v>
                </c:pt>
                <c:pt idx="541">
                  <c:v>108.115883</c:v>
                </c:pt>
                <c:pt idx="542">
                  <c:v>108.13021999999999</c:v>
                </c:pt>
                <c:pt idx="543">
                  <c:v>108.075767</c:v>
                </c:pt>
                <c:pt idx="544">
                  <c:v>108.01762600000001</c:v>
                </c:pt>
                <c:pt idx="545">
                  <c:v>107.967124</c:v>
                </c:pt>
                <c:pt idx="546">
                  <c:v>107.95698899999999</c:v>
                </c:pt>
                <c:pt idx="547">
                  <c:v>107.9862</c:v>
                </c:pt>
                <c:pt idx="548">
                  <c:v>107.98100100000001</c:v>
                </c:pt>
                <c:pt idx="549">
                  <c:v>107.95080299999999</c:v>
                </c:pt>
                <c:pt idx="550">
                  <c:v>107.90949000000001</c:v>
                </c:pt>
                <c:pt idx="551">
                  <c:v>107.899624</c:v>
                </c:pt>
                <c:pt idx="552">
                  <c:v>107.838578</c:v>
                </c:pt>
                <c:pt idx="553">
                  <c:v>107.78951600000001</c:v>
                </c:pt>
                <c:pt idx="554">
                  <c:v>107.868684</c:v>
                </c:pt>
                <c:pt idx="555">
                  <c:v>107.919077</c:v>
                </c:pt>
                <c:pt idx="556">
                  <c:v>107.86516399999999</c:v>
                </c:pt>
                <c:pt idx="557">
                  <c:v>107.847176</c:v>
                </c:pt>
                <c:pt idx="558">
                  <c:v>107.854274</c:v>
                </c:pt>
                <c:pt idx="559">
                  <c:v>107.83099199999999</c:v>
                </c:pt>
                <c:pt idx="560">
                  <c:v>107.816847</c:v>
                </c:pt>
                <c:pt idx="561">
                  <c:v>107.757559</c:v>
                </c:pt>
                <c:pt idx="562">
                  <c:v>107.70937600000001</c:v>
                </c:pt>
                <c:pt idx="563">
                  <c:v>107.734252</c:v>
                </c:pt>
                <c:pt idx="564">
                  <c:v>107.773492</c:v>
                </c:pt>
                <c:pt idx="565">
                  <c:v>107.789101</c:v>
                </c:pt>
                <c:pt idx="566">
                  <c:v>107.734047</c:v>
                </c:pt>
                <c:pt idx="567">
                  <c:v>107.72793900000001</c:v>
                </c:pt>
                <c:pt idx="568">
                  <c:v>107.665796</c:v>
                </c:pt>
                <c:pt idx="569">
                  <c:v>107.627022</c:v>
                </c:pt>
                <c:pt idx="570">
                  <c:v>107.67192</c:v>
                </c:pt>
                <c:pt idx="571">
                  <c:v>107.69036800000001</c:v>
                </c:pt>
                <c:pt idx="572">
                  <c:v>107.633336</c:v>
                </c:pt>
                <c:pt idx="573">
                  <c:v>107.608029</c:v>
                </c:pt>
                <c:pt idx="574">
                  <c:v>107.61892400000001</c:v>
                </c:pt>
                <c:pt idx="575">
                  <c:v>107.62856600000001</c:v>
                </c:pt>
                <c:pt idx="576">
                  <c:v>107.59277299999999</c:v>
                </c:pt>
                <c:pt idx="577">
                  <c:v>107.576413</c:v>
                </c:pt>
                <c:pt idx="578">
                  <c:v>107.61762</c:v>
                </c:pt>
                <c:pt idx="579">
                  <c:v>107.639009</c:v>
                </c:pt>
                <c:pt idx="580">
                  <c:v>107.584204</c:v>
                </c:pt>
                <c:pt idx="581">
                  <c:v>107.53858700000001</c:v>
                </c:pt>
                <c:pt idx="582">
                  <c:v>107.544715</c:v>
                </c:pt>
                <c:pt idx="583">
                  <c:v>107.574393</c:v>
                </c:pt>
                <c:pt idx="584">
                  <c:v>107.566755</c:v>
                </c:pt>
                <c:pt idx="585">
                  <c:v>107.558661</c:v>
                </c:pt>
                <c:pt idx="586">
                  <c:v>107.539461</c:v>
                </c:pt>
                <c:pt idx="587">
                  <c:v>107.500761</c:v>
                </c:pt>
                <c:pt idx="588">
                  <c:v>107.476354</c:v>
                </c:pt>
                <c:pt idx="589">
                  <c:v>107.47733100000001</c:v>
                </c:pt>
                <c:pt idx="590">
                  <c:v>107.489632</c:v>
                </c:pt>
                <c:pt idx="591">
                  <c:v>107.49878200000001</c:v>
                </c:pt>
                <c:pt idx="592">
                  <c:v>107.45957900000001</c:v>
                </c:pt>
                <c:pt idx="593">
                  <c:v>107.450774</c:v>
                </c:pt>
                <c:pt idx="594">
                  <c:v>107.474074</c:v>
                </c:pt>
                <c:pt idx="595">
                  <c:v>107.480656</c:v>
                </c:pt>
                <c:pt idx="596">
                  <c:v>107.458648</c:v>
                </c:pt>
                <c:pt idx="597">
                  <c:v>107.47266500000001</c:v>
                </c:pt>
                <c:pt idx="598">
                  <c:v>107.503244</c:v>
                </c:pt>
                <c:pt idx="599">
                  <c:v>107.49458300000001</c:v>
                </c:pt>
                <c:pt idx="600">
                  <c:v>107.468636</c:v>
                </c:pt>
                <c:pt idx="601">
                  <c:v>107.47582199999999</c:v>
                </c:pt>
                <c:pt idx="602">
                  <c:v>107.482866</c:v>
                </c:pt>
                <c:pt idx="603">
                  <c:v>107.472317</c:v>
                </c:pt>
                <c:pt idx="604">
                  <c:v>107.46774600000001</c:v>
                </c:pt>
                <c:pt idx="605">
                  <c:v>107.43291600000001</c:v>
                </c:pt>
                <c:pt idx="606">
                  <c:v>107.41045</c:v>
                </c:pt>
                <c:pt idx="607">
                  <c:v>107.40854899999999</c:v>
                </c:pt>
                <c:pt idx="608">
                  <c:v>107.397873</c:v>
                </c:pt>
                <c:pt idx="609">
                  <c:v>107.423695</c:v>
                </c:pt>
                <c:pt idx="610">
                  <c:v>107.439207</c:v>
                </c:pt>
                <c:pt idx="611">
                  <c:v>107.40614100000001</c:v>
                </c:pt>
                <c:pt idx="612">
                  <c:v>107.36827</c:v>
                </c:pt>
                <c:pt idx="613">
                  <c:v>107.357069</c:v>
                </c:pt>
                <c:pt idx="614">
                  <c:v>107.34839100000001</c:v>
                </c:pt>
                <c:pt idx="615">
                  <c:v>107.332643</c:v>
                </c:pt>
                <c:pt idx="616">
                  <c:v>107.302712</c:v>
                </c:pt>
                <c:pt idx="617">
                  <c:v>107.288078</c:v>
                </c:pt>
                <c:pt idx="618">
                  <c:v>107.268288</c:v>
                </c:pt>
                <c:pt idx="619">
                  <c:v>107.256607</c:v>
                </c:pt>
                <c:pt idx="620">
                  <c:v>107.24712700000001</c:v>
                </c:pt>
                <c:pt idx="621">
                  <c:v>107.236661</c:v>
                </c:pt>
                <c:pt idx="622">
                  <c:v>107.233183</c:v>
                </c:pt>
                <c:pt idx="623">
                  <c:v>107.23178</c:v>
                </c:pt>
                <c:pt idx="624">
                  <c:v>107.213875</c:v>
                </c:pt>
                <c:pt idx="625">
                  <c:v>107.205737</c:v>
                </c:pt>
                <c:pt idx="626">
                  <c:v>107.19074999999999</c:v>
                </c:pt>
                <c:pt idx="627">
                  <c:v>107.168347</c:v>
                </c:pt>
                <c:pt idx="628">
                  <c:v>107.142757</c:v>
                </c:pt>
                <c:pt idx="629">
                  <c:v>107.12781</c:v>
                </c:pt>
                <c:pt idx="630">
                  <c:v>107.12840799999999</c:v>
                </c:pt>
                <c:pt idx="631">
                  <c:v>107.123982</c:v>
                </c:pt>
                <c:pt idx="632">
                  <c:v>107.11448</c:v>
                </c:pt>
                <c:pt idx="633">
                  <c:v>107.101249</c:v>
                </c:pt>
                <c:pt idx="634">
                  <c:v>107.070038</c:v>
                </c:pt>
                <c:pt idx="635">
                  <c:v>107.08369</c:v>
                </c:pt>
                <c:pt idx="636">
                  <c:v>107.09436700000001</c:v>
                </c:pt>
                <c:pt idx="637">
                  <c:v>107.07268999999999</c:v>
                </c:pt>
                <c:pt idx="638">
                  <c:v>107.067809</c:v>
                </c:pt>
                <c:pt idx="639">
                  <c:v>107.04777799999999</c:v>
                </c:pt>
                <c:pt idx="640">
                  <c:v>107.016183</c:v>
                </c:pt>
                <c:pt idx="641">
                  <c:v>107.00684</c:v>
                </c:pt>
                <c:pt idx="642">
                  <c:v>107.010013</c:v>
                </c:pt>
                <c:pt idx="643">
                  <c:v>106.97307499999999</c:v>
                </c:pt>
                <c:pt idx="644">
                  <c:v>106.935151</c:v>
                </c:pt>
                <c:pt idx="645">
                  <c:v>106.918853</c:v>
                </c:pt>
                <c:pt idx="646">
                  <c:v>106.95002100000001</c:v>
                </c:pt>
                <c:pt idx="647">
                  <c:v>106.95123100000001</c:v>
                </c:pt>
                <c:pt idx="648">
                  <c:v>106.902869</c:v>
                </c:pt>
                <c:pt idx="649">
                  <c:v>106.864633</c:v>
                </c:pt>
                <c:pt idx="650">
                  <c:v>106.86908200000001</c:v>
                </c:pt>
                <c:pt idx="651">
                  <c:v>106.88806099999999</c:v>
                </c:pt>
                <c:pt idx="652">
                  <c:v>106.879848</c:v>
                </c:pt>
                <c:pt idx="653">
                  <c:v>106.850545</c:v>
                </c:pt>
                <c:pt idx="654">
                  <c:v>106.839815</c:v>
                </c:pt>
                <c:pt idx="655">
                  <c:v>106.84643699999999</c:v>
                </c:pt>
                <c:pt idx="656">
                  <c:v>106.840977</c:v>
                </c:pt>
                <c:pt idx="657">
                  <c:v>106.848264</c:v>
                </c:pt>
                <c:pt idx="658">
                  <c:v>106.800022</c:v>
                </c:pt>
                <c:pt idx="659">
                  <c:v>106.75720699999999</c:v>
                </c:pt>
                <c:pt idx="660">
                  <c:v>106.78759700000001</c:v>
                </c:pt>
                <c:pt idx="661">
                  <c:v>106.82939</c:v>
                </c:pt>
                <c:pt idx="662">
                  <c:v>106.769577</c:v>
                </c:pt>
                <c:pt idx="663">
                  <c:v>106.706684</c:v>
                </c:pt>
                <c:pt idx="664">
                  <c:v>106.71749699999999</c:v>
                </c:pt>
                <c:pt idx="665">
                  <c:v>106.72192</c:v>
                </c:pt>
                <c:pt idx="666">
                  <c:v>106.684766</c:v>
                </c:pt>
                <c:pt idx="667">
                  <c:v>106.68250500000001</c:v>
                </c:pt>
                <c:pt idx="668">
                  <c:v>106.71814999999999</c:v>
                </c:pt>
                <c:pt idx="669">
                  <c:v>106.707342</c:v>
                </c:pt>
                <c:pt idx="670">
                  <c:v>106.675856</c:v>
                </c:pt>
                <c:pt idx="671">
                  <c:v>106.668036</c:v>
                </c:pt>
                <c:pt idx="672">
                  <c:v>106.652022</c:v>
                </c:pt>
                <c:pt idx="673">
                  <c:v>106.641239</c:v>
                </c:pt>
                <c:pt idx="674">
                  <c:v>106.61485</c:v>
                </c:pt>
                <c:pt idx="675">
                  <c:v>106.582978</c:v>
                </c:pt>
                <c:pt idx="676">
                  <c:v>106.536969</c:v>
                </c:pt>
                <c:pt idx="677">
                  <c:v>106.527187</c:v>
                </c:pt>
                <c:pt idx="678">
                  <c:v>106.549065</c:v>
                </c:pt>
                <c:pt idx="679">
                  <c:v>106.559157</c:v>
                </c:pt>
                <c:pt idx="680">
                  <c:v>106.525119</c:v>
                </c:pt>
                <c:pt idx="681">
                  <c:v>106.49214600000001</c:v>
                </c:pt>
                <c:pt idx="682">
                  <c:v>106.503264</c:v>
                </c:pt>
                <c:pt idx="683">
                  <c:v>106.491421</c:v>
                </c:pt>
                <c:pt idx="684">
                  <c:v>106.437522</c:v>
                </c:pt>
                <c:pt idx="685">
                  <c:v>106.41364900000001</c:v>
                </c:pt>
                <c:pt idx="686">
                  <c:v>106.431138</c:v>
                </c:pt>
                <c:pt idx="687">
                  <c:v>106.414658</c:v>
                </c:pt>
                <c:pt idx="688">
                  <c:v>106.358046</c:v>
                </c:pt>
                <c:pt idx="689">
                  <c:v>106.299857</c:v>
                </c:pt>
                <c:pt idx="690">
                  <c:v>106.29319099999999</c:v>
                </c:pt>
                <c:pt idx="691">
                  <c:v>106.324701</c:v>
                </c:pt>
                <c:pt idx="692">
                  <c:v>106.328827</c:v>
                </c:pt>
                <c:pt idx="693">
                  <c:v>106.33765099999999</c:v>
                </c:pt>
                <c:pt idx="694">
                  <c:v>106.33262499999999</c:v>
                </c:pt>
                <c:pt idx="695">
                  <c:v>106.255944</c:v>
                </c:pt>
                <c:pt idx="696">
                  <c:v>106.18254</c:v>
                </c:pt>
                <c:pt idx="697">
                  <c:v>106.170828</c:v>
                </c:pt>
                <c:pt idx="698">
                  <c:v>106.149092</c:v>
                </c:pt>
                <c:pt idx="699">
                  <c:v>106.11150499999999</c:v>
                </c:pt>
                <c:pt idx="700">
                  <c:v>106.043499</c:v>
                </c:pt>
                <c:pt idx="701">
                  <c:v>105.978351</c:v>
                </c:pt>
                <c:pt idx="702">
                  <c:v>105.922768</c:v>
                </c:pt>
                <c:pt idx="703">
                  <c:v>105.899862</c:v>
                </c:pt>
                <c:pt idx="704">
                  <c:v>105.86753899999999</c:v>
                </c:pt>
                <c:pt idx="705">
                  <c:v>105.818304</c:v>
                </c:pt>
                <c:pt idx="706">
                  <c:v>105.779234</c:v>
                </c:pt>
                <c:pt idx="707">
                  <c:v>105.75635699999999</c:v>
                </c:pt>
                <c:pt idx="708">
                  <c:v>105.697193</c:v>
                </c:pt>
                <c:pt idx="709">
                  <c:v>105.649218</c:v>
                </c:pt>
                <c:pt idx="710">
                  <c:v>105.63885999999999</c:v>
                </c:pt>
                <c:pt idx="711">
                  <c:v>105.680786</c:v>
                </c:pt>
                <c:pt idx="712">
                  <c:v>105.694259</c:v>
                </c:pt>
                <c:pt idx="713">
                  <c:v>105.66751499999999</c:v>
                </c:pt>
                <c:pt idx="714">
                  <c:v>105.648777</c:v>
                </c:pt>
                <c:pt idx="715">
                  <c:v>105.631114</c:v>
                </c:pt>
                <c:pt idx="716">
                  <c:v>105.59191800000001</c:v>
                </c:pt>
                <c:pt idx="717">
                  <c:v>105.578305</c:v>
                </c:pt>
                <c:pt idx="718">
                  <c:v>105.56938</c:v>
                </c:pt>
                <c:pt idx="719">
                  <c:v>105.567025</c:v>
                </c:pt>
                <c:pt idx="720">
                  <c:v>105.56796900000001</c:v>
                </c:pt>
                <c:pt idx="721">
                  <c:v>105.562521</c:v>
                </c:pt>
                <c:pt idx="722">
                  <c:v>105.53353300000001</c:v>
                </c:pt>
                <c:pt idx="723">
                  <c:v>105.543463</c:v>
                </c:pt>
                <c:pt idx="724">
                  <c:v>105.55911</c:v>
                </c:pt>
                <c:pt idx="725">
                  <c:v>105.545946</c:v>
                </c:pt>
                <c:pt idx="726">
                  <c:v>105.54030400000001</c:v>
                </c:pt>
                <c:pt idx="727">
                  <c:v>105.53779900000001</c:v>
                </c:pt>
                <c:pt idx="728">
                  <c:v>105.491868</c:v>
                </c:pt>
                <c:pt idx="729">
                  <c:v>105.44055400000001</c:v>
                </c:pt>
                <c:pt idx="730">
                  <c:v>105.416541</c:v>
                </c:pt>
                <c:pt idx="731">
                  <c:v>105.412462</c:v>
                </c:pt>
                <c:pt idx="732">
                  <c:v>105.41401999999999</c:v>
                </c:pt>
                <c:pt idx="733">
                  <c:v>105.381934</c:v>
                </c:pt>
                <c:pt idx="734">
                  <c:v>105.32566</c:v>
                </c:pt>
                <c:pt idx="735">
                  <c:v>105.263606</c:v>
                </c:pt>
                <c:pt idx="736">
                  <c:v>105.17425299999999</c:v>
                </c:pt>
                <c:pt idx="737">
                  <c:v>105.125272</c:v>
                </c:pt>
                <c:pt idx="738">
                  <c:v>105.088296</c:v>
                </c:pt>
                <c:pt idx="739">
                  <c:v>105.060575</c:v>
                </c:pt>
                <c:pt idx="740">
                  <c:v>105.060301</c:v>
                </c:pt>
                <c:pt idx="741">
                  <c:v>105.04855499999999</c:v>
                </c:pt>
                <c:pt idx="742">
                  <c:v>104.97718399999999</c:v>
                </c:pt>
                <c:pt idx="743">
                  <c:v>104.929777</c:v>
                </c:pt>
                <c:pt idx="744">
                  <c:v>104.93928200000001</c:v>
                </c:pt>
                <c:pt idx="745">
                  <c:v>104.949607</c:v>
                </c:pt>
                <c:pt idx="746">
                  <c:v>104.98651099999999</c:v>
                </c:pt>
                <c:pt idx="747">
                  <c:v>105.051209</c:v>
                </c:pt>
                <c:pt idx="748">
                  <c:v>105.110681</c:v>
                </c:pt>
                <c:pt idx="749">
                  <c:v>105.188148</c:v>
                </c:pt>
                <c:pt idx="750">
                  <c:v>105.202006</c:v>
                </c:pt>
                <c:pt idx="751">
                  <c:v>105.16769600000001</c:v>
                </c:pt>
                <c:pt idx="752">
                  <c:v>105.17644300000001</c:v>
                </c:pt>
                <c:pt idx="753">
                  <c:v>105.220358</c:v>
                </c:pt>
                <c:pt idx="754">
                  <c:v>105.268331</c:v>
                </c:pt>
                <c:pt idx="755">
                  <c:v>105.259344</c:v>
                </c:pt>
                <c:pt idx="756">
                  <c:v>105.235359</c:v>
                </c:pt>
                <c:pt idx="757">
                  <c:v>105.275465</c:v>
                </c:pt>
                <c:pt idx="758">
                  <c:v>105.30947399999999</c:v>
                </c:pt>
                <c:pt idx="759">
                  <c:v>105.29518400000001</c:v>
                </c:pt>
                <c:pt idx="760">
                  <c:v>105.30165599999999</c:v>
                </c:pt>
                <c:pt idx="761">
                  <c:v>105.373805</c:v>
                </c:pt>
                <c:pt idx="762">
                  <c:v>105.428121</c:v>
                </c:pt>
                <c:pt idx="763">
                  <c:v>105.452454</c:v>
                </c:pt>
                <c:pt idx="764">
                  <c:v>105.47677899999999</c:v>
                </c:pt>
                <c:pt idx="765">
                  <c:v>105.43512800000001</c:v>
                </c:pt>
                <c:pt idx="766">
                  <c:v>105.46320799999999</c:v>
                </c:pt>
                <c:pt idx="767">
                  <c:v>105.540539</c:v>
                </c:pt>
                <c:pt idx="768">
                  <c:v>105.56159100000001</c:v>
                </c:pt>
                <c:pt idx="769">
                  <c:v>105.53964000000001</c:v>
                </c:pt>
                <c:pt idx="770">
                  <c:v>105.49603999999999</c:v>
                </c:pt>
                <c:pt idx="771">
                  <c:v>105.492383</c:v>
                </c:pt>
                <c:pt idx="772">
                  <c:v>105.493375</c:v>
                </c:pt>
                <c:pt idx="773">
                  <c:v>105.52183599999999</c:v>
                </c:pt>
                <c:pt idx="774">
                  <c:v>105.542506</c:v>
                </c:pt>
                <c:pt idx="775">
                  <c:v>105.52449</c:v>
                </c:pt>
                <c:pt idx="776">
                  <c:v>105.546086</c:v>
                </c:pt>
                <c:pt idx="777">
                  <c:v>105.51172800000001</c:v>
                </c:pt>
                <c:pt idx="778">
                  <c:v>105.484499</c:v>
                </c:pt>
                <c:pt idx="779">
                  <c:v>105.51329</c:v>
                </c:pt>
                <c:pt idx="780">
                  <c:v>105.511343</c:v>
                </c:pt>
                <c:pt idx="781">
                  <c:v>105.500505</c:v>
                </c:pt>
                <c:pt idx="782">
                  <c:v>105.494035</c:v>
                </c:pt>
                <c:pt idx="783">
                  <c:v>105.508774</c:v>
                </c:pt>
                <c:pt idx="784">
                  <c:v>105.53013199999999</c:v>
                </c:pt>
                <c:pt idx="785">
                  <c:v>105.53054</c:v>
                </c:pt>
                <c:pt idx="786">
                  <c:v>105.517124</c:v>
                </c:pt>
                <c:pt idx="787">
                  <c:v>105.504013</c:v>
                </c:pt>
                <c:pt idx="788">
                  <c:v>105.46306300000001</c:v>
                </c:pt>
                <c:pt idx="789">
                  <c:v>105.426098</c:v>
                </c:pt>
                <c:pt idx="790">
                  <c:v>105.43145800000001</c:v>
                </c:pt>
                <c:pt idx="791">
                  <c:v>105.45238999999999</c:v>
                </c:pt>
                <c:pt idx="792">
                  <c:v>105.481331</c:v>
                </c:pt>
                <c:pt idx="793">
                  <c:v>105.495664</c:v>
                </c:pt>
                <c:pt idx="794">
                  <c:v>105.465002</c:v>
                </c:pt>
                <c:pt idx="795">
                  <c:v>105.426284</c:v>
                </c:pt>
                <c:pt idx="796">
                  <c:v>105.37586899999999</c:v>
                </c:pt>
                <c:pt idx="797">
                  <c:v>105.393691</c:v>
                </c:pt>
                <c:pt idx="798">
                  <c:v>105.45896999999999</c:v>
                </c:pt>
                <c:pt idx="799">
                  <c:v>105.494395</c:v>
                </c:pt>
                <c:pt idx="800">
                  <c:v>105.49933299999999</c:v>
                </c:pt>
                <c:pt idx="801">
                  <c:v>105.460082</c:v>
                </c:pt>
                <c:pt idx="802">
                  <c:v>105.437673</c:v>
                </c:pt>
                <c:pt idx="803">
                  <c:v>105.42743</c:v>
                </c:pt>
                <c:pt idx="804">
                  <c:v>105.413827</c:v>
                </c:pt>
                <c:pt idx="805">
                  <c:v>105.379994</c:v>
                </c:pt>
                <c:pt idx="806">
                  <c:v>105.351767</c:v>
                </c:pt>
                <c:pt idx="807">
                  <c:v>105.36802900000001</c:v>
                </c:pt>
                <c:pt idx="808">
                  <c:v>105.34941499999999</c:v>
                </c:pt>
                <c:pt idx="809">
                  <c:v>105.361738</c:v>
                </c:pt>
                <c:pt idx="810">
                  <c:v>105.359961</c:v>
                </c:pt>
                <c:pt idx="811">
                  <c:v>105.34178199999999</c:v>
                </c:pt>
                <c:pt idx="812">
                  <c:v>105.336761</c:v>
                </c:pt>
                <c:pt idx="813">
                  <c:v>105.312645</c:v>
                </c:pt>
                <c:pt idx="814">
                  <c:v>105.317459</c:v>
                </c:pt>
                <c:pt idx="815">
                  <c:v>105.34502500000001</c:v>
                </c:pt>
                <c:pt idx="816">
                  <c:v>105.307667</c:v>
                </c:pt>
                <c:pt idx="817">
                  <c:v>105.304665</c:v>
                </c:pt>
                <c:pt idx="818">
                  <c:v>105.30881100000001</c:v>
                </c:pt>
                <c:pt idx="819">
                  <c:v>105.33423999999999</c:v>
                </c:pt>
                <c:pt idx="820">
                  <c:v>105.351085</c:v>
                </c:pt>
                <c:pt idx="821">
                  <c:v>105.33909300000001</c:v>
                </c:pt>
                <c:pt idx="822">
                  <c:v>105.30027</c:v>
                </c:pt>
                <c:pt idx="823">
                  <c:v>105.28394400000001</c:v>
                </c:pt>
                <c:pt idx="824">
                  <c:v>105.28971799999999</c:v>
                </c:pt>
                <c:pt idx="825">
                  <c:v>105.265815</c:v>
                </c:pt>
                <c:pt idx="826">
                  <c:v>105.2488</c:v>
                </c:pt>
                <c:pt idx="827">
                  <c:v>105.249433</c:v>
                </c:pt>
                <c:pt idx="828">
                  <c:v>105.246279</c:v>
                </c:pt>
                <c:pt idx="829">
                  <c:v>105.260668</c:v>
                </c:pt>
                <c:pt idx="830">
                  <c:v>105.261464</c:v>
                </c:pt>
                <c:pt idx="831">
                  <c:v>105.241405</c:v>
                </c:pt>
                <c:pt idx="832">
                  <c:v>105.20701200000001</c:v>
                </c:pt>
                <c:pt idx="833">
                  <c:v>105.20532799999999</c:v>
                </c:pt>
                <c:pt idx="834">
                  <c:v>105.197757</c:v>
                </c:pt>
                <c:pt idx="835">
                  <c:v>105.192215</c:v>
                </c:pt>
                <c:pt idx="836">
                  <c:v>105.213404</c:v>
                </c:pt>
                <c:pt idx="837">
                  <c:v>105.25032299999999</c:v>
                </c:pt>
                <c:pt idx="838">
                  <c:v>105.273149</c:v>
                </c:pt>
                <c:pt idx="839">
                  <c:v>105.23802000000001</c:v>
                </c:pt>
                <c:pt idx="840">
                  <c:v>105.21481799999999</c:v>
                </c:pt>
                <c:pt idx="841">
                  <c:v>105.195472</c:v>
                </c:pt>
                <c:pt idx="842">
                  <c:v>105.147295</c:v>
                </c:pt>
                <c:pt idx="843">
                  <c:v>105.14809099999999</c:v>
                </c:pt>
                <c:pt idx="844">
                  <c:v>105.193128</c:v>
                </c:pt>
                <c:pt idx="845">
                  <c:v>105.179046</c:v>
                </c:pt>
                <c:pt idx="846">
                  <c:v>105.09946600000001</c:v>
                </c:pt>
                <c:pt idx="847">
                  <c:v>105.122134</c:v>
                </c:pt>
                <c:pt idx="848">
                  <c:v>105.169483</c:v>
                </c:pt>
                <c:pt idx="849">
                  <c:v>105.198914</c:v>
                </c:pt>
                <c:pt idx="850">
                  <c:v>105.172352</c:v>
                </c:pt>
                <c:pt idx="851">
                  <c:v>105.131658</c:v>
                </c:pt>
                <c:pt idx="852">
                  <c:v>105.092123</c:v>
                </c:pt>
                <c:pt idx="853">
                  <c:v>105.09935</c:v>
                </c:pt>
                <c:pt idx="854">
                  <c:v>105.135997</c:v>
                </c:pt>
                <c:pt idx="855">
                  <c:v>105.15052300000001</c:v>
                </c:pt>
                <c:pt idx="856">
                  <c:v>105.203884</c:v>
                </c:pt>
                <c:pt idx="857">
                  <c:v>105.196984</c:v>
                </c:pt>
                <c:pt idx="858">
                  <c:v>105.129339</c:v>
                </c:pt>
                <c:pt idx="859">
                  <c:v>105.122855</c:v>
                </c:pt>
                <c:pt idx="860">
                  <c:v>105.101589</c:v>
                </c:pt>
                <c:pt idx="861">
                  <c:v>105.094285</c:v>
                </c:pt>
                <c:pt idx="862">
                  <c:v>105.11159600000001</c:v>
                </c:pt>
                <c:pt idx="863">
                  <c:v>105.106376</c:v>
                </c:pt>
                <c:pt idx="864">
                  <c:v>105.08587799999999</c:v>
                </c:pt>
                <c:pt idx="865">
                  <c:v>105.09611</c:v>
                </c:pt>
                <c:pt idx="866">
                  <c:v>105.08405999999999</c:v>
                </c:pt>
                <c:pt idx="867">
                  <c:v>105.06751199999999</c:v>
                </c:pt>
                <c:pt idx="868">
                  <c:v>105.05103800000001</c:v>
                </c:pt>
                <c:pt idx="869">
                  <c:v>105.033692</c:v>
                </c:pt>
                <c:pt idx="870">
                  <c:v>105.034578</c:v>
                </c:pt>
                <c:pt idx="871">
                  <c:v>105.071444</c:v>
                </c:pt>
                <c:pt idx="872">
                  <c:v>105.07238099999999</c:v>
                </c:pt>
                <c:pt idx="873">
                  <c:v>105.05023</c:v>
                </c:pt>
                <c:pt idx="874">
                  <c:v>105.064894</c:v>
                </c:pt>
                <c:pt idx="875">
                  <c:v>105.11059299999999</c:v>
                </c:pt>
                <c:pt idx="876">
                  <c:v>105.121886</c:v>
                </c:pt>
                <c:pt idx="877">
                  <c:v>105.111768</c:v>
                </c:pt>
                <c:pt idx="878">
                  <c:v>105.11365499999999</c:v>
                </c:pt>
                <c:pt idx="879">
                  <c:v>105.073337</c:v>
                </c:pt>
                <c:pt idx="880">
                  <c:v>105.01957299999999</c:v>
                </c:pt>
                <c:pt idx="881">
                  <c:v>105.077083</c:v>
                </c:pt>
                <c:pt idx="882">
                  <c:v>105.074783</c:v>
                </c:pt>
                <c:pt idx="883">
                  <c:v>105.02592199999999</c:v>
                </c:pt>
                <c:pt idx="884">
                  <c:v>105.034933</c:v>
                </c:pt>
                <c:pt idx="885">
                  <c:v>105.073998</c:v>
                </c:pt>
                <c:pt idx="886">
                  <c:v>105.06829999999999</c:v>
                </c:pt>
                <c:pt idx="887">
                  <c:v>105.06904299999999</c:v>
                </c:pt>
                <c:pt idx="888">
                  <c:v>105.08206</c:v>
                </c:pt>
                <c:pt idx="889">
                  <c:v>105.064549</c:v>
                </c:pt>
                <c:pt idx="890">
                  <c:v>105.009942</c:v>
                </c:pt>
                <c:pt idx="891">
                  <c:v>105.02041800000001</c:v>
                </c:pt>
                <c:pt idx="892">
                  <c:v>105.043741</c:v>
                </c:pt>
                <c:pt idx="893">
                  <c:v>105.063091</c:v>
                </c:pt>
                <c:pt idx="894">
                  <c:v>105.070981</c:v>
                </c:pt>
                <c:pt idx="895">
                  <c:v>105.05919799999999</c:v>
                </c:pt>
                <c:pt idx="896">
                  <c:v>105.01721999999999</c:v>
                </c:pt>
                <c:pt idx="897">
                  <c:v>105.02866400000001</c:v>
                </c:pt>
                <c:pt idx="898">
                  <c:v>105.09202399999999</c:v>
                </c:pt>
                <c:pt idx="899">
                  <c:v>105.11914</c:v>
                </c:pt>
                <c:pt idx="900">
                  <c:v>105.09701</c:v>
                </c:pt>
                <c:pt idx="901">
                  <c:v>105.064679</c:v>
                </c:pt>
                <c:pt idx="902">
                  <c:v>105.064825</c:v>
                </c:pt>
                <c:pt idx="903">
                  <c:v>105.072953</c:v>
                </c:pt>
                <c:pt idx="904">
                  <c:v>105.053242</c:v>
                </c:pt>
                <c:pt idx="905">
                  <c:v>105.05139</c:v>
                </c:pt>
                <c:pt idx="906">
                  <c:v>105.062742</c:v>
                </c:pt>
                <c:pt idx="907">
                  <c:v>105.062849</c:v>
                </c:pt>
                <c:pt idx="908">
                  <c:v>105.03787199999999</c:v>
                </c:pt>
                <c:pt idx="909">
                  <c:v>105.022172</c:v>
                </c:pt>
                <c:pt idx="910">
                  <c:v>105.055919</c:v>
                </c:pt>
                <c:pt idx="911">
                  <c:v>105.060891</c:v>
                </c:pt>
                <c:pt idx="912">
                  <c:v>105.04234099999999</c:v>
                </c:pt>
                <c:pt idx="913">
                  <c:v>104.98960599999999</c:v>
                </c:pt>
                <c:pt idx="914">
                  <c:v>104.972888</c:v>
                </c:pt>
                <c:pt idx="915">
                  <c:v>105.010981</c:v>
                </c:pt>
                <c:pt idx="916">
                  <c:v>105.03206400000001</c:v>
                </c:pt>
                <c:pt idx="917">
                  <c:v>105.042946</c:v>
                </c:pt>
                <c:pt idx="918">
                  <c:v>105.09952800000001</c:v>
                </c:pt>
                <c:pt idx="919">
                  <c:v>105.105216</c:v>
                </c:pt>
                <c:pt idx="920">
                  <c:v>105.044</c:v>
                </c:pt>
                <c:pt idx="921">
                  <c:v>105.012019</c:v>
                </c:pt>
                <c:pt idx="922">
                  <c:v>104.99409799999999</c:v>
                </c:pt>
                <c:pt idx="923">
                  <c:v>104.987989</c:v>
                </c:pt>
                <c:pt idx="924">
                  <c:v>104.94857500000001</c:v>
                </c:pt>
                <c:pt idx="925">
                  <c:v>104.96583099999999</c:v>
                </c:pt>
                <c:pt idx="926">
                  <c:v>104.965964</c:v>
                </c:pt>
                <c:pt idx="927">
                  <c:v>104.950788</c:v>
                </c:pt>
                <c:pt idx="928">
                  <c:v>104.940971</c:v>
                </c:pt>
                <c:pt idx="929">
                  <c:v>104.966065</c:v>
                </c:pt>
                <c:pt idx="930">
                  <c:v>105.023397</c:v>
                </c:pt>
                <c:pt idx="931">
                  <c:v>105.01443399999999</c:v>
                </c:pt>
                <c:pt idx="932">
                  <c:v>104.947095</c:v>
                </c:pt>
                <c:pt idx="933">
                  <c:v>104.90987699999999</c:v>
                </c:pt>
                <c:pt idx="934">
                  <c:v>104.968002</c:v>
                </c:pt>
                <c:pt idx="935">
                  <c:v>105.06003200000001</c:v>
                </c:pt>
                <c:pt idx="936">
                  <c:v>105.052848</c:v>
                </c:pt>
                <c:pt idx="937">
                  <c:v>105.01002099999999</c:v>
                </c:pt>
                <c:pt idx="938">
                  <c:v>104.98860999999999</c:v>
                </c:pt>
                <c:pt idx="939">
                  <c:v>104.981844</c:v>
                </c:pt>
                <c:pt idx="940">
                  <c:v>104.99940599999999</c:v>
                </c:pt>
                <c:pt idx="941">
                  <c:v>105.021068</c:v>
                </c:pt>
                <c:pt idx="942">
                  <c:v>105.041287</c:v>
                </c:pt>
                <c:pt idx="943">
                  <c:v>105.03058799999999</c:v>
                </c:pt>
                <c:pt idx="944">
                  <c:v>105.02667</c:v>
                </c:pt>
                <c:pt idx="945">
                  <c:v>105.061026</c:v>
                </c:pt>
                <c:pt idx="946">
                  <c:v>105.07326399999999</c:v>
                </c:pt>
                <c:pt idx="947">
                  <c:v>105.059871</c:v>
                </c:pt>
                <c:pt idx="948">
                  <c:v>105.063412</c:v>
                </c:pt>
                <c:pt idx="949">
                  <c:v>105.096823</c:v>
                </c:pt>
                <c:pt idx="950">
                  <c:v>105.088758</c:v>
                </c:pt>
                <c:pt idx="951">
                  <c:v>105.072676</c:v>
                </c:pt>
                <c:pt idx="952">
                  <c:v>105.124501</c:v>
                </c:pt>
                <c:pt idx="953">
                  <c:v>105.15370799999999</c:v>
                </c:pt>
                <c:pt idx="954">
                  <c:v>105.11272099999999</c:v>
                </c:pt>
                <c:pt idx="955">
                  <c:v>105.105845</c:v>
                </c:pt>
                <c:pt idx="956">
                  <c:v>105.099986</c:v>
                </c:pt>
                <c:pt idx="957">
                  <c:v>105.045652</c:v>
                </c:pt>
                <c:pt idx="958">
                  <c:v>105.05288</c:v>
                </c:pt>
                <c:pt idx="959">
                  <c:v>105.113529</c:v>
                </c:pt>
                <c:pt idx="960">
                  <c:v>105.096751</c:v>
                </c:pt>
                <c:pt idx="961">
                  <c:v>105.079442</c:v>
                </c:pt>
                <c:pt idx="962">
                  <c:v>105.092032</c:v>
                </c:pt>
                <c:pt idx="963">
                  <c:v>105.08807400000001</c:v>
                </c:pt>
                <c:pt idx="964">
                  <c:v>105.030704</c:v>
                </c:pt>
                <c:pt idx="965">
                  <c:v>104.992929</c:v>
                </c:pt>
                <c:pt idx="966">
                  <c:v>104.97882199999999</c:v>
                </c:pt>
                <c:pt idx="967">
                  <c:v>105.026111</c:v>
                </c:pt>
                <c:pt idx="968">
                  <c:v>105.05282800000001</c:v>
                </c:pt>
                <c:pt idx="969">
                  <c:v>105.06547</c:v>
                </c:pt>
                <c:pt idx="970">
                  <c:v>105.083445</c:v>
                </c:pt>
                <c:pt idx="971">
                  <c:v>105.045641</c:v>
                </c:pt>
                <c:pt idx="972">
                  <c:v>105.018309</c:v>
                </c:pt>
                <c:pt idx="973">
                  <c:v>105.009557</c:v>
                </c:pt>
                <c:pt idx="974">
                  <c:v>104.971575</c:v>
                </c:pt>
                <c:pt idx="975">
                  <c:v>104.95674</c:v>
                </c:pt>
                <c:pt idx="976">
                  <c:v>104.99106999999999</c:v>
                </c:pt>
                <c:pt idx="977">
                  <c:v>105.023287</c:v>
                </c:pt>
                <c:pt idx="978">
                  <c:v>105.038798</c:v>
                </c:pt>
                <c:pt idx="979">
                  <c:v>105.059034</c:v>
                </c:pt>
                <c:pt idx="980">
                  <c:v>105.06723700000001</c:v>
                </c:pt>
                <c:pt idx="981">
                  <c:v>105.057953</c:v>
                </c:pt>
                <c:pt idx="982">
                  <c:v>105.028104</c:v>
                </c:pt>
                <c:pt idx="983">
                  <c:v>105.04785699999999</c:v>
                </c:pt>
                <c:pt idx="984">
                  <c:v>105.097297</c:v>
                </c:pt>
                <c:pt idx="985">
                  <c:v>105.140038</c:v>
                </c:pt>
                <c:pt idx="986">
                  <c:v>105.136357</c:v>
                </c:pt>
                <c:pt idx="987">
                  <c:v>105.10925400000001</c:v>
                </c:pt>
                <c:pt idx="988">
                  <c:v>105.131117</c:v>
                </c:pt>
                <c:pt idx="989">
                  <c:v>105.144003</c:v>
                </c:pt>
                <c:pt idx="990">
                  <c:v>105.092247</c:v>
                </c:pt>
                <c:pt idx="991">
                  <c:v>105.09501899999999</c:v>
                </c:pt>
                <c:pt idx="992">
                  <c:v>105.070688</c:v>
                </c:pt>
                <c:pt idx="993">
                  <c:v>105.037103</c:v>
                </c:pt>
                <c:pt idx="994">
                  <c:v>105.060733</c:v>
                </c:pt>
                <c:pt idx="995">
                  <c:v>105.04871300000001</c:v>
                </c:pt>
                <c:pt idx="996">
                  <c:v>105.01608</c:v>
                </c:pt>
                <c:pt idx="997">
                  <c:v>105.053617</c:v>
                </c:pt>
                <c:pt idx="998">
                  <c:v>105.070278</c:v>
                </c:pt>
                <c:pt idx="999">
                  <c:v>105.11238</c:v>
                </c:pt>
                <c:pt idx="1000">
                  <c:v>105.138199</c:v>
                </c:pt>
                <c:pt idx="1001">
                  <c:v>105.125399</c:v>
                </c:pt>
                <c:pt idx="1002">
                  <c:v>105.145126</c:v>
                </c:pt>
                <c:pt idx="1003">
                  <c:v>105.155395</c:v>
                </c:pt>
                <c:pt idx="1004">
                  <c:v>105.115094</c:v>
                </c:pt>
                <c:pt idx="1005">
                  <c:v>105.09612799999999</c:v>
                </c:pt>
                <c:pt idx="1006">
                  <c:v>105.088024</c:v>
                </c:pt>
                <c:pt idx="1007">
                  <c:v>105.092557</c:v>
                </c:pt>
                <c:pt idx="1008">
                  <c:v>105.067809</c:v>
                </c:pt>
                <c:pt idx="1009">
                  <c:v>105.08301899999999</c:v>
                </c:pt>
                <c:pt idx="1010">
                  <c:v>105.14881699999999</c:v>
                </c:pt>
                <c:pt idx="1011">
                  <c:v>105.139139</c:v>
                </c:pt>
                <c:pt idx="1012">
                  <c:v>105.08977</c:v>
                </c:pt>
                <c:pt idx="1013">
                  <c:v>105.068029</c:v>
                </c:pt>
                <c:pt idx="1014">
                  <c:v>105.05690800000001</c:v>
                </c:pt>
                <c:pt idx="1015">
                  <c:v>105.08861899999999</c:v>
                </c:pt>
                <c:pt idx="1016">
                  <c:v>105.125248</c:v>
                </c:pt>
                <c:pt idx="1017">
                  <c:v>105.121796</c:v>
                </c:pt>
                <c:pt idx="1018">
                  <c:v>105.12747</c:v>
                </c:pt>
                <c:pt idx="1019">
                  <c:v>105.124717</c:v>
                </c:pt>
                <c:pt idx="1020">
                  <c:v>105.14237900000001</c:v>
                </c:pt>
                <c:pt idx="1021">
                  <c:v>105.13105</c:v>
                </c:pt>
                <c:pt idx="1022">
                  <c:v>105.09508599999999</c:v>
                </c:pt>
                <c:pt idx="1023">
                  <c:v>105.091919</c:v>
                </c:pt>
                <c:pt idx="1024">
                  <c:v>105.096502</c:v>
                </c:pt>
                <c:pt idx="1025">
                  <c:v>105.12745200000001</c:v>
                </c:pt>
                <c:pt idx="1026">
                  <c:v>105.114302</c:v>
                </c:pt>
                <c:pt idx="1027">
                  <c:v>105.115027</c:v>
                </c:pt>
                <c:pt idx="1028">
                  <c:v>105.133596</c:v>
                </c:pt>
                <c:pt idx="1029">
                  <c:v>105.151432</c:v>
                </c:pt>
                <c:pt idx="1030">
                  <c:v>105.160481</c:v>
                </c:pt>
                <c:pt idx="1031">
                  <c:v>105.16427400000001</c:v>
                </c:pt>
                <c:pt idx="1032">
                  <c:v>105.183031</c:v>
                </c:pt>
                <c:pt idx="1033">
                  <c:v>105.169304</c:v>
                </c:pt>
                <c:pt idx="1034">
                  <c:v>105.161466</c:v>
                </c:pt>
                <c:pt idx="1035">
                  <c:v>105.18598900000001</c:v>
                </c:pt>
                <c:pt idx="1036">
                  <c:v>105.188744</c:v>
                </c:pt>
                <c:pt idx="1037">
                  <c:v>105.192365</c:v>
                </c:pt>
                <c:pt idx="1038">
                  <c:v>105.161511</c:v>
                </c:pt>
                <c:pt idx="1039">
                  <c:v>105.164638</c:v>
                </c:pt>
                <c:pt idx="1040">
                  <c:v>105.174254</c:v>
                </c:pt>
                <c:pt idx="1041">
                  <c:v>105.116922</c:v>
                </c:pt>
                <c:pt idx="1042">
                  <c:v>105.129245</c:v>
                </c:pt>
                <c:pt idx="1043">
                  <c:v>105.186652</c:v>
                </c:pt>
                <c:pt idx="1044">
                  <c:v>105.192548</c:v>
                </c:pt>
                <c:pt idx="1045">
                  <c:v>105.1593</c:v>
                </c:pt>
                <c:pt idx="1046">
                  <c:v>105.167214</c:v>
                </c:pt>
                <c:pt idx="1047">
                  <c:v>105.20040299999999</c:v>
                </c:pt>
                <c:pt idx="1048">
                  <c:v>105.186891</c:v>
                </c:pt>
                <c:pt idx="1049">
                  <c:v>105.178161</c:v>
                </c:pt>
                <c:pt idx="1050">
                  <c:v>105.167402</c:v>
                </c:pt>
                <c:pt idx="1051">
                  <c:v>105.16184</c:v>
                </c:pt>
                <c:pt idx="1052">
                  <c:v>105.17084699999999</c:v>
                </c:pt>
                <c:pt idx="1053">
                  <c:v>105.171674</c:v>
                </c:pt>
                <c:pt idx="1054">
                  <c:v>105.17312200000001</c:v>
                </c:pt>
                <c:pt idx="1055">
                  <c:v>105.14040900000001</c:v>
                </c:pt>
                <c:pt idx="1056">
                  <c:v>105.199524</c:v>
                </c:pt>
                <c:pt idx="1057">
                  <c:v>105.261002</c:v>
                </c:pt>
                <c:pt idx="1058">
                  <c:v>105.24448599999999</c:v>
                </c:pt>
                <c:pt idx="1059">
                  <c:v>105.17930699999999</c:v>
                </c:pt>
                <c:pt idx="1060">
                  <c:v>105.19578199999999</c:v>
                </c:pt>
                <c:pt idx="1061">
                  <c:v>105.24189699999999</c:v>
                </c:pt>
                <c:pt idx="1062">
                  <c:v>105.216109</c:v>
                </c:pt>
                <c:pt idx="1063">
                  <c:v>105.18571</c:v>
                </c:pt>
                <c:pt idx="1064">
                  <c:v>105.195368</c:v>
                </c:pt>
                <c:pt idx="1065">
                  <c:v>105.233352</c:v>
                </c:pt>
                <c:pt idx="1066">
                  <c:v>105.25385300000001</c:v>
                </c:pt>
                <c:pt idx="1067">
                  <c:v>105.232044</c:v>
                </c:pt>
                <c:pt idx="1068">
                  <c:v>105.23757999999999</c:v>
                </c:pt>
                <c:pt idx="1069">
                  <c:v>105.27011400000001</c:v>
                </c:pt>
                <c:pt idx="1070">
                  <c:v>105.200346</c:v>
                </c:pt>
                <c:pt idx="1071">
                  <c:v>105.109331</c:v>
                </c:pt>
                <c:pt idx="1072">
                  <c:v>105.200836</c:v>
                </c:pt>
                <c:pt idx="1073">
                  <c:v>105.261639</c:v>
                </c:pt>
                <c:pt idx="1074">
                  <c:v>105.20861600000001</c:v>
                </c:pt>
                <c:pt idx="1075">
                  <c:v>105.169662</c:v>
                </c:pt>
                <c:pt idx="1076">
                  <c:v>105.16458299999999</c:v>
                </c:pt>
                <c:pt idx="1077">
                  <c:v>105.183825</c:v>
                </c:pt>
                <c:pt idx="1078">
                  <c:v>105.19664299999999</c:v>
                </c:pt>
                <c:pt idx="1079">
                  <c:v>105.23818</c:v>
                </c:pt>
                <c:pt idx="1080">
                  <c:v>105.242763</c:v>
                </c:pt>
                <c:pt idx="1081">
                  <c:v>105.155264</c:v>
                </c:pt>
                <c:pt idx="1082">
                  <c:v>105.072806</c:v>
                </c:pt>
                <c:pt idx="1083">
                  <c:v>105.19111599999999</c:v>
                </c:pt>
                <c:pt idx="1084">
                  <c:v>105.22308200000001</c:v>
                </c:pt>
                <c:pt idx="1085">
                  <c:v>105.20439399999999</c:v>
                </c:pt>
                <c:pt idx="1086">
                  <c:v>105.160186</c:v>
                </c:pt>
                <c:pt idx="1087">
                  <c:v>105.114276</c:v>
                </c:pt>
                <c:pt idx="1088">
                  <c:v>105.13861199999999</c:v>
                </c:pt>
                <c:pt idx="1089">
                  <c:v>105.15691</c:v>
                </c:pt>
                <c:pt idx="1090">
                  <c:v>105.146466</c:v>
                </c:pt>
                <c:pt idx="1091">
                  <c:v>105.09693900000001</c:v>
                </c:pt>
                <c:pt idx="1092">
                  <c:v>105.061812</c:v>
                </c:pt>
                <c:pt idx="1093">
                  <c:v>105.083027</c:v>
                </c:pt>
                <c:pt idx="1094">
                  <c:v>105.085953</c:v>
                </c:pt>
                <c:pt idx="1095">
                  <c:v>105.04706899999999</c:v>
                </c:pt>
                <c:pt idx="1096">
                  <c:v>105.09789600000001</c:v>
                </c:pt>
                <c:pt idx="1097">
                  <c:v>105.08178700000001</c:v>
                </c:pt>
                <c:pt idx="1098">
                  <c:v>104.99283699999999</c:v>
                </c:pt>
                <c:pt idx="1099">
                  <c:v>105.102825</c:v>
                </c:pt>
                <c:pt idx="1100">
                  <c:v>105.18660199999999</c:v>
                </c:pt>
                <c:pt idx="1101">
                  <c:v>105.153266</c:v>
                </c:pt>
                <c:pt idx="1102">
                  <c:v>105.090361</c:v>
                </c:pt>
                <c:pt idx="1103">
                  <c:v>104.94183</c:v>
                </c:pt>
                <c:pt idx="1104">
                  <c:v>105.05871399999999</c:v>
                </c:pt>
                <c:pt idx="1105">
                  <c:v>105.143781</c:v>
                </c:pt>
                <c:pt idx="1106">
                  <c:v>105.09285199999999</c:v>
                </c:pt>
                <c:pt idx="1107">
                  <c:v>105.180983</c:v>
                </c:pt>
                <c:pt idx="1108">
                  <c:v>105.22600799999999</c:v>
                </c:pt>
                <c:pt idx="1109">
                  <c:v>105.212315</c:v>
                </c:pt>
                <c:pt idx="1110">
                  <c:v>105.19426799999999</c:v>
                </c:pt>
                <c:pt idx="1111">
                  <c:v>105.201177</c:v>
                </c:pt>
                <c:pt idx="1112">
                  <c:v>105.076268</c:v>
                </c:pt>
                <c:pt idx="1113">
                  <c:v>104.820803</c:v>
                </c:pt>
                <c:pt idx="1114">
                  <c:v>104.83704400000001</c:v>
                </c:pt>
                <c:pt idx="1115">
                  <c:v>105.15337100000001</c:v>
                </c:pt>
                <c:pt idx="1116">
                  <c:v>105.21071499999999</c:v>
                </c:pt>
                <c:pt idx="1117">
                  <c:v>105.118562</c:v>
                </c:pt>
                <c:pt idx="1118">
                  <c:v>105.168606</c:v>
                </c:pt>
                <c:pt idx="1119">
                  <c:v>105.237842</c:v>
                </c:pt>
                <c:pt idx="1120">
                  <c:v>105.24203199999999</c:v>
                </c:pt>
                <c:pt idx="1121">
                  <c:v>105.28107</c:v>
                </c:pt>
                <c:pt idx="1122">
                  <c:v>105.29027600000001</c:v>
                </c:pt>
                <c:pt idx="1123">
                  <c:v>105.23383200000001</c:v>
                </c:pt>
                <c:pt idx="1124">
                  <c:v>105.072614</c:v>
                </c:pt>
                <c:pt idx="1125">
                  <c:v>105.068575</c:v>
                </c:pt>
                <c:pt idx="1126">
                  <c:v>105.233801</c:v>
                </c:pt>
                <c:pt idx="1127">
                  <c:v>105.037363</c:v>
                </c:pt>
                <c:pt idx="1128">
                  <c:v>104.956935</c:v>
                </c:pt>
                <c:pt idx="1129">
                  <c:v>105.16160000000001</c:v>
                </c:pt>
                <c:pt idx="1130">
                  <c:v>105.224729</c:v>
                </c:pt>
                <c:pt idx="1131">
                  <c:v>105.275651</c:v>
                </c:pt>
                <c:pt idx="1132">
                  <c:v>105.32441300000001</c:v>
                </c:pt>
                <c:pt idx="1133">
                  <c:v>105.326964</c:v>
                </c:pt>
                <c:pt idx="1134">
                  <c:v>105.204189</c:v>
                </c:pt>
                <c:pt idx="1135">
                  <c:v>105.193122</c:v>
                </c:pt>
                <c:pt idx="1136">
                  <c:v>105.294299</c:v>
                </c:pt>
                <c:pt idx="1137">
                  <c:v>105.37562</c:v>
                </c:pt>
                <c:pt idx="1138">
                  <c:v>105.345843</c:v>
                </c:pt>
                <c:pt idx="1139">
                  <c:v>105.291438</c:v>
                </c:pt>
                <c:pt idx="1140">
                  <c:v>105.24717200000001</c:v>
                </c:pt>
                <c:pt idx="1141">
                  <c:v>105.241387</c:v>
                </c:pt>
                <c:pt idx="1142">
                  <c:v>105.292616</c:v>
                </c:pt>
                <c:pt idx="1143">
                  <c:v>105.335227</c:v>
                </c:pt>
                <c:pt idx="1144">
                  <c:v>105.28503600000001</c:v>
                </c:pt>
                <c:pt idx="1145">
                  <c:v>105.177879</c:v>
                </c:pt>
                <c:pt idx="1146">
                  <c:v>105.132983</c:v>
                </c:pt>
                <c:pt idx="1147">
                  <c:v>105.23428</c:v>
                </c:pt>
                <c:pt idx="1148">
                  <c:v>105.30843299999999</c:v>
                </c:pt>
                <c:pt idx="1149">
                  <c:v>105.319714</c:v>
                </c:pt>
                <c:pt idx="1150">
                  <c:v>105.29441199999999</c:v>
                </c:pt>
                <c:pt idx="1151">
                  <c:v>105.254379</c:v>
                </c:pt>
                <c:pt idx="1152">
                  <c:v>105.18235300000001</c:v>
                </c:pt>
                <c:pt idx="1153">
                  <c:v>105.125719</c:v>
                </c:pt>
                <c:pt idx="1154">
                  <c:v>105.15105699999999</c:v>
                </c:pt>
                <c:pt idx="1155">
                  <c:v>105.25019399999999</c:v>
                </c:pt>
                <c:pt idx="1156">
                  <c:v>105.200434</c:v>
                </c:pt>
                <c:pt idx="1157">
                  <c:v>105.103098</c:v>
                </c:pt>
                <c:pt idx="1158">
                  <c:v>105.012503</c:v>
                </c:pt>
                <c:pt idx="1159">
                  <c:v>105.00201199999999</c:v>
                </c:pt>
                <c:pt idx="1160">
                  <c:v>105.21973199999999</c:v>
                </c:pt>
                <c:pt idx="1161">
                  <c:v>105.24713</c:v>
                </c:pt>
                <c:pt idx="1162">
                  <c:v>105.117097</c:v>
                </c:pt>
                <c:pt idx="1163">
                  <c:v>104.908788</c:v>
                </c:pt>
                <c:pt idx="1164">
                  <c:v>105.139405</c:v>
                </c:pt>
                <c:pt idx="1165">
                  <c:v>105.176979</c:v>
                </c:pt>
                <c:pt idx="1166">
                  <c:v>104.91668300000001</c:v>
                </c:pt>
                <c:pt idx="1167">
                  <c:v>104.99085100000001</c:v>
                </c:pt>
                <c:pt idx="1168">
                  <c:v>105.34448399999999</c:v>
                </c:pt>
                <c:pt idx="1169">
                  <c:v>105.348933</c:v>
                </c:pt>
                <c:pt idx="1170">
                  <c:v>105.25451099999999</c:v>
                </c:pt>
                <c:pt idx="1171">
                  <c:v>105.212143</c:v>
                </c:pt>
                <c:pt idx="1172">
                  <c:v>105.24260700000001</c:v>
                </c:pt>
                <c:pt idx="1173">
                  <c:v>105.285951</c:v>
                </c:pt>
                <c:pt idx="1174">
                  <c:v>105.22765099999999</c:v>
                </c:pt>
                <c:pt idx="1175">
                  <c:v>105.247364</c:v>
                </c:pt>
                <c:pt idx="1176">
                  <c:v>105.21719299999999</c:v>
                </c:pt>
                <c:pt idx="1177">
                  <c:v>105.227508</c:v>
                </c:pt>
                <c:pt idx="1178">
                  <c:v>105.29257800000001</c:v>
                </c:pt>
                <c:pt idx="1179">
                  <c:v>105.315794</c:v>
                </c:pt>
                <c:pt idx="1180">
                  <c:v>105.274209</c:v>
                </c:pt>
                <c:pt idx="1181">
                  <c:v>105.24396400000001</c:v>
                </c:pt>
                <c:pt idx="1182">
                  <c:v>105.379226</c:v>
                </c:pt>
                <c:pt idx="1183">
                  <c:v>105.378788</c:v>
                </c:pt>
                <c:pt idx="1184">
                  <c:v>105.27642</c:v>
                </c:pt>
                <c:pt idx="1185">
                  <c:v>105.269288</c:v>
                </c:pt>
                <c:pt idx="1186">
                  <c:v>105.282425</c:v>
                </c:pt>
                <c:pt idx="1187">
                  <c:v>105.290753</c:v>
                </c:pt>
                <c:pt idx="1188">
                  <c:v>105.27134599999999</c:v>
                </c:pt>
                <c:pt idx="1189">
                  <c:v>105.233177</c:v>
                </c:pt>
                <c:pt idx="1190">
                  <c:v>105.15527899999999</c:v>
                </c:pt>
                <c:pt idx="1191">
                  <c:v>105.211482</c:v>
                </c:pt>
                <c:pt idx="1192">
                  <c:v>105.16489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50DE-4C50-BBC3-9E9B8E65B9D6}"/>
            </c:ext>
          </c:extLst>
        </c:ser>
        <c:ser>
          <c:idx val="2"/>
          <c:order val="3"/>
          <c:tx>
            <c:strRef>
              <c:f>'Fig 2 b'!$K$7</c:f>
              <c:strCache>
                <c:ptCount val="1"/>
                <c:pt idx="0">
                  <c:v>S-P-2.6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none"/>
          </c:marker>
          <c:xVal>
            <c:numRef>
              <c:f>'Fig 2 b'!$K$10:$K$1202</c:f>
              <c:numCache>
                <c:formatCode>General</c:formatCode>
                <c:ptCount val="1193"/>
                <c:pt idx="0">
                  <c:v>1500.6188480000001</c:v>
                </c:pt>
                <c:pt idx="1">
                  <c:v>1502.5476639999999</c:v>
                </c:pt>
                <c:pt idx="2">
                  <c:v>1504.47648</c:v>
                </c:pt>
                <c:pt idx="3">
                  <c:v>1506.4052959999999</c:v>
                </c:pt>
                <c:pt idx="4">
                  <c:v>1508.334112</c:v>
                </c:pt>
                <c:pt idx="5">
                  <c:v>1510.2629280000001</c:v>
                </c:pt>
                <c:pt idx="6">
                  <c:v>1512.191744</c:v>
                </c:pt>
                <c:pt idx="7">
                  <c:v>1514.1205600000001</c:v>
                </c:pt>
                <c:pt idx="8">
                  <c:v>1516.0493759999999</c:v>
                </c:pt>
                <c:pt idx="9">
                  <c:v>1517.978192</c:v>
                </c:pt>
                <c:pt idx="10">
                  <c:v>1519.9070079999999</c:v>
                </c:pt>
                <c:pt idx="11">
                  <c:v>1521.835824</c:v>
                </c:pt>
                <c:pt idx="12">
                  <c:v>1523.7646400000001</c:v>
                </c:pt>
                <c:pt idx="13">
                  <c:v>1525.693456</c:v>
                </c:pt>
                <c:pt idx="14">
                  <c:v>1527.6222720000001</c:v>
                </c:pt>
                <c:pt idx="15">
                  <c:v>1529.5510879999999</c:v>
                </c:pt>
                <c:pt idx="16">
                  <c:v>1531.479904</c:v>
                </c:pt>
                <c:pt idx="17">
                  <c:v>1533.4087199999999</c:v>
                </c:pt>
                <c:pt idx="18">
                  <c:v>1535.337536</c:v>
                </c:pt>
                <c:pt idx="19">
                  <c:v>1537.2663520000001</c:v>
                </c:pt>
                <c:pt idx="20">
                  <c:v>1539.195168</c:v>
                </c:pt>
                <c:pt idx="21">
                  <c:v>1541.1239840000001</c:v>
                </c:pt>
                <c:pt idx="22">
                  <c:v>1543.0527999999999</c:v>
                </c:pt>
                <c:pt idx="23">
                  <c:v>1544.981616</c:v>
                </c:pt>
                <c:pt idx="24">
                  <c:v>1546.9104319999999</c:v>
                </c:pt>
                <c:pt idx="25">
                  <c:v>1548.839248</c:v>
                </c:pt>
                <c:pt idx="26">
                  <c:v>1550.7680640000001</c:v>
                </c:pt>
                <c:pt idx="27">
                  <c:v>1552.69688</c:v>
                </c:pt>
                <c:pt idx="28">
                  <c:v>1554.6256960000001</c:v>
                </c:pt>
                <c:pt idx="29">
                  <c:v>1556.5545119999999</c:v>
                </c:pt>
                <c:pt idx="30">
                  <c:v>1558.483328</c:v>
                </c:pt>
                <c:pt idx="31">
                  <c:v>1560.4121439999999</c:v>
                </c:pt>
                <c:pt idx="32">
                  <c:v>1562.34096</c:v>
                </c:pt>
                <c:pt idx="33">
                  <c:v>1564.2697760000001</c:v>
                </c:pt>
                <c:pt idx="34">
                  <c:v>1566.198592</c:v>
                </c:pt>
                <c:pt idx="35">
                  <c:v>1568.1274080000001</c:v>
                </c:pt>
                <c:pt idx="36">
                  <c:v>1570.0562239999999</c:v>
                </c:pt>
                <c:pt idx="37">
                  <c:v>1571.98504</c:v>
                </c:pt>
                <c:pt idx="38">
                  <c:v>1573.9138559999999</c:v>
                </c:pt>
                <c:pt idx="39">
                  <c:v>1575.842672</c:v>
                </c:pt>
                <c:pt idx="40">
                  <c:v>1577.7714880000001</c:v>
                </c:pt>
                <c:pt idx="41">
                  <c:v>1579.700304</c:v>
                </c:pt>
                <c:pt idx="42">
                  <c:v>1581.6291200000001</c:v>
                </c:pt>
                <c:pt idx="43">
                  <c:v>1583.5579359999999</c:v>
                </c:pt>
                <c:pt idx="44">
                  <c:v>1585.486752</c:v>
                </c:pt>
                <c:pt idx="45">
                  <c:v>1587.4155679999999</c:v>
                </c:pt>
                <c:pt idx="46">
                  <c:v>1589.344384</c:v>
                </c:pt>
                <c:pt idx="47">
                  <c:v>1591.2732000000001</c:v>
                </c:pt>
                <c:pt idx="48">
                  <c:v>1593.202016</c:v>
                </c:pt>
                <c:pt idx="49">
                  <c:v>1595.1308320000001</c:v>
                </c:pt>
                <c:pt idx="50">
                  <c:v>1597.0596479999999</c:v>
                </c:pt>
                <c:pt idx="51">
                  <c:v>1598.988464</c:v>
                </c:pt>
                <c:pt idx="52">
                  <c:v>1600.9172799999999</c:v>
                </c:pt>
                <c:pt idx="53">
                  <c:v>1602.846096</c:v>
                </c:pt>
                <c:pt idx="54">
                  <c:v>1604.7749120000001</c:v>
                </c:pt>
                <c:pt idx="55">
                  <c:v>1606.703728</c:v>
                </c:pt>
                <c:pt idx="56">
                  <c:v>1608.6325440000001</c:v>
                </c:pt>
                <c:pt idx="57">
                  <c:v>1610.5613599999999</c:v>
                </c:pt>
                <c:pt idx="58">
                  <c:v>1612.490176</c:v>
                </c:pt>
                <c:pt idx="59">
                  <c:v>1614.4189919999999</c:v>
                </c:pt>
                <c:pt idx="60">
                  <c:v>1616.347808</c:v>
                </c:pt>
                <c:pt idx="61">
                  <c:v>1618.2766240000001</c:v>
                </c:pt>
                <c:pt idx="62">
                  <c:v>1620.20544</c:v>
                </c:pt>
                <c:pt idx="63">
                  <c:v>1622.1342560000001</c:v>
                </c:pt>
                <c:pt idx="64">
                  <c:v>1624.0630719999999</c:v>
                </c:pt>
                <c:pt idx="65">
                  <c:v>1625.991888</c:v>
                </c:pt>
                <c:pt idx="66">
                  <c:v>1627.9207039999999</c:v>
                </c:pt>
                <c:pt idx="67">
                  <c:v>1629.84952</c:v>
                </c:pt>
                <c:pt idx="68">
                  <c:v>1631.7783360000001</c:v>
                </c:pt>
                <c:pt idx="69">
                  <c:v>1633.707152</c:v>
                </c:pt>
                <c:pt idx="70">
                  <c:v>1635.635968</c:v>
                </c:pt>
                <c:pt idx="71">
                  <c:v>1637.5647839999999</c:v>
                </c:pt>
                <c:pt idx="72">
                  <c:v>1639.4936</c:v>
                </c:pt>
                <c:pt idx="73">
                  <c:v>1641.4224160000001</c:v>
                </c:pt>
                <c:pt idx="74">
                  <c:v>1643.351232</c:v>
                </c:pt>
                <c:pt idx="75">
                  <c:v>1645.2800480000001</c:v>
                </c:pt>
                <c:pt idx="76">
                  <c:v>1647.2088639999999</c:v>
                </c:pt>
                <c:pt idx="77">
                  <c:v>1649.13768</c:v>
                </c:pt>
                <c:pt idx="78">
                  <c:v>1651.0664959999999</c:v>
                </c:pt>
                <c:pt idx="79">
                  <c:v>1652.995312</c:v>
                </c:pt>
                <c:pt idx="80">
                  <c:v>1654.9241280000001</c:v>
                </c:pt>
                <c:pt idx="81">
                  <c:v>1656.852944</c:v>
                </c:pt>
                <c:pt idx="82">
                  <c:v>1658.7817600000001</c:v>
                </c:pt>
                <c:pt idx="83">
                  <c:v>1660.7105759999999</c:v>
                </c:pt>
                <c:pt idx="84">
                  <c:v>1662.639392</c:v>
                </c:pt>
                <c:pt idx="85">
                  <c:v>1664.5682079999999</c:v>
                </c:pt>
                <c:pt idx="86">
                  <c:v>1666.497024</c:v>
                </c:pt>
                <c:pt idx="87">
                  <c:v>1668.4258400000001</c:v>
                </c:pt>
                <c:pt idx="88">
                  <c:v>1670.354656</c:v>
                </c:pt>
                <c:pt idx="89">
                  <c:v>1672.2834720000001</c:v>
                </c:pt>
                <c:pt idx="90">
                  <c:v>1674.2122879999999</c:v>
                </c:pt>
                <c:pt idx="91">
                  <c:v>1676.141104</c:v>
                </c:pt>
                <c:pt idx="92">
                  <c:v>1678.0699199999999</c:v>
                </c:pt>
                <c:pt idx="93">
                  <c:v>1679.998736</c:v>
                </c:pt>
                <c:pt idx="94">
                  <c:v>1681.9275520000001</c:v>
                </c:pt>
                <c:pt idx="95">
                  <c:v>1683.856368</c:v>
                </c:pt>
                <c:pt idx="96">
                  <c:v>1685.7851840000001</c:v>
                </c:pt>
                <c:pt idx="97">
                  <c:v>1687.7139999999999</c:v>
                </c:pt>
                <c:pt idx="98">
                  <c:v>1689.642816</c:v>
                </c:pt>
                <c:pt idx="99">
                  <c:v>1691.5716319999999</c:v>
                </c:pt>
                <c:pt idx="100">
                  <c:v>1693.500448</c:v>
                </c:pt>
                <c:pt idx="101">
                  <c:v>1695.4292640000001</c:v>
                </c:pt>
                <c:pt idx="102">
                  <c:v>1697.35808</c:v>
                </c:pt>
                <c:pt idx="103">
                  <c:v>1699.2868960000001</c:v>
                </c:pt>
                <c:pt idx="104">
                  <c:v>1701.2157119999999</c:v>
                </c:pt>
                <c:pt idx="105">
                  <c:v>1703.144528</c:v>
                </c:pt>
                <c:pt idx="106">
                  <c:v>1705.0733439999999</c:v>
                </c:pt>
                <c:pt idx="107">
                  <c:v>1707.00216</c:v>
                </c:pt>
                <c:pt idx="108">
                  <c:v>1708.9309760000001</c:v>
                </c:pt>
                <c:pt idx="109">
                  <c:v>1710.859792</c:v>
                </c:pt>
                <c:pt idx="110">
                  <c:v>1712.7886080000001</c:v>
                </c:pt>
                <c:pt idx="111">
                  <c:v>1714.7174239999999</c:v>
                </c:pt>
                <c:pt idx="112">
                  <c:v>1716.64624</c:v>
                </c:pt>
                <c:pt idx="113">
                  <c:v>1718.5750559999999</c:v>
                </c:pt>
                <c:pt idx="114">
                  <c:v>1720.503872</c:v>
                </c:pt>
                <c:pt idx="115">
                  <c:v>1722.4326880000001</c:v>
                </c:pt>
                <c:pt idx="116">
                  <c:v>1724.361504</c:v>
                </c:pt>
                <c:pt idx="117">
                  <c:v>1726.2903200000001</c:v>
                </c:pt>
                <c:pt idx="118">
                  <c:v>1728.2191359999999</c:v>
                </c:pt>
                <c:pt idx="119">
                  <c:v>1730.147952</c:v>
                </c:pt>
                <c:pt idx="120">
                  <c:v>1732.0767679999999</c:v>
                </c:pt>
                <c:pt idx="121">
                  <c:v>1734.005584</c:v>
                </c:pt>
                <c:pt idx="122">
                  <c:v>1735.9344000000001</c:v>
                </c:pt>
                <c:pt idx="123">
                  <c:v>1737.863216</c:v>
                </c:pt>
                <c:pt idx="124">
                  <c:v>1739.7920320000001</c:v>
                </c:pt>
                <c:pt idx="125">
                  <c:v>1741.7208479999999</c:v>
                </c:pt>
                <c:pt idx="126">
                  <c:v>1743.649664</c:v>
                </c:pt>
                <c:pt idx="127">
                  <c:v>1745.5784799999999</c:v>
                </c:pt>
                <c:pt idx="128">
                  <c:v>1747.507296</c:v>
                </c:pt>
                <c:pt idx="129">
                  <c:v>1749.4361120000001</c:v>
                </c:pt>
                <c:pt idx="130">
                  <c:v>1751.364928</c:v>
                </c:pt>
                <c:pt idx="131">
                  <c:v>1753.2937440000001</c:v>
                </c:pt>
                <c:pt idx="132">
                  <c:v>1755.2225599999999</c:v>
                </c:pt>
                <c:pt idx="133">
                  <c:v>1757.151376</c:v>
                </c:pt>
                <c:pt idx="134">
                  <c:v>1759.0801919999999</c:v>
                </c:pt>
                <c:pt idx="135">
                  <c:v>1761.009008</c:v>
                </c:pt>
                <c:pt idx="136">
                  <c:v>1762.9378240000001</c:v>
                </c:pt>
                <c:pt idx="137">
                  <c:v>1764.86664</c:v>
                </c:pt>
                <c:pt idx="138">
                  <c:v>1766.7954560000001</c:v>
                </c:pt>
                <c:pt idx="139">
                  <c:v>1768.7242719999999</c:v>
                </c:pt>
                <c:pt idx="140">
                  <c:v>1770.653088</c:v>
                </c:pt>
                <c:pt idx="141">
                  <c:v>1772.5819039999999</c:v>
                </c:pt>
                <c:pt idx="142">
                  <c:v>1774.51072</c:v>
                </c:pt>
                <c:pt idx="143">
                  <c:v>1776.4395360000001</c:v>
                </c:pt>
                <c:pt idx="144">
                  <c:v>1778.368352</c:v>
                </c:pt>
                <c:pt idx="145">
                  <c:v>1780.2971680000001</c:v>
                </c:pt>
                <c:pt idx="146">
                  <c:v>1782.2259839999999</c:v>
                </c:pt>
                <c:pt idx="147">
                  <c:v>1784.1548</c:v>
                </c:pt>
                <c:pt idx="148">
                  <c:v>1786.0836159999999</c:v>
                </c:pt>
                <c:pt idx="149">
                  <c:v>1788.012432</c:v>
                </c:pt>
                <c:pt idx="150">
                  <c:v>1789.9412480000001</c:v>
                </c:pt>
                <c:pt idx="151">
                  <c:v>1791.870064</c:v>
                </c:pt>
                <c:pt idx="152">
                  <c:v>1793.7988800000001</c:v>
                </c:pt>
                <c:pt idx="153">
                  <c:v>1795.7276959999999</c:v>
                </c:pt>
                <c:pt idx="154">
                  <c:v>1797.656512</c:v>
                </c:pt>
                <c:pt idx="155">
                  <c:v>1799.5853279999999</c:v>
                </c:pt>
                <c:pt idx="156">
                  <c:v>1801.514144</c:v>
                </c:pt>
                <c:pt idx="157">
                  <c:v>1803.4429600000001</c:v>
                </c:pt>
                <c:pt idx="158">
                  <c:v>1805.371776</c:v>
                </c:pt>
                <c:pt idx="159">
                  <c:v>1807.3005920000001</c:v>
                </c:pt>
                <c:pt idx="160">
                  <c:v>1809.2294079999999</c:v>
                </c:pt>
                <c:pt idx="161">
                  <c:v>1811.158224</c:v>
                </c:pt>
                <c:pt idx="162">
                  <c:v>1813.0870399999999</c:v>
                </c:pt>
                <c:pt idx="163">
                  <c:v>1815.015856</c:v>
                </c:pt>
                <c:pt idx="164">
                  <c:v>1816.9446720000001</c:v>
                </c:pt>
                <c:pt idx="165">
                  <c:v>1818.873488</c:v>
                </c:pt>
                <c:pt idx="166">
                  <c:v>1820.802304</c:v>
                </c:pt>
                <c:pt idx="167">
                  <c:v>1822.7311199999999</c:v>
                </c:pt>
                <c:pt idx="168">
                  <c:v>1824.659936</c:v>
                </c:pt>
                <c:pt idx="169">
                  <c:v>1826.5887520000001</c:v>
                </c:pt>
                <c:pt idx="170">
                  <c:v>1828.517568</c:v>
                </c:pt>
                <c:pt idx="171">
                  <c:v>1830.4463840000001</c:v>
                </c:pt>
                <c:pt idx="172">
                  <c:v>1832.3751999999999</c:v>
                </c:pt>
                <c:pt idx="173">
                  <c:v>1834.304016</c:v>
                </c:pt>
                <c:pt idx="174">
                  <c:v>1836.2328319999999</c:v>
                </c:pt>
                <c:pt idx="175">
                  <c:v>1838.161648</c:v>
                </c:pt>
                <c:pt idx="176">
                  <c:v>1840.0904640000001</c:v>
                </c:pt>
                <c:pt idx="177">
                  <c:v>1842.01928</c:v>
                </c:pt>
                <c:pt idx="178">
                  <c:v>1843.9480960000001</c:v>
                </c:pt>
                <c:pt idx="179">
                  <c:v>1845.8769119999999</c:v>
                </c:pt>
                <c:pt idx="180">
                  <c:v>1847.805728</c:v>
                </c:pt>
                <c:pt idx="181">
                  <c:v>1849.7345439999999</c:v>
                </c:pt>
                <c:pt idx="182">
                  <c:v>1851.66336</c:v>
                </c:pt>
                <c:pt idx="183">
                  <c:v>1853.5921760000001</c:v>
                </c:pt>
                <c:pt idx="184">
                  <c:v>1855.520992</c:v>
                </c:pt>
                <c:pt idx="185">
                  <c:v>1857.4498080000001</c:v>
                </c:pt>
                <c:pt idx="186">
                  <c:v>1859.3786239999999</c:v>
                </c:pt>
                <c:pt idx="187">
                  <c:v>1861.30744</c:v>
                </c:pt>
                <c:pt idx="188">
                  <c:v>1863.2362559999999</c:v>
                </c:pt>
                <c:pt idx="189">
                  <c:v>1865.165072</c:v>
                </c:pt>
                <c:pt idx="190">
                  <c:v>1867.0938880000001</c:v>
                </c:pt>
                <c:pt idx="191">
                  <c:v>1869.022704</c:v>
                </c:pt>
                <c:pt idx="192">
                  <c:v>1870.9515200000001</c:v>
                </c:pt>
                <c:pt idx="193">
                  <c:v>1872.8803359999999</c:v>
                </c:pt>
                <c:pt idx="194">
                  <c:v>1874.809152</c:v>
                </c:pt>
                <c:pt idx="195">
                  <c:v>1876.7379679999999</c:v>
                </c:pt>
                <c:pt idx="196">
                  <c:v>1878.666784</c:v>
                </c:pt>
                <c:pt idx="197">
                  <c:v>1880.5956000000001</c:v>
                </c:pt>
                <c:pt idx="198">
                  <c:v>1882.524416</c:v>
                </c:pt>
                <c:pt idx="199">
                  <c:v>1884.4532320000001</c:v>
                </c:pt>
                <c:pt idx="200">
                  <c:v>1886.3820479999999</c:v>
                </c:pt>
                <c:pt idx="201">
                  <c:v>1888.310864</c:v>
                </c:pt>
                <c:pt idx="202">
                  <c:v>1890.2396799999999</c:v>
                </c:pt>
                <c:pt idx="203">
                  <c:v>1892.168496</c:v>
                </c:pt>
                <c:pt idx="204">
                  <c:v>1894.0973120000001</c:v>
                </c:pt>
                <c:pt idx="205">
                  <c:v>1896.026128</c:v>
                </c:pt>
                <c:pt idx="206">
                  <c:v>1897.9549440000001</c:v>
                </c:pt>
                <c:pt idx="207">
                  <c:v>1899.8837599999999</c:v>
                </c:pt>
                <c:pt idx="208">
                  <c:v>1901.812576</c:v>
                </c:pt>
                <c:pt idx="209">
                  <c:v>1903.7413919999999</c:v>
                </c:pt>
                <c:pt idx="210">
                  <c:v>1905.670208</c:v>
                </c:pt>
                <c:pt idx="211">
                  <c:v>1907.5990240000001</c:v>
                </c:pt>
                <c:pt idx="212">
                  <c:v>1909.52784</c:v>
                </c:pt>
                <c:pt idx="213">
                  <c:v>1911.4566560000001</c:v>
                </c:pt>
                <c:pt idx="214">
                  <c:v>1913.3854719999999</c:v>
                </c:pt>
                <c:pt idx="215">
                  <c:v>1915.314288</c:v>
                </c:pt>
                <c:pt idx="216">
                  <c:v>1917.2431039999999</c:v>
                </c:pt>
                <c:pt idx="217">
                  <c:v>1919.17192</c:v>
                </c:pt>
                <c:pt idx="218">
                  <c:v>1921.1007360000001</c:v>
                </c:pt>
                <c:pt idx="219">
                  <c:v>1923.029552</c:v>
                </c:pt>
                <c:pt idx="220">
                  <c:v>1924.9583680000001</c:v>
                </c:pt>
                <c:pt idx="221">
                  <c:v>1926.8871839999999</c:v>
                </c:pt>
                <c:pt idx="222">
                  <c:v>1928.816</c:v>
                </c:pt>
                <c:pt idx="223">
                  <c:v>1930.7448159999999</c:v>
                </c:pt>
                <c:pt idx="224">
                  <c:v>1932.673632</c:v>
                </c:pt>
                <c:pt idx="225">
                  <c:v>1934.6024480000001</c:v>
                </c:pt>
                <c:pt idx="226">
                  <c:v>1936.531264</c:v>
                </c:pt>
                <c:pt idx="227">
                  <c:v>1938.4600800000001</c:v>
                </c:pt>
                <c:pt idx="228">
                  <c:v>1940.3888959999999</c:v>
                </c:pt>
                <c:pt idx="229">
                  <c:v>1942.317712</c:v>
                </c:pt>
                <c:pt idx="230">
                  <c:v>1944.2465279999999</c:v>
                </c:pt>
                <c:pt idx="231">
                  <c:v>1946.175344</c:v>
                </c:pt>
                <c:pt idx="232">
                  <c:v>1948.1041600000001</c:v>
                </c:pt>
                <c:pt idx="233">
                  <c:v>1950.032976</c:v>
                </c:pt>
                <c:pt idx="234">
                  <c:v>1951.9617920000001</c:v>
                </c:pt>
                <c:pt idx="235">
                  <c:v>1953.8906079999999</c:v>
                </c:pt>
                <c:pt idx="236">
                  <c:v>1955.819424</c:v>
                </c:pt>
                <c:pt idx="237">
                  <c:v>1957.7482399999999</c:v>
                </c:pt>
                <c:pt idx="238">
                  <c:v>1959.677056</c:v>
                </c:pt>
                <c:pt idx="239">
                  <c:v>1961.6058720000001</c:v>
                </c:pt>
                <c:pt idx="240">
                  <c:v>1963.534688</c:v>
                </c:pt>
                <c:pt idx="241">
                  <c:v>1965.4635040000001</c:v>
                </c:pt>
                <c:pt idx="242">
                  <c:v>1967.3923199999999</c:v>
                </c:pt>
                <c:pt idx="243">
                  <c:v>1969.321136</c:v>
                </c:pt>
                <c:pt idx="244">
                  <c:v>1971.2499519999999</c:v>
                </c:pt>
                <c:pt idx="245">
                  <c:v>1973.178768</c:v>
                </c:pt>
                <c:pt idx="246">
                  <c:v>1975.1075840000001</c:v>
                </c:pt>
                <c:pt idx="247">
                  <c:v>1977.0364</c:v>
                </c:pt>
                <c:pt idx="248">
                  <c:v>1978.9652160000001</c:v>
                </c:pt>
                <c:pt idx="249">
                  <c:v>1980.8940319999999</c:v>
                </c:pt>
                <c:pt idx="250">
                  <c:v>1982.822848</c:v>
                </c:pt>
                <c:pt idx="251">
                  <c:v>1984.7516639999999</c:v>
                </c:pt>
                <c:pt idx="252">
                  <c:v>1986.68048</c:v>
                </c:pt>
                <c:pt idx="253">
                  <c:v>1988.6092960000001</c:v>
                </c:pt>
                <c:pt idx="254">
                  <c:v>1990.538112</c:v>
                </c:pt>
                <c:pt idx="255">
                  <c:v>1992.4669280000001</c:v>
                </c:pt>
                <c:pt idx="256">
                  <c:v>1994.3957439999999</c:v>
                </c:pt>
                <c:pt idx="257">
                  <c:v>1996.32456</c:v>
                </c:pt>
                <c:pt idx="258">
                  <c:v>1998.2533759999999</c:v>
                </c:pt>
                <c:pt idx="259">
                  <c:v>2000.182192</c:v>
                </c:pt>
                <c:pt idx="260">
                  <c:v>2002.1110080000001</c:v>
                </c:pt>
                <c:pt idx="261">
                  <c:v>2004.039824</c:v>
                </c:pt>
                <c:pt idx="262">
                  <c:v>2005.9686400000001</c:v>
                </c:pt>
                <c:pt idx="263">
                  <c:v>2007.8974559999999</c:v>
                </c:pt>
                <c:pt idx="264">
                  <c:v>2009.826272</c:v>
                </c:pt>
                <c:pt idx="265">
                  <c:v>2011.7550879999999</c:v>
                </c:pt>
                <c:pt idx="266">
                  <c:v>2013.683904</c:v>
                </c:pt>
                <c:pt idx="267">
                  <c:v>2015.6127200000001</c:v>
                </c:pt>
                <c:pt idx="268">
                  <c:v>2017.541536</c:v>
                </c:pt>
                <c:pt idx="269">
                  <c:v>2019.470352</c:v>
                </c:pt>
                <c:pt idx="270">
                  <c:v>2021.3991679999999</c:v>
                </c:pt>
                <c:pt idx="271">
                  <c:v>2023.327984</c:v>
                </c:pt>
                <c:pt idx="272">
                  <c:v>2025.2568000000001</c:v>
                </c:pt>
                <c:pt idx="273">
                  <c:v>2027.185616</c:v>
                </c:pt>
                <c:pt idx="274">
                  <c:v>2029.1144320000001</c:v>
                </c:pt>
                <c:pt idx="275">
                  <c:v>2031.0432479999999</c:v>
                </c:pt>
                <c:pt idx="276">
                  <c:v>2032.972064</c:v>
                </c:pt>
                <c:pt idx="277">
                  <c:v>2034.9008799999999</c:v>
                </c:pt>
                <c:pt idx="278">
                  <c:v>2036.829696</c:v>
                </c:pt>
                <c:pt idx="279">
                  <c:v>2038.7585120000001</c:v>
                </c:pt>
                <c:pt idx="280">
                  <c:v>2040.687328</c:v>
                </c:pt>
                <c:pt idx="281">
                  <c:v>2042.6161440000001</c:v>
                </c:pt>
                <c:pt idx="282">
                  <c:v>2044.5449599999999</c:v>
                </c:pt>
                <c:pt idx="283">
                  <c:v>2046.473776</c:v>
                </c:pt>
                <c:pt idx="284">
                  <c:v>2048.4025919999999</c:v>
                </c:pt>
                <c:pt idx="285">
                  <c:v>2050.331408</c:v>
                </c:pt>
                <c:pt idx="286">
                  <c:v>2052.2602240000001</c:v>
                </c:pt>
                <c:pt idx="287">
                  <c:v>2054.1890400000002</c:v>
                </c:pt>
                <c:pt idx="288">
                  <c:v>2056.1178559999998</c:v>
                </c:pt>
                <c:pt idx="289">
                  <c:v>2058.0466719999999</c:v>
                </c:pt>
                <c:pt idx="290">
                  <c:v>2059.975488</c:v>
                </c:pt>
                <c:pt idx="291">
                  <c:v>2061.9043040000001</c:v>
                </c:pt>
                <c:pt idx="292">
                  <c:v>2063.8331199999998</c:v>
                </c:pt>
                <c:pt idx="293">
                  <c:v>2065.7619359999999</c:v>
                </c:pt>
                <c:pt idx="294">
                  <c:v>2067.690752</c:v>
                </c:pt>
                <c:pt idx="295">
                  <c:v>2069.6195680000001</c:v>
                </c:pt>
                <c:pt idx="296">
                  <c:v>2071.5483840000002</c:v>
                </c:pt>
                <c:pt idx="297">
                  <c:v>2073.4771999999998</c:v>
                </c:pt>
                <c:pt idx="298">
                  <c:v>2075.4060159999999</c:v>
                </c:pt>
                <c:pt idx="299">
                  <c:v>2077.334832</c:v>
                </c:pt>
                <c:pt idx="300">
                  <c:v>2079.2636480000001</c:v>
                </c:pt>
                <c:pt idx="301">
                  <c:v>2081.1924640000002</c:v>
                </c:pt>
                <c:pt idx="302">
                  <c:v>2083.1212799999998</c:v>
                </c:pt>
                <c:pt idx="303">
                  <c:v>2085.0500959999999</c:v>
                </c:pt>
                <c:pt idx="304">
                  <c:v>2086.978912</c:v>
                </c:pt>
                <c:pt idx="305">
                  <c:v>2088.9077280000001</c:v>
                </c:pt>
                <c:pt idx="306">
                  <c:v>2090.8365439999998</c:v>
                </c:pt>
                <c:pt idx="307">
                  <c:v>2092.7653599999999</c:v>
                </c:pt>
                <c:pt idx="308">
                  <c:v>2094.694176</c:v>
                </c:pt>
                <c:pt idx="309">
                  <c:v>2096.6229920000001</c:v>
                </c:pt>
                <c:pt idx="310">
                  <c:v>2098.5518080000002</c:v>
                </c:pt>
                <c:pt idx="311">
                  <c:v>2100.4806239999998</c:v>
                </c:pt>
                <c:pt idx="312">
                  <c:v>2102.4094399999999</c:v>
                </c:pt>
                <c:pt idx="313">
                  <c:v>2104.338256</c:v>
                </c:pt>
                <c:pt idx="314">
                  <c:v>2106.2670720000001</c:v>
                </c:pt>
                <c:pt idx="315">
                  <c:v>2108.1958880000002</c:v>
                </c:pt>
                <c:pt idx="316">
                  <c:v>2110.1247039999998</c:v>
                </c:pt>
                <c:pt idx="317">
                  <c:v>2112.0535199999999</c:v>
                </c:pt>
                <c:pt idx="318">
                  <c:v>2113.982336</c:v>
                </c:pt>
                <c:pt idx="319">
                  <c:v>2115.9111520000001</c:v>
                </c:pt>
                <c:pt idx="320">
                  <c:v>2117.8399680000002</c:v>
                </c:pt>
                <c:pt idx="321">
                  <c:v>2119.7687839999999</c:v>
                </c:pt>
                <c:pt idx="322">
                  <c:v>2121.6976</c:v>
                </c:pt>
                <c:pt idx="323">
                  <c:v>2123.6264160000001</c:v>
                </c:pt>
                <c:pt idx="324">
                  <c:v>2125.5552320000002</c:v>
                </c:pt>
                <c:pt idx="325">
                  <c:v>2127.4840479999998</c:v>
                </c:pt>
                <c:pt idx="326">
                  <c:v>2129.4128639999999</c:v>
                </c:pt>
                <c:pt idx="327">
                  <c:v>2131.34168</c:v>
                </c:pt>
                <c:pt idx="328">
                  <c:v>2133.2704960000001</c:v>
                </c:pt>
                <c:pt idx="329">
                  <c:v>2135.1993120000002</c:v>
                </c:pt>
                <c:pt idx="330">
                  <c:v>2137.1281279999998</c:v>
                </c:pt>
                <c:pt idx="331">
                  <c:v>2139.0569439999999</c:v>
                </c:pt>
                <c:pt idx="332">
                  <c:v>2140.98576</c:v>
                </c:pt>
                <c:pt idx="333">
                  <c:v>2142.9145760000001</c:v>
                </c:pt>
                <c:pt idx="334">
                  <c:v>2144.8433920000002</c:v>
                </c:pt>
                <c:pt idx="335">
                  <c:v>2146.7722079999999</c:v>
                </c:pt>
                <c:pt idx="336">
                  <c:v>2148.701024</c:v>
                </c:pt>
                <c:pt idx="337">
                  <c:v>2150.6298400000001</c:v>
                </c:pt>
                <c:pt idx="338">
                  <c:v>2152.5586560000002</c:v>
                </c:pt>
                <c:pt idx="339">
                  <c:v>2154.4874719999998</c:v>
                </c:pt>
                <c:pt idx="340">
                  <c:v>2156.4162879999999</c:v>
                </c:pt>
                <c:pt idx="341">
                  <c:v>2158.345104</c:v>
                </c:pt>
                <c:pt idx="342">
                  <c:v>2160.2739200000001</c:v>
                </c:pt>
                <c:pt idx="343">
                  <c:v>2162.2027360000002</c:v>
                </c:pt>
                <c:pt idx="344">
                  <c:v>2164.1315519999998</c:v>
                </c:pt>
                <c:pt idx="345">
                  <c:v>2166.0603679999999</c:v>
                </c:pt>
                <c:pt idx="346">
                  <c:v>2167.989184</c:v>
                </c:pt>
                <c:pt idx="347">
                  <c:v>2169.9180000000001</c:v>
                </c:pt>
                <c:pt idx="348">
                  <c:v>2171.8468160000002</c:v>
                </c:pt>
                <c:pt idx="349">
                  <c:v>2173.7756319999999</c:v>
                </c:pt>
                <c:pt idx="350">
                  <c:v>2175.704448</c:v>
                </c:pt>
                <c:pt idx="351">
                  <c:v>2177.6332640000001</c:v>
                </c:pt>
                <c:pt idx="352">
                  <c:v>2179.5620800000002</c:v>
                </c:pt>
                <c:pt idx="353">
                  <c:v>2181.4908959999998</c:v>
                </c:pt>
                <c:pt idx="354">
                  <c:v>2183.4197119999999</c:v>
                </c:pt>
                <c:pt idx="355">
                  <c:v>2185.348528</c:v>
                </c:pt>
                <c:pt idx="356">
                  <c:v>2187.2773440000001</c:v>
                </c:pt>
                <c:pt idx="357">
                  <c:v>2189.2061600000002</c:v>
                </c:pt>
                <c:pt idx="358">
                  <c:v>2191.1349759999998</c:v>
                </c:pt>
                <c:pt idx="359">
                  <c:v>2193.0637919999999</c:v>
                </c:pt>
                <c:pt idx="360">
                  <c:v>2194.992608</c:v>
                </c:pt>
                <c:pt idx="361">
                  <c:v>2196.9214240000001</c:v>
                </c:pt>
                <c:pt idx="362">
                  <c:v>2198.8502400000002</c:v>
                </c:pt>
                <c:pt idx="363">
                  <c:v>2200.7790559999999</c:v>
                </c:pt>
                <c:pt idx="364">
                  <c:v>2202.707872</c:v>
                </c:pt>
                <c:pt idx="365">
                  <c:v>2204.636688</c:v>
                </c:pt>
                <c:pt idx="366">
                  <c:v>2206.5655040000001</c:v>
                </c:pt>
                <c:pt idx="367">
                  <c:v>2208.4943199999998</c:v>
                </c:pt>
                <c:pt idx="368">
                  <c:v>2210.4231359999999</c:v>
                </c:pt>
                <c:pt idx="369">
                  <c:v>2212.351952</c:v>
                </c:pt>
                <c:pt idx="370">
                  <c:v>2214.2807680000001</c:v>
                </c:pt>
                <c:pt idx="371">
                  <c:v>2216.2095840000002</c:v>
                </c:pt>
                <c:pt idx="372">
                  <c:v>2218.1383999999998</c:v>
                </c:pt>
                <c:pt idx="373">
                  <c:v>2220.0672159999999</c:v>
                </c:pt>
                <c:pt idx="374">
                  <c:v>2221.996032</c:v>
                </c:pt>
                <c:pt idx="375">
                  <c:v>2223.9248480000001</c:v>
                </c:pt>
                <c:pt idx="376">
                  <c:v>2225.8536640000002</c:v>
                </c:pt>
                <c:pt idx="377">
                  <c:v>2227.7824799999999</c:v>
                </c:pt>
                <c:pt idx="378">
                  <c:v>2229.7112959999999</c:v>
                </c:pt>
                <c:pt idx="379">
                  <c:v>2231.640112</c:v>
                </c:pt>
                <c:pt idx="380">
                  <c:v>2233.5689280000001</c:v>
                </c:pt>
                <c:pt idx="381">
                  <c:v>2235.4977439999998</c:v>
                </c:pt>
                <c:pt idx="382">
                  <c:v>2237.4265599999999</c:v>
                </c:pt>
                <c:pt idx="383">
                  <c:v>2239.355376</c:v>
                </c:pt>
                <c:pt idx="384">
                  <c:v>2241.2841920000001</c:v>
                </c:pt>
                <c:pt idx="385">
                  <c:v>2243.2130080000002</c:v>
                </c:pt>
                <c:pt idx="386">
                  <c:v>2245.1418239999998</c:v>
                </c:pt>
                <c:pt idx="387">
                  <c:v>2247.0706399999999</c:v>
                </c:pt>
                <c:pt idx="388">
                  <c:v>2248.999456</c:v>
                </c:pt>
                <c:pt idx="389">
                  <c:v>2250.9282720000001</c:v>
                </c:pt>
                <c:pt idx="390">
                  <c:v>2252.8570880000002</c:v>
                </c:pt>
                <c:pt idx="391">
                  <c:v>2254.7859039999998</c:v>
                </c:pt>
                <c:pt idx="392">
                  <c:v>2256.7147199999999</c:v>
                </c:pt>
                <c:pt idx="393">
                  <c:v>2258.643536</c:v>
                </c:pt>
                <c:pt idx="394">
                  <c:v>2260.5723520000001</c:v>
                </c:pt>
                <c:pt idx="395">
                  <c:v>2262.5011679999998</c:v>
                </c:pt>
                <c:pt idx="396">
                  <c:v>2264.4299839999999</c:v>
                </c:pt>
                <c:pt idx="397">
                  <c:v>2266.3588</c:v>
                </c:pt>
                <c:pt idx="398">
                  <c:v>2268.2876160000001</c:v>
                </c:pt>
                <c:pt idx="399">
                  <c:v>2270.2164320000002</c:v>
                </c:pt>
                <c:pt idx="400">
                  <c:v>2272.1452479999998</c:v>
                </c:pt>
                <c:pt idx="401">
                  <c:v>2274.0740639999999</c:v>
                </c:pt>
                <c:pt idx="402">
                  <c:v>2276.00288</c:v>
                </c:pt>
                <c:pt idx="403">
                  <c:v>2277.9316960000001</c:v>
                </c:pt>
                <c:pt idx="404">
                  <c:v>2279.8605120000002</c:v>
                </c:pt>
                <c:pt idx="405">
                  <c:v>2281.7893279999998</c:v>
                </c:pt>
                <c:pt idx="406">
                  <c:v>2283.7181439999999</c:v>
                </c:pt>
                <c:pt idx="407">
                  <c:v>2285.64696</c:v>
                </c:pt>
                <c:pt idx="408">
                  <c:v>2287.5757760000001</c:v>
                </c:pt>
                <c:pt idx="409">
                  <c:v>2289.5045919999998</c:v>
                </c:pt>
                <c:pt idx="410">
                  <c:v>2291.4334079999999</c:v>
                </c:pt>
                <c:pt idx="411">
                  <c:v>2293.362224</c:v>
                </c:pt>
                <c:pt idx="412">
                  <c:v>2295.2910400000001</c:v>
                </c:pt>
                <c:pt idx="413">
                  <c:v>2297.2198560000002</c:v>
                </c:pt>
                <c:pt idx="414">
                  <c:v>2299.1486719999998</c:v>
                </c:pt>
                <c:pt idx="415">
                  <c:v>2301.0774879999999</c:v>
                </c:pt>
                <c:pt idx="416">
                  <c:v>2303.006304</c:v>
                </c:pt>
                <c:pt idx="417">
                  <c:v>2304.9351200000001</c:v>
                </c:pt>
                <c:pt idx="418">
                  <c:v>2306.8639360000002</c:v>
                </c:pt>
                <c:pt idx="419">
                  <c:v>2308.7927519999998</c:v>
                </c:pt>
                <c:pt idx="420">
                  <c:v>2310.7215679999999</c:v>
                </c:pt>
                <c:pt idx="421">
                  <c:v>2312.650384</c:v>
                </c:pt>
                <c:pt idx="422">
                  <c:v>2314.5792000000001</c:v>
                </c:pt>
                <c:pt idx="423">
                  <c:v>2316.5080160000002</c:v>
                </c:pt>
                <c:pt idx="424">
                  <c:v>2318.4368319999999</c:v>
                </c:pt>
                <c:pt idx="425">
                  <c:v>2320.365648</c:v>
                </c:pt>
                <c:pt idx="426">
                  <c:v>2322.2944640000001</c:v>
                </c:pt>
                <c:pt idx="427">
                  <c:v>2324.2232800000002</c:v>
                </c:pt>
                <c:pt idx="428">
                  <c:v>2326.1520959999998</c:v>
                </c:pt>
                <c:pt idx="429">
                  <c:v>2328.0809119999999</c:v>
                </c:pt>
                <c:pt idx="430">
                  <c:v>2330.009728</c:v>
                </c:pt>
                <c:pt idx="431">
                  <c:v>2331.9385440000001</c:v>
                </c:pt>
                <c:pt idx="432">
                  <c:v>2333.8673600000002</c:v>
                </c:pt>
                <c:pt idx="433">
                  <c:v>2335.7961759999998</c:v>
                </c:pt>
                <c:pt idx="434">
                  <c:v>2337.7249919999999</c:v>
                </c:pt>
                <c:pt idx="435">
                  <c:v>2339.653808</c:v>
                </c:pt>
                <c:pt idx="436">
                  <c:v>2341.5826240000001</c:v>
                </c:pt>
                <c:pt idx="437">
                  <c:v>2343.5114400000002</c:v>
                </c:pt>
                <c:pt idx="438">
                  <c:v>2345.4402559999999</c:v>
                </c:pt>
                <c:pt idx="439">
                  <c:v>2347.369072</c:v>
                </c:pt>
                <c:pt idx="440">
                  <c:v>2349.2978880000001</c:v>
                </c:pt>
                <c:pt idx="441">
                  <c:v>2351.2267040000002</c:v>
                </c:pt>
                <c:pt idx="442">
                  <c:v>2353.1555199999998</c:v>
                </c:pt>
                <c:pt idx="443">
                  <c:v>2355.0843359999999</c:v>
                </c:pt>
                <c:pt idx="444">
                  <c:v>2357.013152</c:v>
                </c:pt>
                <c:pt idx="445">
                  <c:v>2358.9419680000001</c:v>
                </c:pt>
                <c:pt idx="446">
                  <c:v>2360.8707840000002</c:v>
                </c:pt>
                <c:pt idx="447">
                  <c:v>2362.7995999999998</c:v>
                </c:pt>
                <c:pt idx="448">
                  <c:v>2364.7284159999999</c:v>
                </c:pt>
                <c:pt idx="449">
                  <c:v>2366.657232</c:v>
                </c:pt>
                <c:pt idx="450">
                  <c:v>2368.5860480000001</c:v>
                </c:pt>
                <c:pt idx="451">
                  <c:v>2370.5148640000002</c:v>
                </c:pt>
                <c:pt idx="452">
                  <c:v>2372.4436799999999</c:v>
                </c:pt>
                <c:pt idx="453">
                  <c:v>2374.372496</c:v>
                </c:pt>
                <c:pt idx="454">
                  <c:v>2376.3013120000001</c:v>
                </c:pt>
                <c:pt idx="455">
                  <c:v>2378.2301280000001</c:v>
                </c:pt>
                <c:pt idx="456">
                  <c:v>2380.1589439999998</c:v>
                </c:pt>
                <c:pt idx="457">
                  <c:v>2382.0877599999999</c:v>
                </c:pt>
                <c:pt idx="458">
                  <c:v>2384.016576</c:v>
                </c:pt>
                <c:pt idx="459">
                  <c:v>2385.9453920000001</c:v>
                </c:pt>
                <c:pt idx="460">
                  <c:v>2387.8742080000002</c:v>
                </c:pt>
                <c:pt idx="461">
                  <c:v>2389.8030239999998</c:v>
                </c:pt>
                <c:pt idx="462">
                  <c:v>2391.7318399999999</c:v>
                </c:pt>
                <c:pt idx="463">
                  <c:v>2393.660656</c:v>
                </c:pt>
                <c:pt idx="464">
                  <c:v>2395.5894720000001</c:v>
                </c:pt>
                <c:pt idx="465">
                  <c:v>2397.5182880000002</c:v>
                </c:pt>
                <c:pt idx="466">
                  <c:v>2399.4471039999999</c:v>
                </c:pt>
                <c:pt idx="467">
                  <c:v>2401.37592</c:v>
                </c:pt>
                <c:pt idx="468">
                  <c:v>2403.304736</c:v>
                </c:pt>
                <c:pt idx="469">
                  <c:v>2405.2335520000001</c:v>
                </c:pt>
                <c:pt idx="470">
                  <c:v>2407.1623679999998</c:v>
                </c:pt>
                <c:pt idx="471">
                  <c:v>2409.0911839999999</c:v>
                </c:pt>
                <c:pt idx="472">
                  <c:v>2411.02</c:v>
                </c:pt>
                <c:pt idx="473">
                  <c:v>2412.9488160000001</c:v>
                </c:pt>
                <c:pt idx="474">
                  <c:v>2414.8776320000002</c:v>
                </c:pt>
                <c:pt idx="475">
                  <c:v>2416.8064479999998</c:v>
                </c:pt>
                <c:pt idx="476">
                  <c:v>2418.7352639999999</c:v>
                </c:pt>
                <c:pt idx="477">
                  <c:v>2420.66408</c:v>
                </c:pt>
                <c:pt idx="478">
                  <c:v>2422.5928960000001</c:v>
                </c:pt>
                <c:pt idx="479">
                  <c:v>2424.5217120000002</c:v>
                </c:pt>
                <c:pt idx="480">
                  <c:v>2426.4505279999998</c:v>
                </c:pt>
                <c:pt idx="481">
                  <c:v>2428.3793439999999</c:v>
                </c:pt>
                <c:pt idx="482">
                  <c:v>2430.30816</c:v>
                </c:pt>
                <c:pt idx="483">
                  <c:v>2432.2369760000001</c:v>
                </c:pt>
                <c:pt idx="484">
                  <c:v>2434.1657919999998</c:v>
                </c:pt>
                <c:pt idx="485">
                  <c:v>2436.0946079999999</c:v>
                </c:pt>
                <c:pt idx="486">
                  <c:v>2438.023424</c:v>
                </c:pt>
                <c:pt idx="487">
                  <c:v>2439.9522400000001</c:v>
                </c:pt>
                <c:pt idx="488">
                  <c:v>2441.8810560000002</c:v>
                </c:pt>
                <c:pt idx="489">
                  <c:v>2443.8098719999998</c:v>
                </c:pt>
                <c:pt idx="490">
                  <c:v>2445.7386879999999</c:v>
                </c:pt>
                <c:pt idx="491">
                  <c:v>2447.667504</c:v>
                </c:pt>
                <c:pt idx="492">
                  <c:v>2449.5963200000001</c:v>
                </c:pt>
                <c:pt idx="493">
                  <c:v>2451.5251360000002</c:v>
                </c:pt>
                <c:pt idx="494">
                  <c:v>2453.4539519999998</c:v>
                </c:pt>
                <c:pt idx="495">
                  <c:v>2455.3827679999999</c:v>
                </c:pt>
                <c:pt idx="496">
                  <c:v>2457.311584</c:v>
                </c:pt>
                <c:pt idx="497">
                  <c:v>2459.2404000000001</c:v>
                </c:pt>
                <c:pt idx="498">
                  <c:v>2461.1692159999998</c:v>
                </c:pt>
                <c:pt idx="499">
                  <c:v>2463.0980319999999</c:v>
                </c:pt>
                <c:pt idx="500">
                  <c:v>2465.026848</c:v>
                </c:pt>
                <c:pt idx="501">
                  <c:v>2466.9556640000001</c:v>
                </c:pt>
                <c:pt idx="502">
                  <c:v>2468.8844800000002</c:v>
                </c:pt>
                <c:pt idx="503">
                  <c:v>2470.8132959999998</c:v>
                </c:pt>
                <c:pt idx="504">
                  <c:v>2472.7421119999999</c:v>
                </c:pt>
                <c:pt idx="505">
                  <c:v>2474.670928</c:v>
                </c:pt>
                <c:pt idx="506">
                  <c:v>2476.5997440000001</c:v>
                </c:pt>
                <c:pt idx="507">
                  <c:v>2478.5285600000002</c:v>
                </c:pt>
                <c:pt idx="508">
                  <c:v>2480.4573759999998</c:v>
                </c:pt>
                <c:pt idx="509">
                  <c:v>2482.3861919999999</c:v>
                </c:pt>
                <c:pt idx="510">
                  <c:v>2484.315008</c:v>
                </c:pt>
                <c:pt idx="511">
                  <c:v>2486.2438240000001</c:v>
                </c:pt>
                <c:pt idx="512">
                  <c:v>2488.1726399999998</c:v>
                </c:pt>
                <c:pt idx="513">
                  <c:v>2490.1014559999999</c:v>
                </c:pt>
                <c:pt idx="514">
                  <c:v>2492.030272</c:v>
                </c:pt>
                <c:pt idx="515">
                  <c:v>2493.9590880000001</c:v>
                </c:pt>
                <c:pt idx="516">
                  <c:v>2495.8879040000002</c:v>
                </c:pt>
                <c:pt idx="517">
                  <c:v>2497.8167199999998</c:v>
                </c:pt>
                <c:pt idx="518">
                  <c:v>2499.7455359999999</c:v>
                </c:pt>
                <c:pt idx="519">
                  <c:v>2501.674352</c:v>
                </c:pt>
                <c:pt idx="520">
                  <c:v>2503.6031680000001</c:v>
                </c:pt>
                <c:pt idx="521">
                  <c:v>2505.5319840000002</c:v>
                </c:pt>
                <c:pt idx="522">
                  <c:v>2507.4607999999998</c:v>
                </c:pt>
                <c:pt idx="523">
                  <c:v>2509.3896159999999</c:v>
                </c:pt>
                <c:pt idx="524">
                  <c:v>2511.318432</c:v>
                </c:pt>
                <c:pt idx="525">
                  <c:v>2513.2472480000001</c:v>
                </c:pt>
                <c:pt idx="526">
                  <c:v>2515.1760640000002</c:v>
                </c:pt>
                <c:pt idx="527">
                  <c:v>2517.1048799999999</c:v>
                </c:pt>
                <c:pt idx="528">
                  <c:v>2519.033696</c:v>
                </c:pt>
                <c:pt idx="529">
                  <c:v>2520.9625120000001</c:v>
                </c:pt>
                <c:pt idx="530">
                  <c:v>2522.8913280000002</c:v>
                </c:pt>
                <c:pt idx="531">
                  <c:v>2524.8201439999998</c:v>
                </c:pt>
                <c:pt idx="532">
                  <c:v>2526.7489599999999</c:v>
                </c:pt>
                <c:pt idx="533">
                  <c:v>2528.677776</c:v>
                </c:pt>
                <c:pt idx="534">
                  <c:v>2530.6065920000001</c:v>
                </c:pt>
                <c:pt idx="535">
                  <c:v>2532.5354080000002</c:v>
                </c:pt>
                <c:pt idx="536">
                  <c:v>2534.4642239999998</c:v>
                </c:pt>
                <c:pt idx="537">
                  <c:v>2536.3930399999999</c:v>
                </c:pt>
                <c:pt idx="538">
                  <c:v>2538.321856</c:v>
                </c:pt>
                <c:pt idx="539">
                  <c:v>2540.2506720000001</c:v>
                </c:pt>
                <c:pt idx="540">
                  <c:v>2542.1794880000002</c:v>
                </c:pt>
                <c:pt idx="541">
                  <c:v>2544.1083039999999</c:v>
                </c:pt>
                <c:pt idx="542">
                  <c:v>2546.03712</c:v>
                </c:pt>
                <c:pt idx="543">
                  <c:v>2547.9659360000001</c:v>
                </c:pt>
                <c:pt idx="544">
                  <c:v>2549.8947520000002</c:v>
                </c:pt>
                <c:pt idx="545">
                  <c:v>2551.8235679999998</c:v>
                </c:pt>
                <c:pt idx="546">
                  <c:v>2553.7523839999999</c:v>
                </c:pt>
                <c:pt idx="547">
                  <c:v>2555.6812</c:v>
                </c:pt>
                <c:pt idx="548">
                  <c:v>2557.6100160000001</c:v>
                </c:pt>
                <c:pt idx="549">
                  <c:v>2559.5388320000002</c:v>
                </c:pt>
                <c:pt idx="550">
                  <c:v>2561.4676479999998</c:v>
                </c:pt>
                <c:pt idx="551">
                  <c:v>2563.3964639999999</c:v>
                </c:pt>
                <c:pt idx="552">
                  <c:v>2565.32528</c:v>
                </c:pt>
                <c:pt idx="553">
                  <c:v>2567.2540960000001</c:v>
                </c:pt>
                <c:pt idx="554">
                  <c:v>2569.1829120000002</c:v>
                </c:pt>
                <c:pt idx="555">
                  <c:v>2571.1117279999999</c:v>
                </c:pt>
                <c:pt idx="556">
                  <c:v>2573.040544</c:v>
                </c:pt>
                <c:pt idx="557">
                  <c:v>2574.9693600000001</c:v>
                </c:pt>
                <c:pt idx="558">
                  <c:v>2576.8981760000001</c:v>
                </c:pt>
                <c:pt idx="559">
                  <c:v>2578.8269919999998</c:v>
                </c:pt>
                <c:pt idx="560">
                  <c:v>2580.7558079999999</c:v>
                </c:pt>
                <c:pt idx="561">
                  <c:v>2582.684624</c:v>
                </c:pt>
                <c:pt idx="562">
                  <c:v>2584.6134400000001</c:v>
                </c:pt>
                <c:pt idx="563">
                  <c:v>2586.5422560000002</c:v>
                </c:pt>
                <c:pt idx="564">
                  <c:v>2588.4710719999998</c:v>
                </c:pt>
                <c:pt idx="565">
                  <c:v>2590.3998879999999</c:v>
                </c:pt>
                <c:pt idx="566">
                  <c:v>2592.328704</c:v>
                </c:pt>
                <c:pt idx="567">
                  <c:v>2594.2575200000001</c:v>
                </c:pt>
                <c:pt idx="568">
                  <c:v>2596.1863360000002</c:v>
                </c:pt>
                <c:pt idx="569">
                  <c:v>2598.1151519999999</c:v>
                </c:pt>
                <c:pt idx="570">
                  <c:v>2600.0439679999999</c:v>
                </c:pt>
                <c:pt idx="571">
                  <c:v>2601.972784</c:v>
                </c:pt>
                <c:pt idx="572">
                  <c:v>2603.9016000000001</c:v>
                </c:pt>
                <c:pt idx="573">
                  <c:v>2605.8304159999998</c:v>
                </c:pt>
                <c:pt idx="574">
                  <c:v>2607.7592319999999</c:v>
                </c:pt>
                <c:pt idx="575">
                  <c:v>2609.688048</c:v>
                </c:pt>
                <c:pt idx="576">
                  <c:v>2611.6168640000001</c:v>
                </c:pt>
                <c:pt idx="577">
                  <c:v>2613.5456800000002</c:v>
                </c:pt>
                <c:pt idx="578">
                  <c:v>2615.4744959999998</c:v>
                </c:pt>
                <c:pt idx="579">
                  <c:v>2617.4033119999999</c:v>
                </c:pt>
                <c:pt idx="580">
                  <c:v>2619.332128</c:v>
                </c:pt>
                <c:pt idx="581">
                  <c:v>2621.2609440000001</c:v>
                </c:pt>
                <c:pt idx="582">
                  <c:v>2623.1897600000002</c:v>
                </c:pt>
                <c:pt idx="583">
                  <c:v>2625.1185759999998</c:v>
                </c:pt>
                <c:pt idx="584">
                  <c:v>2627.0473919999999</c:v>
                </c:pt>
                <c:pt idx="585">
                  <c:v>2628.976208</c:v>
                </c:pt>
                <c:pt idx="586">
                  <c:v>2630.9050240000001</c:v>
                </c:pt>
                <c:pt idx="587">
                  <c:v>2632.8338399999998</c:v>
                </c:pt>
                <c:pt idx="588">
                  <c:v>2634.7626559999999</c:v>
                </c:pt>
                <c:pt idx="589">
                  <c:v>2636.691472</c:v>
                </c:pt>
                <c:pt idx="590">
                  <c:v>2638.6202880000001</c:v>
                </c:pt>
                <c:pt idx="591">
                  <c:v>2640.5491040000002</c:v>
                </c:pt>
                <c:pt idx="592">
                  <c:v>2642.4779199999998</c:v>
                </c:pt>
                <c:pt idx="593">
                  <c:v>2644.4067359999999</c:v>
                </c:pt>
                <c:pt idx="594">
                  <c:v>2646.335552</c:v>
                </c:pt>
                <c:pt idx="595">
                  <c:v>2648.2643680000001</c:v>
                </c:pt>
                <c:pt idx="596">
                  <c:v>2650.1931840000002</c:v>
                </c:pt>
                <c:pt idx="597">
                  <c:v>2652.1219999999998</c:v>
                </c:pt>
                <c:pt idx="598">
                  <c:v>2654.0508159999999</c:v>
                </c:pt>
                <c:pt idx="599">
                  <c:v>2655.979632</c:v>
                </c:pt>
                <c:pt idx="600">
                  <c:v>2657.9084480000001</c:v>
                </c:pt>
                <c:pt idx="601">
                  <c:v>2659.8372639999998</c:v>
                </c:pt>
                <c:pt idx="602">
                  <c:v>2661.7660799999999</c:v>
                </c:pt>
                <c:pt idx="603">
                  <c:v>2663.694896</c:v>
                </c:pt>
                <c:pt idx="604">
                  <c:v>2665.6237120000001</c:v>
                </c:pt>
                <c:pt idx="605">
                  <c:v>2667.5525280000002</c:v>
                </c:pt>
                <c:pt idx="606">
                  <c:v>2669.4813439999998</c:v>
                </c:pt>
                <c:pt idx="607">
                  <c:v>2671.4101599999999</c:v>
                </c:pt>
                <c:pt idx="608">
                  <c:v>2673.338976</c:v>
                </c:pt>
                <c:pt idx="609">
                  <c:v>2675.2677920000001</c:v>
                </c:pt>
                <c:pt idx="610">
                  <c:v>2677.1966080000002</c:v>
                </c:pt>
                <c:pt idx="611">
                  <c:v>2679.1254239999998</c:v>
                </c:pt>
                <c:pt idx="612">
                  <c:v>2681.0542399999999</c:v>
                </c:pt>
                <c:pt idx="613">
                  <c:v>2682.983056</c:v>
                </c:pt>
                <c:pt idx="614">
                  <c:v>2684.9118720000001</c:v>
                </c:pt>
                <c:pt idx="615">
                  <c:v>2686.8406880000002</c:v>
                </c:pt>
                <c:pt idx="616">
                  <c:v>2688.7695039999999</c:v>
                </c:pt>
                <c:pt idx="617">
                  <c:v>2690.69832</c:v>
                </c:pt>
                <c:pt idx="618">
                  <c:v>2692.6271360000001</c:v>
                </c:pt>
                <c:pt idx="619">
                  <c:v>2694.5559520000002</c:v>
                </c:pt>
                <c:pt idx="620">
                  <c:v>2696.4847679999998</c:v>
                </c:pt>
                <c:pt idx="621">
                  <c:v>2698.4135839999999</c:v>
                </c:pt>
                <c:pt idx="622">
                  <c:v>2700.3424</c:v>
                </c:pt>
                <c:pt idx="623">
                  <c:v>2702.2712160000001</c:v>
                </c:pt>
                <c:pt idx="624">
                  <c:v>2704.2000320000002</c:v>
                </c:pt>
                <c:pt idx="625">
                  <c:v>2706.1288479999998</c:v>
                </c:pt>
                <c:pt idx="626">
                  <c:v>2708.0576639999999</c:v>
                </c:pt>
                <c:pt idx="627">
                  <c:v>2709.98648</c:v>
                </c:pt>
                <c:pt idx="628">
                  <c:v>2711.9152960000001</c:v>
                </c:pt>
                <c:pt idx="629">
                  <c:v>2713.8441120000002</c:v>
                </c:pt>
                <c:pt idx="630">
                  <c:v>2715.7729279999999</c:v>
                </c:pt>
                <c:pt idx="631">
                  <c:v>2717.701744</c:v>
                </c:pt>
                <c:pt idx="632">
                  <c:v>2719.6305600000001</c:v>
                </c:pt>
                <c:pt idx="633">
                  <c:v>2721.5593760000002</c:v>
                </c:pt>
                <c:pt idx="634">
                  <c:v>2723.4881919999998</c:v>
                </c:pt>
                <c:pt idx="635">
                  <c:v>2725.4170079999999</c:v>
                </c:pt>
                <c:pt idx="636">
                  <c:v>2727.345824</c:v>
                </c:pt>
                <c:pt idx="637">
                  <c:v>2729.2746400000001</c:v>
                </c:pt>
                <c:pt idx="638">
                  <c:v>2731.2034560000002</c:v>
                </c:pt>
                <c:pt idx="639">
                  <c:v>2733.1322719999998</c:v>
                </c:pt>
                <c:pt idx="640">
                  <c:v>2735.0610879999999</c:v>
                </c:pt>
                <c:pt idx="641">
                  <c:v>2736.989904</c:v>
                </c:pt>
                <c:pt idx="642">
                  <c:v>2738.9187200000001</c:v>
                </c:pt>
                <c:pt idx="643">
                  <c:v>2740.8475360000002</c:v>
                </c:pt>
                <c:pt idx="644">
                  <c:v>2742.7763519999999</c:v>
                </c:pt>
                <c:pt idx="645">
                  <c:v>2744.705168</c:v>
                </c:pt>
                <c:pt idx="646">
                  <c:v>2746.6339840000001</c:v>
                </c:pt>
                <c:pt idx="647">
                  <c:v>2748.5628000000002</c:v>
                </c:pt>
                <c:pt idx="648">
                  <c:v>2750.4916159999998</c:v>
                </c:pt>
                <c:pt idx="649">
                  <c:v>2752.4204319999999</c:v>
                </c:pt>
                <c:pt idx="650">
                  <c:v>2754.349248</c:v>
                </c:pt>
                <c:pt idx="651">
                  <c:v>2756.2780640000001</c:v>
                </c:pt>
                <c:pt idx="652">
                  <c:v>2758.2068800000002</c:v>
                </c:pt>
                <c:pt idx="653">
                  <c:v>2760.1356959999998</c:v>
                </c:pt>
                <c:pt idx="654">
                  <c:v>2762.0645119999999</c:v>
                </c:pt>
                <c:pt idx="655">
                  <c:v>2763.993328</c:v>
                </c:pt>
                <c:pt idx="656">
                  <c:v>2765.9221440000001</c:v>
                </c:pt>
                <c:pt idx="657">
                  <c:v>2767.8509600000002</c:v>
                </c:pt>
                <c:pt idx="658">
                  <c:v>2769.7797759999999</c:v>
                </c:pt>
                <c:pt idx="659">
                  <c:v>2771.708592</c:v>
                </c:pt>
                <c:pt idx="660">
                  <c:v>2773.6374080000001</c:v>
                </c:pt>
                <c:pt idx="661">
                  <c:v>2775.5662240000001</c:v>
                </c:pt>
                <c:pt idx="662">
                  <c:v>2777.4950399999998</c:v>
                </c:pt>
                <c:pt idx="663">
                  <c:v>2779.4238559999999</c:v>
                </c:pt>
                <c:pt idx="664">
                  <c:v>2781.352672</c:v>
                </c:pt>
                <c:pt idx="665">
                  <c:v>2783.2814880000001</c:v>
                </c:pt>
                <c:pt idx="666">
                  <c:v>2785.2103040000002</c:v>
                </c:pt>
                <c:pt idx="667">
                  <c:v>2787.1391199999998</c:v>
                </c:pt>
                <c:pt idx="668">
                  <c:v>2789.0679359999999</c:v>
                </c:pt>
                <c:pt idx="669">
                  <c:v>2790.996752</c:v>
                </c:pt>
                <c:pt idx="670">
                  <c:v>2792.9255680000001</c:v>
                </c:pt>
                <c:pt idx="671">
                  <c:v>2794.8543840000002</c:v>
                </c:pt>
                <c:pt idx="672">
                  <c:v>2796.7831999999999</c:v>
                </c:pt>
                <c:pt idx="673">
                  <c:v>2798.7120159999999</c:v>
                </c:pt>
                <c:pt idx="674">
                  <c:v>2800.640832</c:v>
                </c:pt>
                <c:pt idx="675">
                  <c:v>2802.5696480000001</c:v>
                </c:pt>
                <c:pt idx="676">
                  <c:v>2804.4984639999998</c:v>
                </c:pt>
                <c:pt idx="677">
                  <c:v>2806.4272799999999</c:v>
                </c:pt>
                <c:pt idx="678">
                  <c:v>2808.356096</c:v>
                </c:pt>
                <c:pt idx="679">
                  <c:v>2810.2849120000001</c:v>
                </c:pt>
                <c:pt idx="680">
                  <c:v>2812.2137280000002</c:v>
                </c:pt>
                <c:pt idx="681">
                  <c:v>2814.1425439999998</c:v>
                </c:pt>
                <c:pt idx="682">
                  <c:v>2816.0713599999999</c:v>
                </c:pt>
                <c:pt idx="683">
                  <c:v>2818.000176</c:v>
                </c:pt>
                <c:pt idx="684">
                  <c:v>2819.9289920000001</c:v>
                </c:pt>
                <c:pt idx="685">
                  <c:v>2821.8578080000002</c:v>
                </c:pt>
                <c:pt idx="686">
                  <c:v>2823.7866239999998</c:v>
                </c:pt>
                <c:pt idx="687">
                  <c:v>2825.7154399999999</c:v>
                </c:pt>
                <c:pt idx="688">
                  <c:v>2827.644256</c:v>
                </c:pt>
                <c:pt idx="689">
                  <c:v>2829.5730720000001</c:v>
                </c:pt>
                <c:pt idx="690">
                  <c:v>2831.5018879999998</c:v>
                </c:pt>
                <c:pt idx="691">
                  <c:v>2833.4307039999999</c:v>
                </c:pt>
                <c:pt idx="692">
                  <c:v>2835.35952</c:v>
                </c:pt>
                <c:pt idx="693">
                  <c:v>2837.2883360000001</c:v>
                </c:pt>
                <c:pt idx="694">
                  <c:v>2839.2171520000002</c:v>
                </c:pt>
                <c:pt idx="695">
                  <c:v>2841.1459679999998</c:v>
                </c:pt>
                <c:pt idx="696">
                  <c:v>2843.0747839999999</c:v>
                </c:pt>
                <c:pt idx="697">
                  <c:v>2845.0036</c:v>
                </c:pt>
                <c:pt idx="698">
                  <c:v>2846.9324160000001</c:v>
                </c:pt>
                <c:pt idx="699">
                  <c:v>2848.8612320000002</c:v>
                </c:pt>
                <c:pt idx="700">
                  <c:v>2850.7900479999998</c:v>
                </c:pt>
                <c:pt idx="701">
                  <c:v>2852.7188639999999</c:v>
                </c:pt>
                <c:pt idx="702">
                  <c:v>2854.64768</c:v>
                </c:pt>
                <c:pt idx="703">
                  <c:v>2856.5764960000001</c:v>
                </c:pt>
                <c:pt idx="704">
                  <c:v>2858.5053119999998</c:v>
                </c:pt>
                <c:pt idx="705">
                  <c:v>2860.4341279999999</c:v>
                </c:pt>
                <c:pt idx="706">
                  <c:v>2862.362944</c:v>
                </c:pt>
                <c:pt idx="707">
                  <c:v>2864.2917600000001</c:v>
                </c:pt>
                <c:pt idx="708">
                  <c:v>2866.2205760000002</c:v>
                </c:pt>
                <c:pt idx="709">
                  <c:v>2868.1493919999998</c:v>
                </c:pt>
                <c:pt idx="710">
                  <c:v>2870.0782079999999</c:v>
                </c:pt>
                <c:pt idx="711">
                  <c:v>2872.007024</c:v>
                </c:pt>
                <c:pt idx="712">
                  <c:v>2873.9358400000001</c:v>
                </c:pt>
                <c:pt idx="713">
                  <c:v>2875.8646560000002</c:v>
                </c:pt>
                <c:pt idx="714">
                  <c:v>2877.7934719999998</c:v>
                </c:pt>
                <c:pt idx="715">
                  <c:v>2879.7222879999999</c:v>
                </c:pt>
                <c:pt idx="716">
                  <c:v>2881.651104</c:v>
                </c:pt>
                <c:pt idx="717">
                  <c:v>2883.5799200000001</c:v>
                </c:pt>
                <c:pt idx="718">
                  <c:v>2885.5087360000002</c:v>
                </c:pt>
                <c:pt idx="719">
                  <c:v>2887.4375519999999</c:v>
                </c:pt>
                <c:pt idx="720">
                  <c:v>2889.366368</c:v>
                </c:pt>
                <c:pt idx="721">
                  <c:v>2891.2951840000001</c:v>
                </c:pt>
                <c:pt idx="722">
                  <c:v>2893.2240000000002</c:v>
                </c:pt>
                <c:pt idx="723">
                  <c:v>2895.1528159999998</c:v>
                </c:pt>
                <c:pt idx="724">
                  <c:v>2897.0816319999999</c:v>
                </c:pt>
                <c:pt idx="725">
                  <c:v>2899.010448</c:v>
                </c:pt>
                <c:pt idx="726">
                  <c:v>2900.9392640000001</c:v>
                </c:pt>
                <c:pt idx="727">
                  <c:v>2902.8680800000002</c:v>
                </c:pt>
                <c:pt idx="728">
                  <c:v>2904.7968959999998</c:v>
                </c:pt>
                <c:pt idx="729">
                  <c:v>2906.7257119999999</c:v>
                </c:pt>
                <c:pt idx="730">
                  <c:v>2908.654528</c:v>
                </c:pt>
                <c:pt idx="731">
                  <c:v>2910.5833440000001</c:v>
                </c:pt>
                <c:pt idx="732">
                  <c:v>2912.5121600000002</c:v>
                </c:pt>
                <c:pt idx="733">
                  <c:v>2914.4409759999999</c:v>
                </c:pt>
                <c:pt idx="734">
                  <c:v>2916.369792</c:v>
                </c:pt>
                <c:pt idx="735">
                  <c:v>2918.2986080000001</c:v>
                </c:pt>
                <c:pt idx="736">
                  <c:v>2920.2274240000002</c:v>
                </c:pt>
                <c:pt idx="737">
                  <c:v>2922.1562399999998</c:v>
                </c:pt>
                <c:pt idx="738">
                  <c:v>2924.0850559999999</c:v>
                </c:pt>
                <c:pt idx="739">
                  <c:v>2926.013872</c:v>
                </c:pt>
                <c:pt idx="740">
                  <c:v>2927.9426880000001</c:v>
                </c:pt>
                <c:pt idx="741">
                  <c:v>2929.8715040000002</c:v>
                </c:pt>
                <c:pt idx="742">
                  <c:v>2931.8003199999998</c:v>
                </c:pt>
                <c:pt idx="743">
                  <c:v>2933.7291359999999</c:v>
                </c:pt>
                <c:pt idx="744">
                  <c:v>2935.657952</c:v>
                </c:pt>
                <c:pt idx="745">
                  <c:v>2937.5867680000001</c:v>
                </c:pt>
                <c:pt idx="746">
                  <c:v>2939.5155840000002</c:v>
                </c:pt>
                <c:pt idx="747">
                  <c:v>2941.4443999999999</c:v>
                </c:pt>
                <c:pt idx="748">
                  <c:v>2943.373216</c:v>
                </c:pt>
                <c:pt idx="749">
                  <c:v>2945.3020320000001</c:v>
                </c:pt>
                <c:pt idx="750">
                  <c:v>2947.2308480000002</c:v>
                </c:pt>
                <c:pt idx="751">
                  <c:v>2949.1596639999998</c:v>
                </c:pt>
                <c:pt idx="752">
                  <c:v>2951.0884799999999</c:v>
                </c:pt>
                <c:pt idx="753">
                  <c:v>2953.017296</c:v>
                </c:pt>
                <c:pt idx="754">
                  <c:v>2954.9461120000001</c:v>
                </c:pt>
                <c:pt idx="755">
                  <c:v>2956.8749280000002</c:v>
                </c:pt>
                <c:pt idx="756">
                  <c:v>2958.8037439999998</c:v>
                </c:pt>
                <c:pt idx="757">
                  <c:v>2960.7325599999999</c:v>
                </c:pt>
                <c:pt idx="758">
                  <c:v>2962.661376</c:v>
                </c:pt>
                <c:pt idx="759">
                  <c:v>2964.5901920000001</c:v>
                </c:pt>
                <c:pt idx="760">
                  <c:v>2966.5190080000002</c:v>
                </c:pt>
                <c:pt idx="761">
                  <c:v>2968.4478239999999</c:v>
                </c:pt>
                <c:pt idx="762">
                  <c:v>2970.37664</c:v>
                </c:pt>
                <c:pt idx="763">
                  <c:v>2972.305456</c:v>
                </c:pt>
                <c:pt idx="764">
                  <c:v>2974.2342720000001</c:v>
                </c:pt>
                <c:pt idx="765">
                  <c:v>2976.1630879999998</c:v>
                </c:pt>
                <c:pt idx="766">
                  <c:v>2978.0919039999999</c:v>
                </c:pt>
                <c:pt idx="767">
                  <c:v>2980.02072</c:v>
                </c:pt>
                <c:pt idx="768">
                  <c:v>2981.9495360000001</c:v>
                </c:pt>
                <c:pt idx="769">
                  <c:v>2983.8783520000002</c:v>
                </c:pt>
                <c:pt idx="770">
                  <c:v>2985.8071679999998</c:v>
                </c:pt>
                <c:pt idx="771">
                  <c:v>2987.7359839999999</c:v>
                </c:pt>
                <c:pt idx="772">
                  <c:v>2989.6648</c:v>
                </c:pt>
                <c:pt idx="773">
                  <c:v>2991.5936160000001</c:v>
                </c:pt>
                <c:pt idx="774">
                  <c:v>2993.5224320000002</c:v>
                </c:pt>
                <c:pt idx="775">
                  <c:v>2995.4512479999999</c:v>
                </c:pt>
                <c:pt idx="776">
                  <c:v>2997.3800639999999</c:v>
                </c:pt>
                <c:pt idx="777">
                  <c:v>2999.30888</c:v>
                </c:pt>
                <c:pt idx="778">
                  <c:v>3001.2376960000001</c:v>
                </c:pt>
                <c:pt idx="779">
                  <c:v>3003.1665119999998</c:v>
                </c:pt>
                <c:pt idx="780">
                  <c:v>3005.0953279999999</c:v>
                </c:pt>
                <c:pt idx="781">
                  <c:v>3007.024144</c:v>
                </c:pt>
                <c:pt idx="782">
                  <c:v>3008.9529600000001</c:v>
                </c:pt>
                <c:pt idx="783">
                  <c:v>3010.8817760000002</c:v>
                </c:pt>
                <c:pt idx="784">
                  <c:v>3012.8105919999998</c:v>
                </c:pt>
                <c:pt idx="785">
                  <c:v>3014.7394079999999</c:v>
                </c:pt>
                <c:pt idx="786">
                  <c:v>3016.668224</c:v>
                </c:pt>
                <c:pt idx="787">
                  <c:v>3018.5970400000001</c:v>
                </c:pt>
                <c:pt idx="788">
                  <c:v>3020.5258560000002</c:v>
                </c:pt>
                <c:pt idx="789">
                  <c:v>3022.4546719999998</c:v>
                </c:pt>
                <c:pt idx="790">
                  <c:v>3024.3834879999999</c:v>
                </c:pt>
                <c:pt idx="791">
                  <c:v>3026.312304</c:v>
                </c:pt>
                <c:pt idx="792">
                  <c:v>3028.2411200000001</c:v>
                </c:pt>
                <c:pt idx="793">
                  <c:v>3030.1699359999998</c:v>
                </c:pt>
                <c:pt idx="794">
                  <c:v>3032.0987519999999</c:v>
                </c:pt>
                <c:pt idx="795">
                  <c:v>3034.027568</c:v>
                </c:pt>
                <c:pt idx="796">
                  <c:v>3035.9563840000001</c:v>
                </c:pt>
                <c:pt idx="797">
                  <c:v>3037.8852000000002</c:v>
                </c:pt>
                <c:pt idx="798">
                  <c:v>3039.8140159999998</c:v>
                </c:pt>
                <c:pt idx="799">
                  <c:v>3041.7428319999999</c:v>
                </c:pt>
                <c:pt idx="800">
                  <c:v>3043.671648</c:v>
                </c:pt>
                <c:pt idx="801">
                  <c:v>3045.6004640000001</c:v>
                </c:pt>
                <c:pt idx="802">
                  <c:v>3047.5292800000002</c:v>
                </c:pt>
                <c:pt idx="803">
                  <c:v>3049.4580959999998</c:v>
                </c:pt>
                <c:pt idx="804">
                  <c:v>3051.3869119999999</c:v>
                </c:pt>
                <c:pt idx="805">
                  <c:v>3053.315728</c:v>
                </c:pt>
                <c:pt idx="806">
                  <c:v>3055.2445440000001</c:v>
                </c:pt>
                <c:pt idx="807">
                  <c:v>3057.1733599999998</c:v>
                </c:pt>
                <c:pt idx="808">
                  <c:v>3059.1021759999999</c:v>
                </c:pt>
                <c:pt idx="809">
                  <c:v>3061.030992</c:v>
                </c:pt>
                <c:pt idx="810">
                  <c:v>3062.9598080000001</c:v>
                </c:pt>
                <c:pt idx="811">
                  <c:v>3064.8886240000002</c:v>
                </c:pt>
                <c:pt idx="812">
                  <c:v>3066.8174399999998</c:v>
                </c:pt>
                <c:pt idx="813">
                  <c:v>3068.7462559999999</c:v>
                </c:pt>
                <c:pt idx="814">
                  <c:v>3070.675072</c:v>
                </c:pt>
                <c:pt idx="815">
                  <c:v>3072.6038880000001</c:v>
                </c:pt>
                <c:pt idx="816">
                  <c:v>3074.5327040000002</c:v>
                </c:pt>
                <c:pt idx="817">
                  <c:v>3076.4615199999998</c:v>
                </c:pt>
                <c:pt idx="818">
                  <c:v>3078.3903359999999</c:v>
                </c:pt>
                <c:pt idx="819">
                  <c:v>3080.319152</c:v>
                </c:pt>
                <c:pt idx="820">
                  <c:v>3082.2479680000001</c:v>
                </c:pt>
                <c:pt idx="821">
                  <c:v>3084.1767840000002</c:v>
                </c:pt>
                <c:pt idx="822">
                  <c:v>3086.1055999999999</c:v>
                </c:pt>
                <c:pt idx="823">
                  <c:v>3088.034416</c:v>
                </c:pt>
                <c:pt idx="824">
                  <c:v>3089.9632320000001</c:v>
                </c:pt>
                <c:pt idx="825">
                  <c:v>3091.8920480000002</c:v>
                </c:pt>
                <c:pt idx="826">
                  <c:v>3093.8208639999998</c:v>
                </c:pt>
                <c:pt idx="827">
                  <c:v>3095.7496799999999</c:v>
                </c:pt>
                <c:pt idx="828">
                  <c:v>3097.678496</c:v>
                </c:pt>
                <c:pt idx="829">
                  <c:v>3099.6073120000001</c:v>
                </c:pt>
                <c:pt idx="830">
                  <c:v>3101.5361280000002</c:v>
                </c:pt>
                <c:pt idx="831">
                  <c:v>3103.4649439999998</c:v>
                </c:pt>
                <c:pt idx="832">
                  <c:v>3105.3937599999999</c:v>
                </c:pt>
                <c:pt idx="833">
                  <c:v>3107.322576</c:v>
                </c:pt>
                <c:pt idx="834">
                  <c:v>3109.2513920000001</c:v>
                </c:pt>
                <c:pt idx="835">
                  <c:v>3111.1802080000002</c:v>
                </c:pt>
                <c:pt idx="836">
                  <c:v>3113.1090239999999</c:v>
                </c:pt>
                <c:pt idx="837">
                  <c:v>3115.03784</c:v>
                </c:pt>
                <c:pt idx="838">
                  <c:v>3116.9666560000001</c:v>
                </c:pt>
                <c:pt idx="839">
                  <c:v>3118.8954720000002</c:v>
                </c:pt>
                <c:pt idx="840">
                  <c:v>3120.8242879999998</c:v>
                </c:pt>
                <c:pt idx="841">
                  <c:v>3122.7531039999999</c:v>
                </c:pt>
                <c:pt idx="842">
                  <c:v>3124.68192</c:v>
                </c:pt>
                <c:pt idx="843">
                  <c:v>3126.6107360000001</c:v>
                </c:pt>
                <c:pt idx="844">
                  <c:v>3128.5395520000002</c:v>
                </c:pt>
                <c:pt idx="845">
                  <c:v>3130.4683679999998</c:v>
                </c:pt>
                <c:pt idx="846">
                  <c:v>3132.3971839999999</c:v>
                </c:pt>
                <c:pt idx="847">
                  <c:v>3134.326</c:v>
                </c:pt>
                <c:pt idx="848">
                  <c:v>3136.2548160000001</c:v>
                </c:pt>
                <c:pt idx="849">
                  <c:v>3138.1836320000002</c:v>
                </c:pt>
                <c:pt idx="850">
                  <c:v>3140.1124479999999</c:v>
                </c:pt>
                <c:pt idx="851">
                  <c:v>3142.041264</c:v>
                </c:pt>
                <c:pt idx="852">
                  <c:v>3143.9700800000001</c:v>
                </c:pt>
                <c:pt idx="853">
                  <c:v>3145.8988960000001</c:v>
                </c:pt>
                <c:pt idx="854">
                  <c:v>3147.8277119999998</c:v>
                </c:pt>
                <c:pt idx="855">
                  <c:v>3149.7565279999999</c:v>
                </c:pt>
                <c:pt idx="856">
                  <c:v>3151.685344</c:v>
                </c:pt>
                <c:pt idx="857">
                  <c:v>3153.6141600000001</c:v>
                </c:pt>
                <c:pt idx="858">
                  <c:v>3155.5429760000002</c:v>
                </c:pt>
                <c:pt idx="859">
                  <c:v>3157.4717919999998</c:v>
                </c:pt>
                <c:pt idx="860">
                  <c:v>3159.4006079999999</c:v>
                </c:pt>
                <c:pt idx="861">
                  <c:v>3161.329424</c:v>
                </c:pt>
                <c:pt idx="862">
                  <c:v>3163.2582400000001</c:v>
                </c:pt>
                <c:pt idx="863">
                  <c:v>3165.1870560000002</c:v>
                </c:pt>
                <c:pt idx="864">
                  <c:v>3167.1158719999999</c:v>
                </c:pt>
                <c:pt idx="865">
                  <c:v>3169.044688</c:v>
                </c:pt>
                <c:pt idx="866">
                  <c:v>3170.973504</c:v>
                </c:pt>
                <c:pt idx="867">
                  <c:v>3172.9023200000001</c:v>
                </c:pt>
                <c:pt idx="868">
                  <c:v>3174.8311359999998</c:v>
                </c:pt>
                <c:pt idx="869">
                  <c:v>3176.7599519999999</c:v>
                </c:pt>
                <c:pt idx="870">
                  <c:v>3178.688768</c:v>
                </c:pt>
                <c:pt idx="871">
                  <c:v>3180.6175840000001</c:v>
                </c:pt>
                <c:pt idx="872">
                  <c:v>3182.5464000000002</c:v>
                </c:pt>
                <c:pt idx="873">
                  <c:v>3184.4752159999998</c:v>
                </c:pt>
                <c:pt idx="874">
                  <c:v>3186.4040319999999</c:v>
                </c:pt>
                <c:pt idx="875">
                  <c:v>3188.332848</c:v>
                </c:pt>
                <c:pt idx="876">
                  <c:v>3190.2616640000001</c:v>
                </c:pt>
                <c:pt idx="877">
                  <c:v>3192.1904800000002</c:v>
                </c:pt>
                <c:pt idx="878">
                  <c:v>3194.1192959999998</c:v>
                </c:pt>
                <c:pt idx="879">
                  <c:v>3196.0481119999999</c:v>
                </c:pt>
                <c:pt idx="880">
                  <c:v>3197.976928</c:v>
                </c:pt>
                <c:pt idx="881">
                  <c:v>3199.9057440000001</c:v>
                </c:pt>
                <c:pt idx="882">
                  <c:v>3201.8345599999998</c:v>
                </c:pt>
                <c:pt idx="883">
                  <c:v>3203.7633759999999</c:v>
                </c:pt>
                <c:pt idx="884">
                  <c:v>3205.692192</c:v>
                </c:pt>
                <c:pt idx="885">
                  <c:v>3207.6210080000001</c:v>
                </c:pt>
                <c:pt idx="886">
                  <c:v>3209.5498240000002</c:v>
                </c:pt>
                <c:pt idx="887">
                  <c:v>3211.4786399999998</c:v>
                </c:pt>
                <c:pt idx="888">
                  <c:v>3213.4074559999999</c:v>
                </c:pt>
                <c:pt idx="889">
                  <c:v>3215.336272</c:v>
                </c:pt>
                <c:pt idx="890">
                  <c:v>3217.2650880000001</c:v>
                </c:pt>
                <c:pt idx="891">
                  <c:v>3219.1939040000002</c:v>
                </c:pt>
                <c:pt idx="892">
                  <c:v>3221.1227199999998</c:v>
                </c:pt>
                <c:pt idx="893">
                  <c:v>3223.0515359999999</c:v>
                </c:pt>
                <c:pt idx="894">
                  <c:v>3224.980352</c:v>
                </c:pt>
                <c:pt idx="895">
                  <c:v>3226.9091680000001</c:v>
                </c:pt>
                <c:pt idx="896">
                  <c:v>3228.8379839999998</c:v>
                </c:pt>
                <c:pt idx="897">
                  <c:v>3230.7667999999999</c:v>
                </c:pt>
                <c:pt idx="898">
                  <c:v>3232.695616</c:v>
                </c:pt>
                <c:pt idx="899">
                  <c:v>3234.6244320000001</c:v>
                </c:pt>
                <c:pt idx="900">
                  <c:v>3236.5532480000002</c:v>
                </c:pt>
                <c:pt idx="901">
                  <c:v>3238.4820639999998</c:v>
                </c:pt>
                <c:pt idx="902">
                  <c:v>3240.4108799999999</c:v>
                </c:pt>
                <c:pt idx="903">
                  <c:v>3242.339696</c:v>
                </c:pt>
                <c:pt idx="904">
                  <c:v>3244.2685120000001</c:v>
                </c:pt>
                <c:pt idx="905">
                  <c:v>3246.1973280000002</c:v>
                </c:pt>
                <c:pt idx="906">
                  <c:v>3248.1261439999998</c:v>
                </c:pt>
                <c:pt idx="907">
                  <c:v>3250.0549599999999</c:v>
                </c:pt>
                <c:pt idx="908">
                  <c:v>3251.983776</c:v>
                </c:pt>
                <c:pt idx="909">
                  <c:v>3253.9125920000001</c:v>
                </c:pt>
                <c:pt idx="910">
                  <c:v>3255.8414079999998</c:v>
                </c:pt>
                <c:pt idx="911">
                  <c:v>3257.7702239999999</c:v>
                </c:pt>
                <c:pt idx="912">
                  <c:v>3259.69904</c:v>
                </c:pt>
                <c:pt idx="913">
                  <c:v>3261.6278560000001</c:v>
                </c:pt>
                <c:pt idx="914">
                  <c:v>3263.5566720000002</c:v>
                </c:pt>
                <c:pt idx="915">
                  <c:v>3265.4854879999998</c:v>
                </c:pt>
                <c:pt idx="916">
                  <c:v>3267.4143039999999</c:v>
                </c:pt>
                <c:pt idx="917">
                  <c:v>3269.34312</c:v>
                </c:pt>
                <c:pt idx="918">
                  <c:v>3271.2719360000001</c:v>
                </c:pt>
                <c:pt idx="919">
                  <c:v>3273.2007520000002</c:v>
                </c:pt>
                <c:pt idx="920">
                  <c:v>3275.1295679999998</c:v>
                </c:pt>
                <c:pt idx="921">
                  <c:v>3277.0583839999999</c:v>
                </c:pt>
                <c:pt idx="922">
                  <c:v>3278.9872</c:v>
                </c:pt>
                <c:pt idx="923">
                  <c:v>3280.9160160000001</c:v>
                </c:pt>
                <c:pt idx="924">
                  <c:v>3282.8448320000002</c:v>
                </c:pt>
                <c:pt idx="925">
                  <c:v>3284.7736479999999</c:v>
                </c:pt>
                <c:pt idx="926">
                  <c:v>3286.702464</c:v>
                </c:pt>
                <c:pt idx="927">
                  <c:v>3288.6312800000001</c:v>
                </c:pt>
                <c:pt idx="928">
                  <c:v>3290.5600960000002</c:v>
                </c:pt>
                <c:pt idx="929">
                  <c:v>3292.4889119999998</c:v>
                </c:pt>
                <c:pt idx="930">
                  <c:v>3294.4177279999999</c:v>
                </c:pt>
                <c:pt idx="931">
                  <c:v>3296.346544</c:v>
                </c:pt>
                <c:pt idx="932">
                  <c:v>3298.2753600000001</c:v>
                </c:pt>
                <c:pt idx="933">
                  <c:v>3300.2041760000002</c:v>
                </c:pt>
                <c:pt idx="934">
                  <c:v>3302.1329919999998</c:v>
                </c:pt>
                <c:pt idx="935">
                  <c:v>3304.0618079999999</c:v>
                </c:pt>
                <c:pt idx="936">
                  <c:v>3305.990624</c:v>
                </c:pt>
                <c:pt idx="937">
                  <c:v>3307.9194400000001</c:v>
                </c:pt>
                <c:pt idx="938">
                  <c:v>3309.8482560000002</c:v>
                </c:pt>
                <c:pt idx="939">
                  <c:v>3311.7770719999999</c:v>
                </c:pt>
                <c:pt idx="940">
                  <c:v>3313.705888</c:v>
                </c:pt>
                <c:pt idx="941">
                  <c:v>3315.6347040000001</c:v>
                </c:pt>
                <c:pt idx="942">
                  <c:v>3317.5635200000002</c:v>
                </c:pt>
                <c:pt idx="943">
                  <c:v>3319.4923359999998</c:v>
                </c:pt>
                <c:pt idx="944">
                  <c:v>3321.4211519999999</c:v>
                </c:pt>
                <c:pt idx="945">
                  <c:v>3323.349968</c:v>
                </c:pt>
                <c:pt idx="946">
                  <c:v>3325.2787840000001</c:v>
                </c:pt>
                <c:pt idx="947">
                  <c:v>3327.2076000000002</c:v>
                </c:pt>
                <c:pt idx="948">
                  <c:v>3329.1364159999998</c:v>
                </c:pt>
                <c:pt idx="949">
                  <c:v>3331.0652319999999</c:v>
                </c:pt>
                <c:pt idx="950">
                  <c:v>3332.994048</c:v>
                </c:pt>
                <c:pt idx="951">
                  <c:v>3334.9228640000001</c:v>
                </c:pt>
                <c:pt idx="952">
                  <c:v>3336.8516800000002</c:v>
                </c:pt>
                <c:pt idx="953">
                  <c:v>3338.7804959999999</c:v>
                </c:pt>
                <c:pt idx="954">
                  <c:v>3340.709312</c:v>
                </c:pt>
                <c:pt idx="955">
                  <c:v>3342.6381280000001</c:v>
                </c:pt>
                <c:pt idx="956">
                  <c:v>3344.5669440000001</c:v>
                </c:pt>
                <c:pt idx="957">
                  <c:v>3346.4957599999998</c:v>
                </c:pt>
                <c:pt idx="958">
                  <c:v>3348.4245759999999</c:v>
                </c:pt>
                <c:pt idx="959">
                  <c:v>3350.353392</c:v>
                </c:pt>
                <c:pt idx="960">
                  <c:v>3352.2822080000001</c:v>
                </c:pt>
                <c:pt idx="961">
                  <c:v>3354.2110240000002</c:v>
                </c:pt>
                <c:pt idx="962">
                  <c:v>3356.1398399999998</c:v>
                </c:pt>
                <c:pt idx="963">
                  <c:v>3358.0686559999999</c:v>
                </c:pt>
                <c:pt idx="964">
                  <c:v>3359.997472</c:v>
                </c:pt>
                <c:pt idx="965">
                  <c:v>3361.9262880000001</c:v>
                </c:pt>
                <c:pt idx="966">
                  <c:v>3363.8551040000002</c:v>
                </c:pt>
                <c:pt idx="967">
                  <c:v>3365.7839199999999</c:v>
                </c:pt>
                <c:pt idx="968">
                  <c:v>3367.7127359999999</c:v>
                </c:pt>
                <c:pt idx="969">
                  <c:v>3369.641552</c:v>
                </c:pt>
                <c:pt idx="970">
                  <c:v>3371.5703680000001</c:v>
                </c:pt>
                <c:pt idx="971">
                  <c:v>3373.4991839999998</c:v>
                </c:pt>
                <c:pt idx="972">
                  <c:v>3375.4279999999999</c:v>
                </c:pt>
                <c:pt idx="973">
                  <c:v>3377.356816</c:v>
                </c:pt>
                <c:pt idx="974">
                  <c:v>3379.2856320000001</c:v>
                </c:pt>
                <c:pt idx="975">
                  <c:v>3381.2144480000002</c:v>
                </c:pt>
                <c:pt idx="976">
                  <c:v>3383.1432639999998</c:v>
                </c:pt>
                <c:pt idx="977">
                  <c:v>3385.0720799999999</c:v>
                </c:pt>
                <c:pt idx="978">
                  <c:v>3387.000896</c:v>
                </c:pt>
                <c:pt idx="979">
                  <c:v>3388.9297120000001</c:v>
                </c:pt>
                <c:pt idx="980">
                  <c:v>3390.8585280000002</c:v>
                </c:pt>
                <c:pt idx="981">
                  <c:v>3392.7873439999998</c:v>
                </c:pt>
                <c:pt idx="982">
                  <c:v>3394.7161599999999</c:v>
                </c:pt>
                <c:pt idx="983">
                  <c:v>3396.644976</c:v>
                </c:pt>
                <c:pt idx="984">
                  <c:v>3398.5737920000001</c:v>
                </c:pt>
                <c:pt idx="985">
                  <c:v>3400.5026079999998</c:v>
                </c:pt>
                <c:pt idx="986">
                  <c:v>3402.4314239999999</c:v>
                </c:pt>
                <c:pt idx="987">
                  <c:v>3404.36024</c:v>
                </c:pt>
                <c:pt idx="988">
                  <c:v>3406.2890560000001</c:v>
                </c:pt>
                <c:pt idx="989">
                  <c:v>3408.2178720000002</c:v>
                </c:pt>
                <c:pt idx="990">
                  <c:v>3410.1466879999998</c:v>
                </c:pt>
                <c:pt idx="991">
                  <c:v>3412.0755039999999</c:v>
                </c:pt>
                <c:pt idx="992">
                  <c:v>3414.00432</c:v>
                </c:pt>
                <c:pt idx="993">
                  <c:v>3415.9331360000001</c:v>
                </c:pt>
                <c:pt idx="994">
                  <c:v>3417.8619520000002</c:v>
                </c:pt>
                <c:pt idx="995">
                  <c:v>3419.7907679999998</c:v>
                </c:pt>
                <c:pt idx="996">
                  <c:v>3421.7195839999999</c:v>
                </c:pt>
                <c:pt idx="997">
                  <c:v>3423.6484</c:v>
                </c:pt>
                <c:pt idx="998">
                  <c:v>3425.5772160000001</c:v>
                </c:pt>
                <c:pt idx="999">
                  <c:v>3427.5060319999998</c:v>
                </c:pt>
                <c:pt idx="1000">
                  <c:v>3429.4348479999999</c:v>
                </c:pt>
                <c:pt idx="1001">
                  <c:v>3431.363664</c:v>
                </c:pt>
                <c:pt idx="1002">
                  <c:v>3433.2924800000001</c:v>
                </c:pt>
                <c:pt idx="1003">
                  <c:v>3435.2212960000002</c:v>
                </c:pt>
                <c:pt idx="1004">
                  <c:v>3437.1501119999998</c:v>
                </c:pt>
                <c:pt idx="1005">
                  <c:v>3439.0789279999999</c:v>
                </c:pt>
                <c:pt idx="1006">
                  <c:v>3441.007744</c:v>
                </c:pt>
                <c:pt idx="1007">
                  <c:v>3442.9365600000001</c:v>
                </c:pt>
                <c:pt idx="1008">
                  <c:v>3444.8653760000002</c:v>
                </c:pt>
                <c:pt idx="1009">
                  <c:v>3446.7941919999998</c:v>
                </c:pt>
                <c:pt idx="1010">
                  <c:v>3448.7230079999999</c:v>
                </c:pt>
                <c:pt idx="1011">
                  <c:v>3450.651824</c:v>
                </c:pt>
                <c:pt idx="1012">
                  <c:v>3452.5806400000001</c:v>
                </c:pt>
                <c:pt idx="1013">
                  <c:v>3454.5094559999998</c:v>
                </c:pt>
                <c:pt idx="1014">
                  <c:v>3456.4382719999999</c:v>
                </c:pt>
                <c:pt idx="1015">
                  <c:v>3458.367088</c:v>
                </c:pt>
                <c:pt idx="1016">
                  <c:v>3460.2959040000001</c:v>
                </c:pt>
                <c:pt idx="1017">
                  <c:v>3462.2247200000002</c:v>
                </c:pt>
                <c:pt idx="1018">
                  <c:v>3464.1535359999998</c:v>
                </c:pt>
                <c:pt idx="1019">
                  <c:v>3466.0823519999999</c:v>
                </c:pt>
                <c:pt idx="1020">
                  <c:v>3468.011168</c:v>
                </c:pt>
                <c:pt idx="1021">
                  <c:v>3469.9399840000001</c:v>
                </c:pt>
                <c:pt idx="1022">
                  <c:v>3471.8688000000002</c:v>
                </c:pt>
                <c:pt idx="1023">
                  <c:v>3473.7976159999998</c:v>
                </c:pt>
                <c:pt idx="1024">
                  <c:v>3475.7264319999999</c:v>
                </c:pt>
                <c:pt idx="1025">
                  <c:v>3477.655248</c:v>
                </c:pt>
                <c:pt idx="1026">
                  <c:v>3479.5840640000001</c:v>
                </c:pt>
                <c:pt idx="1027">
                  <c:v>3481.5128800000002</c:v>
                </c:pt>
                <c:pt idx="1028">
                  <c:v>3483.4416959999999</c:v>
                </c:pt>
                <c:pt idx="1029">
                  <c:v>3485.370512</c:v>
                </c:pt>
                <c:pt idx="1030">
                  <c:v>3487.2993280000001</c:v>
                </c:pt>
                <c:pt idx="1031">
                  <c:v>3489.2281440000002</c:v>
                </c:pt>
                <c:pt idx="1032">
                  <c:v>3491.1569599999998</c:v>
                </c:pt>
                <c:pt idx="1033">
                  <c:v>3493.0857759999999</c:v>
                </c:pt>
                <c:pt idx="1034">
                  <c:v>3495.014592</c:v>
                </c:pt>
                <c:pt idx="1035">
                  <c:v>3496.9434080000001</c:v>
                </c:pt>
                <c:pt idx="1036">
                  <c:v>3498.8722240000002</c:v>
                </c:pt>
                <c:pt idx="1037">
                  <c:v>3500.8010399999998</c:v>
                </c:pt>
                <c:pt idx="1038">
                  <c:v>3502.7298559999999</c:v>
                </c:pt>
                <c:pt idx="1039">
                  <c:v>3504.658672</c:v>
                </c:pt>
                <c:pt idx="1040">
                  <c:v>3506.5874880000001</c:v>
                </c:pt>
                <c:pt idx="1041">
                  <c:v>3508.5163040000002</c:v>
                </c:pt>
                <c:pt idx="1042">
                  <c:v>3510.4451199999999</c:v>
                </c:pt>
                <c:pt idx="1043">
                  <c:v>3512.373936</c:v>
                </c:pt>
                <c:pt idx="1044">
                  <c:v>3514.3027520000001</c:v>
                </c:pt>
                <c:pt idx="1045">
                  <c:v>3516.2315680000002</c:v>
                </c:pt>
                <c:pt idx="1046">
                  <c:v>3518.1603839999998</c:v>
                </c:pt>
                <c:pt idx="1047">
                  <c:v>3520.0891999999999</c:v>
                </c:pt>
                <c:pt idx="1048">
                  <c:v>3522.018016</c:v>
                </c:pt>
                <c:pt idx="1049">
                  <c:v>3523.9468320000001</c:v>
                </c:pt>
                <c:pt idx="1050">
                  <c:v>3525.8756480000002</c:v>
                </c:pt>
                <c:pt idx="1051">
                  <c:v>3527.8044639999998</c:v>
                </c:pt>
                <c:pt idx="1052">
                  <c:v>3529.7332799999999</c:v>
                </c:pt>
                <c:pt idx="1053">
                  <c:v>3531.662096</c:v>
                </c:pt>
                <c:pt idx="1054">
                  <c:v>3533.5909120000001</c:v>
                </c:pt>
                <c:pt idx="1055">
                  <c:v>3535.5197280000002</c:v>
                </c:pt>
                <c:pt idx="1056">
                  <c:v>3537.4485439999999</c:v>
                </c:pt>
                <c:pt idx="1057">
                  <c:v>3539.37736</c:v>
                </c:pt>
                <c:pt idx="1058">
                  <c:v>3541.3061760000001</c:v>
                </c:pt>
                <c:pt idx="1059">
                  <c:v>3543.2349920000001</c:v>
                </c:pt>
                <c:pt idx="1060">
                  <c:v>3545.1638079999998</c:v>
                </c:pt>
                <c:pt idx="1061">
                  <c:v>3547.0926239999999</c:v>
                </c:pt>
                <c:pt idx="1062">
                  <c:v>3549.02144</c:v>
                </c:pt>
                <c:pt idx="1063">
                  <c:v>3550.9502560000001</c:v>
                </c:pt>
                <c:pt idx="1064">
                  <c:v>3552.8790720000002</c:v>
                </c:pt>
                <c:pt idx="1065">
                  <c:v>3554.8078879999998</c:v>
                </c:pt>
                <c:pt idx="1066">
                  <c:v>3556.7367039999999</c:v>
                </c:pt>
                <c:pt idx="1067">
                  <c:v>3558.66552</c:v>
                </c:pt>
                <c:pt idx="1068">
                  <c:v>3560.5943360000001</c:v>
                </c:pt>
                <c:pt idx="1069">
                  <c:v>3562.5231520000002</c:v>
                </c:pt>
                <c:pt idx="1070">
                  <c:v>3564.4519679999999</c:v>
                </c:pt>
                <c:pt idx="1071">
                  <c:v>3566.3807839999999</c:v>
                </c:pt>
                <c:pt idx="1072">
                  <c:v>3568.3096</c:v>
                </c:pt>
                <c:pt idx="1073">
                  <c:v>3570.2384160000001</c:v>
                </c:pt>
                <c:pt idx="1074">
                  <c:v>3572.1672319999998</c:v>
                </c:pt>
                <c:pt idx="1075">
                  <c:v>3574.0960479999999</c:v>
                </c:pt>
                <c:pt idx="1076">
                  <c:v>3576.024864</c:v>
                </c:pt>
                <c:pt idx="1077">
                  <c:v>3577.9536800000001</c:v>
                </c:pt>
                <c:pt idx="1078">
                  <c:v>3579.8824960000002</c:v>
                </c:pt>
                <c:pt idx="1079">
                  <c:v>3581.8113119999998</c:v>
                </c:pt>
                <c:pt idx="1080">
                  <c:v>3583.7401279999999</c:v>
                </c:pt>
                <c:pt idx="1081">
                  <c:v>3585.668944</c:v>
                </c:pt>
                <c:pt idx="1082">
                  <c:v>3587.5977600000001</c:v>
                </c:pt>
                <c:pt idx="1083">
                  <c:v>3589.5265760000002</c:v>
                </c:pt>
                <c:pt idx="1084">
                  <c:v>3591.4553919999998</c:v>
                </c:pt>
                <c:pt idx="1085">
                  <c:v>3593.3842079999999</c:v>
                </c:pt>
                <c:pt idx="1086">
                  <c:v>3595.313024</c:v>
                </c:pt>
                <c:pt idx="1087">
                  <c:v>3597.2418400000001</c:v>
                </c:pt>
                <c:pt idx="1088">
                  <c:v>3599.1706559999998</c:v>
                </c:pt>
                <c:pt idx="1089">
                  <c:v>3601.0994719999999</c:v>
                </c:pt>
                <c:pt idx="1090">
                  <c:v>3603.028288</c:v>
                </c:pt>
                <c:pt idx="1091">
                  <c:v>3604.9571040000001</c:v>
                </c:pt>
                <c:pt idx="1092">
                  <c:v>3606.8859200000002</c:v>
                </c:pt>
                <c:pt idx="1093">
                  <c:v>3608.8147359999998</c:v>
                </c:pt>
                <c:pt idx="1094">
                  <c:v>3610.7435519999999</c:v>
                </c:pt>
                <c:pt idx="1095">
                  <c:v>3612.672368</c:v>
                </c:pt>
                <c:pt idx="1096">
                  <c:v>3614.6011840000001</c:v>
                </c:pt>
                <c:pt idx="1097">
                  <c:v>3616.53</c:v>
                </c:pt>
                <c:pt idx="1098">
                  <c:v>3618.4588159999998</c:v>
                </c:pt>
                <c:pt idx="1099">
                  <c:v>3620.3876319999999</c:v>
                </c:pt>
                <c:pt idx="1100">
                  <c:v>3622.316448</c:v>
                </c:pt>
                <c:pt idx="1101">
                  <c:v>3624.2452640000001</c:v>
                </c:pt>
                <c:pt idx="1102">
                  <c:v>3626.1740799999998</c:v>
                </c:pt>
                <c:pt idx="1103">
                  <c:v>3628.1028959999999</c:v>
                </c:pt>
                <c:pt idx="1104">
                  <c:v>3630.031712</c:v>
                </c:pt>
                <c:pt idx="1105">
                  <c:v>3631.9605280000001</c:v>
                </c:pt>
                <c:pt idx="1106">
                  <c:v>3633.8893440000002</c:v>
                </c:pt>
                <c:pt idx="1107">
                  <c:v>3635.8181599999998</c:v>
                </c:pt>
                <c:pt idx="1108">
                  <c:v>3637.7469759999999</c:v>
                </c:pt>
                <c:pt idx="1109">
                  <c:v>3639.675792</c:v>
                </c:pt>
                <c:pt idx="1110">
                  <c:v>3641.6046080000001</c:v>
                </c:pt>
                <c:pt idx="1111">
                  <c:v>3643.5334240000002</c:v>
                </c:pt>
                <c:pt idx="1112">
                  <c:v>3645.4622399999998</c:v>
                </c:pt>
                <c:pt idx="1113">
                  <c:v>3647.3910559999999</c:v>
                </c:pt>
                <c:pt idx="1114">
                  <c:v>3649.319872</c:v>
                </c:pt>
                <c:pt idx="1115">
                  <c:v>3651.2486880000001</c:v>
                </c:pt>
                <c:pt idx="1116">
                  <c:v>3653.1775040000002</c:v>
                </c:pt>
                <c:pt idx="1117">
                  <c:v>3655.1063199999999</c:v>
                </c:pt>
                <c:pt idx="1118">
                  <c:v>3657.035136</c:v>
                </c:pt>
                <c:pt idx="1119">
                  <c:v>3658.9639520000001</c:v>
                </c:pt>
                <c:pt idx="1120">
                  <c:v>3660.8927680000002</c:v>
                </c:pt>
                <c:pt idx="1121">
                  <c:v>3662.8215839999998</c:v>
                </c:pt>
                <c:pt idx="1122">
                  <c:v>3664.7503999999999</c:v>
                </c:pt>
                <c:pt idx="1123">
                  <c:v>3666.679216</c:v>
                </c:pt>
                <c:pt idx="1124">
                  <c:v>3668.6080320000001</c:v>
                </c:pt>
                <c:pt idx="1125">
                  <c:v>3670.5368480000002</c:v>
                </c:pt>
                <c:pt idx="1126">
                  <c:v>3672.4656639999998</c:v>
                </c:pt>
                <c:pt idx="1127">
                  <c:v>3674.3944799999999</c:v>
                </c:pt>
                <c:pt idx="1128">
                  <c:v>3676.323296</c:v>
                </c:pt>
                <c:pt idx="1129">
                  <c:v>3678.2521120000001</c:v>
                </c:pt>
                <c:pt idx="1130">
                  <c:v>3680.1809280000002</c:v>
                </c:pt>
                <c:pt idx="1131">
                  <c:v>3682.1097439999999</c:v>
                </c:pt>
                <c:pt idx="1132">
                  <c:v>3684.03856</c:v>
                </c:pt>
                <c:pt idx="1133">
                  <c:v>3685.9673760000001</c:v>
                </c:pt>
                <c:pt idx="1134">
                  <c:v>3687.8961920000002</c:v>
                </c:pt>
                <c:pt idx="1135">
                  <c:v>3689.8250079999998</c:v>
                </c:pt>
                <c:pt idx="1136">
                  <c:v>3691.7538239999999</c:v>
                </c:pt>
                <c:pt idx="1137">
                  <c:v>3693.68264</c:v>
                </c:pt>
                <c:pt idx="1138">
                  <c:v>3695.6114560000001</c:v>
                </c:pt>
                <c:pt idx="1139">
                  <c:v>3697.5402720000002</c:v>
                </c:pt>
                <c:pt idx="1140">
                  <c:v>3699.4690879999998</c:v>
                </c:pt>
                <c:pt idx="1141">
                  <c:v>3701.3979039999999</c:v>
                </c:pt>
                <c:pt idx="1142">
                  <c:v>3703.32672</c:v>
                </c:pt>
                <c:pt idx="1143">
                  <c:v>3705.2555360000001</c:v>
                </c:pt>
                <c:pt idx="1144">
                  <c:v>3707.1843520000002</c:v>
                </c:pt>
                <c:pt idx="1145">
                  <c:v>3709.1131679999999</c:v>
                </c:pt>
                <c:pt idx="1146">
                  <c:v>3711.041984</c:v>
                </c:pt>
                <c:pt idx="1147">
                  <c:v>3712.9708000000001</c:v>
                </c:pt>
                <c:pt idx="1148">
                  <c:v>3714.8996160000002</c:v>
                </c:pt>
                <c:pt idx="1149">
                  <c:v>3716.8284319999998</c:v>
                </c:pt>
                <c:pt idx="1150">
                  <c:v>3718.7572479999999</c:v>
                </c:pt>
                <c:pt idx="1151">
                  <c:v>3720.686064</c:v>
                </c:pt>
                <c:pt idx="1152">
                  <c:v>3722.6148800000001</c:v>
                </c:pt>
                <c:pt idx="1153">
                  <c:v>3724.5436960000002</c:v>
                </c:pt>
                <c:pt idx="1154">
                  <c:v>3726.4725119999998</c:v>
                </c:pt>
                <c:pt idx="1155">
                  <c:v>3728.4013279999999</c:v>
                </c:pt>
                <c:pt idx="1156">
                  <c:v>3730.330144</c:v>
                </c:pt>
                <c:pt idx="1157">
                  <c:v>3732.2589600000001</c:v>
                </c:pt>
                <c:pt idx="1158">
                  <c:v>3734.1877760000002</c:v>
                </c:pt>
                <c:pt idx="1159">
                  <c:v>3736.1165919999999</c:v>
                </c:pt>
                <c:pt idx="1160">
                  <c:v>3738.045408</c:v>
                </c:pt>
                <c:pt idx="1161">
                  <c:v>3739.974224</c:v>
                </c:pt>
                <c:pt idx="1162">
                  <c:v>3741.9030400000001</c:v>
                </c:pt>
                <c:pt idx="1163">
                  <c:v>3743.8318559999998</c:v>
                </c:pt>
                <c:pt idx="1164">
                  <c:v>3745.7606719999999</c:v>
                </c:pt>
                <c:pt idx="1165">
                  <c:v>3747.689488</c:v>
                </c:pt>
                <c:pt idx="1166">
                  <c:v>3749.6183040000001</c:v>
                </c:pt>
                <c:pt idx="1167">
                  <c:v>3751.5471200000002</c:v>
                </c:pt>
                <c:pt idx="1168">
                  <c:v>3753.4759359999998</c:v>
                </c:pt>
                <c:pt idx="1169">
                  <c:v>3755.4047519999999</c:v>
                </c:pt>
                <c:pt idx="1170">
                  <c:v>3757.333568</c:v>
                </c:pt>
                <c:pt idx="1171">
                  <c:v>3759.2623840000001</c:v>
                </c:pt>
                <c:pt idx="1172">
                  <c:v>3761.1912000000002</c:v>
                </c:pt>
                <c:pt idx="1173">
                  <c:v>3763.1200159999999</c:v>
                </c:pt>
                <c:pt idx="1174">
                  <c:v>3765.0488319999999</c:v>
                </c:pt>
                <c:pt idx="1175">
                  <c:v>3766.977648</c:v>
                </c:pt>
                <c:pt idx="1176">
                  <c:v>3768.9064640000001</c:v>
                </c:pt>
                <c:pt idx="1177">
                  <c:v>3770.8352799999998</c:v>
                </c:pt>
                <c:pt idx="1178">
                  <c:v>3772.7640959999999</c:v>
                </c:pt>
                <c:pt idx="1179">
                  <c:v>3774.692912</c:v>
                </c:pt>
                <c:pt idx="1180">
                  <c:v>3776.6217280000001</c:v>
                </c:pt>
                <c:pt idx="1181">
                  <c:v>3778.5505440000002</c:v>
                </c:pt>
                <c:pt idx="1182">
                  <c:v>3780.4793599999998</c:v>
                </c:pt>
                <c:pt idx="1183">
                  <c:v>3782.4081759999999</c:v>
                </c:pt>
                <c:pt idx="1184">
                  <c:v>3784.336992</c:v>
                </c:pt>
                <c:pt idx="1185">
                  <c:v>3786.2658080000001</c:v>
                </c:pt>
                <c:pt idx="1186">
                  <c:v>3788.1946240000002</c:v>
                </c:pt>
                <c:pt idx="1187">
                  <c:v>3790.1234399999998</c:v>
                </c:pt>
                <c:pt idx="1188">
                  <c:v>3792.0522559999999</c:v>
                </c:pt>
                <c:pt idx="1189">
                  <c:v>3793.981072</c:v>
                </c:pt>
                <c:pt idx="1190">
                  <c:v>3795.9098880000001</c:v>
                </c:pt>
                <c:pt idx="1191">
                  <c:v>3797.8387039999998</c:v>
                </c:pt>
                <c:pt idx="1192">
                  <c:v>3799.7675199999999</c:v>
                </c:pt>
              </c:numCache>
            </c:numRef>
          </c:xVal>
          <c:yVal>
            <c:numRef>
              <c:f>'Fig 2 b'!$L$10:$L$1202</c:f>
              <c:numCache>
                <c:formatCode>General</c:formatCode>
                <c:ptCount val="1193"/>
                <c:pt idx="0">
                  <c:v>104.893173</c:v>
                </c:pt>
                <c:pt idx="1">
                  <c:v>104.94645199999999</c:v>
                </c:pt>
                <c:pt idx="2">
                  <c:v>104.933988</c:v>
                </c:pt>
                <c:pt idx="3">
                  <c:v>105.02987299999999</c:v>
                </c:pt>
                <c:pt idx="4">
                  <c:v>105.431635</c:v>
                </c:pt>
                <c:pt idx="5">
                  <c:v>105.42516000000001</c:v>
                </c:pt>
                <c:pt idx="6">
                  <c:v>105.36218</c:v>
                </c:pt>
                <c:pt idx="7">
                  <c:v>105.33731</c:v>
                </c:pt>
                <c:pt idx="8">
                  <c:v>105.317385</c:v>
                </c:pt>
                <c:pt idx="9">
                  <c:v>105.384743</c:v>
                </c:pt>
                <c:pt idx="10">
                  <c:v>105.258421</c:v>
                </c:pt>
                <c:pt idx="11">
                  <c:v>105.264567</c:v>
                </c:pt>
                <c:pt idx="12">
                  <c:v>105.263302</c:v>
                </c:pt>
                <c:pt idx="13">
                  <c:v>105.132535</c:v>
                </c:pt>
                <c:pt idx="14">
                  <c:v>105.003743</c:v>
                </c:pt>
                <c:pt idx="15">
                  <c:v>104.89499000000001</c:v>
                </c:pt>
                <c:pt idx="16">
                  <c:v>104.736149</c:v>
                </c:pt>
                <c:pt idx="17">
                  <c:v>104.664671</c:v>
                </c:pt>
                <c:pt idx="18">
                  <c:v>104.59214799999999</c:v>
                </c:pt>
                <c:pt idx="19">
                  <c:v>104.32273499999999</c:v>
                </c:pt>
                <c:pt idx="20">
                  <c:v>104.119646</c:v>
                </c:pt>
                <c:pt idx="21">
                  <c:v>104.140379</c:v>
                </c:pt>
                <c:pt idx="22">
                  <c:v>103.98918399999999</c:v>
                </c:pt>
                <c:pt idx="23">
                  <c:v>103.87864999999999</c:v>
                </c:pt>
                <c:pt idx="24">
                  <c:v>103.720637</c:v>
                </c:pt>
                <c:pt idx="25">
                  <c:v>103.563562</c:v>
                </c:pt>
                <c:pt idx="26">
                  <c:v>103.485927</c:v>
                </c:pt>
                <c:pt idx="27">
                  <c:v>103.33452699999999</c:v>
                </c:pt>
                <c:pt idx="28">
                  <c:v>103.204199</c:v>
                </c:pt>
                <c:pt idx="29">
                  <c:v>103.008253</c:v>
                </c:pt>
                <c:pt idx="30">
                  <c:v>102.852718</c:v>
                </c:pt>
                <c:pt idx="31">
                  <c:v>103.214175</c:v>
                </c:pt>
                <c:pt idx="32">
                  <c:v>103.02518999999999</c:v>
                </c:pt>
                <c:pt idx="33">
                  <c:v>102.870695</c:v>
                </c:pt>
                <c:pt idx="34">
                  <c:v>102.876886</c:v>
                </c:pt>
                <c:pt idx="35">
                  <c:v>102.806282</c:v>
                </c:pt>
                <c:pt idx="36">
                  <c:v>102.8623</c:v>
                </c:pt>
                <c:pt idx="37">
                  <c:v>102.913348</c:v>
                </c:pt>
                <c:pt idx="38">
                  <c:v>102.849745</c:v>
                </c:pt>
                <c:pt idx="39">
                  <c:v>102.97022200000001</c:v>
                </c:pt>
                <c:pt idx="40">
                  <c:v>103.279099</c:v>
                </c:pt>
                <c:pt idx="41">
                  <c:v>103.25028399999999</c:v>
                </c:pt>
                <c:pt idx="42">
                  <c:v>103.309881</c:v>
                </c:pt>
                <c:pt idx="43">
                  <c:v>103.422291</c:v>
                </c:pt>
                <c:pt idx="44">
                  <c:v>103.518846</c:v>
                </c:pt>
                <c:pt idx="45">
                  <c:v>103.58194899999999</c:v>
                </c:pt>
                <c:pt idx="46">
                  <c:v>103.70774900000001</c:v>
                </c:pt>
                <c:pt idx="47">
                  <c:v>103.849413</c:v>
                </c:pt>
                <c:pt idx="48">
                  <c:v>103.956688</c:v>
                </c:pt>
                <c:pt idx="49">
                  <c:v>104.02538300000001</c:v>
                </c:pt>
                <c:pt idx="50">
                  <c:v>104.171769</c:v>
                </c:pt>
                <c:pt idx="51">
                  <c:v>104.285715</c:v>
                </c:pt>
                <c:pt idx="52">
                  <c:v>104.348271</c:v>
                </c:pt>
                <c:pt idx="53">
                  <c:v>104.442235</c:v>
                </c:pt>
                <c:pt idx="54">
                  <c:v>104.530355</c:v>
                </c:pt>
                <c:pt idx="55">
                  <c:v>104.525874</c:v>
                </c:pt>
                <c:pt idx="56">
                  <c:v>104.60014200000001</c:v>
                </c:pt>
                <c:pt idx="57">
                  <c:v>104.668727</c:v>
                </c:pt>
                <c:pt idx="58">
                  <c:v>104.676613</c:v>
                </c:pt>
                <c:pt idx="59">
                  <c:v>104.60643899999999</c:v>
                </c:pt>
                <c:pt idx="60">
                  <c:v>104.66091900000001</c:v>
                </c:pt>
                <c:pt idx="61">
                  <c:v>104.77970999999999</c:v>
                </c:pt>
                <c:pt idx="62">
                  <c:v>104.669021</c:v>
                </c:pt>
                <c:pt idx="63">
                  <c:v>104.569547</c:v>
                </c:pt>
                <c:pt idx="64">
                  <c:v>104.615263</c:v>
                </c:pt>
                <c:pt idx="65">
                  <c:v>104.539231</c:v>
                </c:pt>
                <c:pt idx="66">
                  <c:v>104.511763</c:v>
                </c:pt>
                <c:pt idx="67">
                  <c:v>104.51849900000001</c:v>
                </c:pt>
                <c:pt idx="68">
                  <c:v>104.528542</c:v>
                </c:pt>
                <c:pt idx="69">
                  <c:v>104.478156</c:v>
                </c:pt>
                <c:pt idx="70">
                  <c:v>104.41807300000001</c:v>
                </c:pt>
                <c:pt idx="71">
                  <c:v>104.53766899999999</c:v>
                </c:pt>
                <c:pt idx="72">
                  <c:v>104.543553</c:v>
                </c:pt>
                <c:pt idx="73">
                  <c:v>104.528616</c:v>
                </c:pt>
                <c:pt idx="74">
                  <c:v>104.569068</c:v>
                </c:pt>
                <c:pt idx="75">
                  <c:v>104.547833</c:v>
                </c:pt>
                <c:pt idx="76">
                  <c:v>104.64095399999999</c:v>
                </c:pt>
                <c:pt idx="77">
                  <c:v>104.78900899999999</c:v>
                </c:pt>
                <c:pt idx="78">
                  <c:v>104.606961</c:v>
                </c:pt>
                <c:pt idx="79">
                  <c:v>104.648642</c:v>
                </c:pt>
                <c:pt idx="80">
                  <c:v>105.22950400000001</c:v>
                </c:pt>
                <c:pt idx="81">
                  <c:v>105.094708</c:v>
                </c:pt>
                <c:pt idx="82">
                  <c:v>105.04627499999999</c:v>
                </c:pt>
                <c:pt idx="83">
                  <c:v>105.088639</c:v>
                </c:pt>
                <c:pt idx="84">
                  <c:v>105.302057</c:v>
                </c:pt>
                <c:pt idx="85">
                  <c:v>105.40654600000001</c:v>
                </c:pt>
                <c:pt idx="86">
                  <c:v>105.312467</c:v>
                </c:pt>
                <c:pt idx="87">
                  <c:v>105.295249</c:v>
                </c:pt>
                <c:pt idx="88">
                  <c:v>105.49088</c:v>
                </c:pt>
                <c:pt idx="89">
                  <c:v>105.616692</c:v>
                </c:pt>
                <c:pt idx="90">
                  <c:v>105.595221</c:v>
                </c:pt>
                <c:pt idx="91">
                  <c:v>105.664351</c:v>
                </c:pt>
                <c:pt idx="92">
                  <c:v>105.655557</c:v>
                </c:pt>
                <c:pt idx="93">
                  <c:v>105.673813</c:v>
                </c:pt>
                <c:pt idx="94">
                  <c:v>105.664511</c:v>
                </c:pt>
                <c:pt idx="95">
                  <c:v>105.553612</c:v>
                </c:pt>
                <c:pt idx="96">
                  <c:v>105.844123</c:v>
                </c:pt>
                <c:pt idx="97">
                  <c:v>105.82600600000001</c:v>
                </c:pt>
                <c:pt idx="98">
                  <c:v>105.808858</c:v>
                </c:pt>
                <c:pt idx="99">
                  <c:v>105.836341</c:v>
                </c:pt>
                <c:pt idx="100">
                  <c:v>105.801458</c:v>
                </c:pt>
                <c:pt idx="101">
                  <c:v>105.84945</c:v>
                </c:pt>
                <c:pt idx="102">
                  <c:v>106.053123</c:v>
                </c:pt>
                <c:pt idx="103">
                  <c:v>105.92184899999999</c:v>
                </c:pt>
                <c:pt idx="104">
                  <c:v>106.080709</c:v>
                </c:pt>
                <c:pt idx="105">
                  <c:v>105.95116</c:v>
                </c:pt>
                <c:pt idx="106">
                  <c:v>105.91804500000001</c:v>
                </c:pt>
                <c:pt idx="107">
                  <c:v>106.056793</c:v>
                </c:pt>
                <c:pt idx="108">
                  <c:v>106.045233</c:v>
                </c:pt>
                <c:pt idx="109">
                  <c:v>106.000705</c:v>
                </c:pt>
                <c:pt idx="110">
                  <c:v>105.887624</c:v>
                </c:pt>
                <c:pt idx="111">
                  <c:v>105.79915800000001</c:v>
                </c:pt>
                <c:pt idx="112">
                  <c:v>105.964006</c:v>
                </c:pt>
                <c:pt idx="113">
                  <c:v>106.051227</c:v>
                </c:pt>
                <c:pt idx="114">
                  <c:v>105.978345</c:v>
                </c:pt>
                <c:pt idx="115">
                  <c:v>105.918875</c:v>
                </c:pt>
                <c:pt idx="116">
                  <c:v>105.94492099999999</c:v>
                </c:pt>
                <c:pt idx="117">
                  <c:v>105.98639</c:v>
                </c:pt>
                <c:pt idx="118">
                  <c:v>106.009169</c:v>
                </c:pt>
                <c:pt idx="119">
                  <c:v>105.98347200000001</c:v>
                </c:pt>
                <c:pt idx="120">
                  <c:v>105.941295</c:v>
                </c:pt>
                <c:pt idx="121">
                  <c:v>105.922815</c:v>
                </c:pt>
                <c:pt idx="122">
                  <c:v>106.05150500000001</c:v>
                </c:pt>
                <c:pt idx="123">
                  <c:v>105.96100199999999</c:v>
                </c:pt>
                <c:pt idx="124">
                  <c:v>105.999453</c:v>
                </c:pt>
                <c:pt idx="125">
                  <c:v>105.92269400000001</c:v>
                </c:pt>
                <c:pt idx="126">
                  <c:v>105.78842899999999</c:v>
                </c:pt>
                <c:pt idx="127">
                  <c:v>105.711482</c:v>
                </c:pt>
                <c:pt idx="128">
                  <c:v>105.68115</c:v>
                </c:pt>
                <c:pt idx="129">
                  <c:v>105.748273</c:v>
                </c:pt>
                <c:pt idx="130">
                  <c:v>105.88180800000001</c:v>
                </c:pt>
                <c:pt idx="131">
                  <c:v>105.894531</c:v>
                </c:pt>
                <c:pt idx="132">
                  <c:v>105.73403</c:v>
                </c:pt>
                <c:pt idx="133">
                  <c:v>105.715879</c:v>
                </c:pt>
                <c:pt idx="134">
                  <c:v>105.726659</c:v>
                </c:pt>
                <c:pt idx="135">
                  <c:v>105.66885499999999</c:v>
                </c:pt>
                <c:pt idx="136">
                  <c:v>105.728573</c:v>
                </c:pt>
                <c:pt idx="137">
                  <c:v>105.704994</c:v>
                </c:pt>
                <c:pt idx="138">
                  <c:v>105.638169</c:v>
                </c:pt>
                <c:pt idx="139">
                  <c:v>105.633042</c:v>
                </c:pt>
                <c:pt idx="140">
                  <c:v>105.55789</c:v>
                </c:pt>
                <c:pt idx="141">
                  <c:v>105.580476</c:v>
                </c:pt>
                <c:pt idx="142">
                  <c:v>105.64725300000001</c:v>
                </c:pt>
                <c:pt idx="143">
                  <c:v>105.596912</c:v>
                </c:pt>
                <c:pt idx="144">
                  <c:v>105.55658</c:v>
                </c:pt>
                <c:pt idx="145">
                  <c:v>105.55212899999999</c:v>
                </c:pt>
                <c:pt idx="146">
                  <c:v>105.57516</c:v>
                </c:pt>
                <c:pt idx="147">
                  <c:v>105.52238800000001</c:v>
                </c:pt>
                <c:pt idx="148">
                  <c:v>105.56938700000001</c:v>
                </c:pt>
                <c:pt idx="149">
                  <c:v>105.540845</c:v>
                </c:pt>
                <c:pt idx="150">
                  <c:v>105.399423</c:v>
                </c:pt>
                <c:pt idx="151">
                  <c:v>105.36753299999999</c:v>
                </c:pt>
                <c:pt idx="152">
                  <c:v>105.524021</c:v>
                </c:pt>
                <c:pt idx="153">
                  <c:v>105.47423999999999</c:v>
                </c:pt>
                <c:pt idx="154">
                  <c:v>105.37110199999999</c:v>
                </c:pt>
                <c:pt idx="155">
                  <c:v>105.31355000000001</c:v>
                </c:pt>
                <c:pt idx="156">
                  <c:v>105.342116</c:v>
                </c:pt>
                <c:pt idx="157">
                  <c:v>105.35801600000001</c:v>
                </c:pt>
                <c:pt idx="158">
                  <c:v>105.37078</c:v>
                </c:pt>
                <c:pt idx="159">
                  <c:v>105.347734</c:v>
                </c:pt>
                <c:pt idx="160">
                  <c:v>105.305454</c:v>
                </c:pt>
                <c:pt idx="161">
                  <c:v>105.309917</c:v>
                </c:pt>
                <c:pt idx="162">
                  <c:v>105.37836900000001</c:v>
                </c:pt>
                <c:pt idx="163">
                  <c:v>105.36248000000001</c:v>
                </c:pt>
                <c:pt idx="164">
                  <c:v>105.303546</c:v>
                </c:pt>
                <c:pt idx="165">
                  <c:v>105.311021</c:v>
                </c:pt>
                <c:pt idx="166">
                  <c:v>105.37308</c:v>
                </c:pt>
                <c:pt idx="167">
                  <c:v>105.361227</c:v>
                </c:pt>
                <c:pt idx="168">
                  <c:v>105.34134</c:v>
                </c:pt>
                <c:pt idx="169">
                  <c:v>105.240624</c:v>
                </c:pt>
                <c:pt idx="170">
                  <c:v>105.04475100000001</c:v>
                </c:pt>
                <c:pt idx="171">
                  <c:v>105.09107899999999</c:v>
                </c:pt>
                <c:pt idx="172">
                  <c:v>105.243275</c:v>
                </c:pt>
                <c:pt idx="173">
                  <c:v>105.18739600000001</c:v>
                </c:pt>
                <c:pt idx="174">
                  <c:v>105.159645</c:v>
                </c:pt>
                <c:pt idx="175">
                  <c:v>105.147661</c:v>
                </c:pt>
                <c:pt idx="176">
                  <c:v>105.046808</c:v>
                </c:pt>
                <c:pt idx="177">
                  <c:v>104.90936600000001</c:v>
                </c:pt>
                <c:pt idx="178">
                  <c:v>104.859504</c:v>
                </c:pt>
                <c:pt idx="179">
                  <c:v>104.913578</c:v>
                </c:pt>
                <c:pt idx="180">
                  <c:v>104.995953</c:v>
                </c:pt>
                <c:pt idx="181">
                  <c:v>105.04043799999999</c:v>
                </c:pt>
                <c:pt idx="182">
                  <c:v>105.006418</c:v>
                </c:pt>
                <c:pt idx="183">
                  <c:v>104.937111</c:v>
                </c:pt>
                <c:pt idx="184">
                  <c:v>104.948871</c:v>
                </c:pt>
                <c:pt idx="185">
                  <c:v>105.040632</c:v>
                </c:pt>
                <c:pt idx="186">
                  <c:v>105.093074</c:v>
                </c:pt>
                <c:pt idx="187">
                  <c:v>105.02193800000001</c:v>
                </c:pt>
                <c:pt idx="188">
                  <c:v>104.92592999999999</c:v>
                </c:pt>
                <c:pt idx="189">
                  <c:v>104.890676</c:v>
                </c:pt>
                <c:pt idx="190">
                  <c:v>104.86264</c:v>
                </c:pt>
                <c:pt idx="191">
                  <c:v>104.969392</c:v>
                </c:pt>
                <c:pt idx="192">
                  <c:v>105.021055</c:v>
                </c:pt>
                <c:pt idx="193">
                  <c:v>105.001659</c:v>
                </c:pt>
                <c:pt idx="194">
                  <c:v>104.99431800000001</c:v>
                </c:pt>
                <c:pt idx="195">
                  <c:v>104.929756</c:v>
                </c:pt>
                <c:pt idx="196">
                  <c:v>104.87044299999999</c:v>
                </c:pt>
                <c:pt idx="197">
                  <c:v>104.84086000000001</c:v>
                </c:pt>
                <c:pt idx="198">
                  <c:v>104.827108</c:v>
                </c:pt>
                <c:pt idx="199">
                  <c:v>104.815479</c:v>
                </c:pt>
                <c:pt idx="200">
                  <c:v>104.908794</c:v>
                </c:pt>
                <c:pt idx="201">
                  <c:v>104.923884</c:v>
                </c:pt>
                <c:pt idx="202">
                  <c:v>104.97085199999999</c:v>
                </c:pt>
                <c:pt idx="203">
                  <c:v>104.893354</c:v>
                </c:pt>
                <c:pt idx="204">
                  <c:v>104.793842</c:v>
                </c:pt>
                <c:pt idx="205">
                  <c:v>104.697734</c:v>
                </c:pt>
                <c:pt idx="206">
                  <c:v>104.71084500000001</c:v>
                </c:pt>
                <c:pt idx="207">
                  <c:v>104.796864</c:v>
                </c:pt>
                <c:pt idx="208">
                  <c:v>104.898625</c:v>
                </c:pt>
                <c:pt idx="209">
                  <c:v>105.10069900000001</c:v>
                </c:pt>
                <c:pt idx="210">
                  <c:v>105.17070099999999</c:v>
                </c:pt>
                <c:pt idx="211">
                  <c:v>105.109095</c:v>
                </c:pt>
                <c:pt idx="212">
                  <c:v>104.953166</c:v>
                </c:pt>
                <c:pt idx="213">
                  <c:v>104.758082</c:v>
                </c:pt>
                <c:pt idx="214">
                  <c:v>104.64891799999999</c:v>
                </c:pt>
                <c:pt idx="215">
                  <c:v>104.800241</c:v>
                </c:pt>
                <c:pt idx="216">
                  <c:v>104.896719</c:v>
                </c:pt>
                <c:pt idx="217">
                  <c:v>104.77286700000001</c:v>
                </c:pt>
                <c:pt idx="218">
                  <c:v>104.70486200000001</c:v>
                </c:pt>
                <c:pt idx="219">
                  <c:v>104.839511</c:v>
                </c:pt>
                <c:pt idx="220">
                  <c:v>104.854259</c:v>
                </c:pt>
                <c:pt idx="221">
                  <c:v>104.69843299999999</c:v>
                </c:pt>
                <c:pt idx="222">
                  <c:v>104.643517</c:v>
                </c:pt>
                <c:pt idx="223">
                  <c:v>104.72992600000001</c:v>
                </c:pt>
                <c:pt idx="224">
                  <c:v>104.78112</c:v>
                </c:pt>
                <c:pt idx="225">
                  <c:v>104.906244</c:v>
                </c:pt>
                <c:pt idx="226">
                  <c:v>104.99772400000001</c:v>
                </c:pt>
                <c:pt idx="227">
                  <c:v>104.937479</c:v>
                </c:pt>
                <c:pt idx="228">
                  <c:v>104.97088100000001</c:v>
                </c:pt>
                <c:pt idx="229">
                  <c:v>105.108119</c:v>
                </c:pt>
                <c:pt idx="230">
                  <c:v>104.93185099999999</c:v>
                </c:pt>
                <c:pt idx="231">
                  <c:v>104.783607</c:v>
                </c:pt>
                <c:pt idx="232">
                  <c:v>104.84416400000001</c:v>
                </c:pt>
                <c:pt idx="233">
                  <c:v>104.75604199999999</c:v>
                </c:pt>
                <c:pt idx="234">
                  <c:v>104.88106399999999</c:v>
                </c:pt>
                <c:pt idx="235">
                  <c:v>104.96684999999999</c:v>
                </c:pt>
                <c:pt idx="236">
                  <c:v>104.81226100000001</c:v>
                </c:pt>
                <c:pt idx="237">
                  <c:v>104.856165</c:v>
                </c:pt>
                <c:pt idx="238">
                  <c:v>105.16932</c:v>
                </c:pt>
                <c:pt idx="239">
                  <c:v>105.20448399999999</c:v>
                </c:pt>
                <c:pt idx="240">
                  <c:v>105.431195</c:v>
                </c:pt>
                <c:pt idx="241">
                  <c:v>105.450352</c:v>
                </c:pt>
                <c:pt idx="242">
                  <c:v>105.04738500000001</c:v>
                </c:pt>
                <c:pt idx="243">
                  <c:v>104.972448</c:v>
                </c:pt>
                <c:pt idx="244">
                  <c:v>104.883312</c:v>
                </c:pt>
                <c:pt idx="245">
                  <c:v>104.661975</c:v>
                </c:pt>
                <c:pt idx="246">
                  <c:v>104.625861</c:v>
                </c:pt>
                <c:pt idx="247">
                  <c:v>104.719526</c:v>
                </c:pt>
                <c:pt idx="248">
                  <c:v>104.87009999999999</c:v>
                </c:pt>
                <c:pt idx="249">
                  <c:v>105.243049</c:v>
                </c:pt>
                <c:pt idx="250">
                  <c:v>105.273781</c:v>
                </c:pt>
                <c:pt idx="251">
                  <c:v>105.093566</c:v>
                </c:pt>
                <c:pt idx="252">
                  <c:v>104.93035999999999</c:v>
                </c:pt>
                <c:pt idx="253">
                  <c:v>104.81802500000001</c:v>
                </c:pt>
                <c:pt idx="254">
                  <c:v>105.34236799999999</c:v>
                </c:pt>
                <c:pt idx="255">
                  <c:v>105.387694</c:v>
                </c:pt>
                <c:pt idx="256">
                  <c:v>105.352549</c:v>
                </c:pt>
                <c:pt idx="257">
                  <c:v>105.62833500000001</c:v>
                </c:pt>
                <c:pt idx="258">
                  <c:v>105.79182900000001</c:v>
                </c:pt>
                <c:pt idx="259">
                  <c:v>105.56545699999999</c:v>
                </c:pt>
                <c:pt idx="260">
                  <c:v>105.43769899999999</c:v>
                </c:pt>
                <c:pt idx="261">
                  <c:v>105.844185</c:v>
                </c:pt>
                <c:pt idx="262">
                  <c:v>106.122439</c:v>
                </c:pt>
                <c:pt idx="263">
                  <c:v>106.117199</c:v>
                </c:pt>
                <c:pt idx="264">
                  <c:v>106.29351</c:v>
                </c:pt>
                <c:pt idx="265">
                  <c:v>106.296937</c:v>
                </c:pt>
                <c:pt idx="266">
                  <c:v>106.47223200000001</c:v>
                </c:pt>
                <c:pt idx="267">
                  <c:v>106.79631999999999</c:v>
                </c:pt>
                <c:pt idx="268">
                  <c:v>106.93681100000001</c:v>
                </c:pt>
                <c:pt idx="269">
                  <c:v>106.54508</c:v>
                </c:pt>
                <c:pt idx="270">
                  <c:v>106.388898</c:v>
                </c:pt>
                <c:pt idx="271">
                  <c:v>106.799139</c:v>
                </c:pt>
                <c:pt idx="272">
                  <c:v>106.85326000000001</c:v>
                </c:pt>
                <c:pt idx="273">
                  <c:v>106.970405</c:v>
                </c:pt>
                <c:pt idx="274">
                  <c:v>107.03507999999999</c:v>
                </c:pt>
                <c:pt idx="275">
                  <c:v>106.474169</c:v>
                </c:pt>
                <c:pt idx="276">
                  <c:v>106.319169</c:v>
                </c:pt>
                <c:pt idx="277">
                  <c:v>106.339265</c:v>
                </c:pt>
                <c:pt idx="278">
                  <c:v>106.303692</c:v>
                </c:pt>
                <c:pt idx="279">
                  <c:v>106.717456</c:v>
                </c:pt>
                <c:pt idx="280">
                  <c:v>106.874105</c:v>
                </c:pt>
                <c:pt idx="281">
                  <c:v>106.67152400000001</c:v>
                </c:pt>
                <c:pt idx="282">
                  <c:v>106.80757699999999</c:v>
                </c:pt>
                <c:pt idx="283">
                  <c:v>106.70737699999999</c:v>
                </c:pt>
                <c:pt idx="284">
                  <c:v>106.540272</c:v>
                </c:pt>
                <c:pt idx="285">
                  <c:v>106.379673</c:v>
                </c:pt>
                <c:pt idx="286">
                  <c:v>106.325886</c:v>
                </c:pt>
                <c:pt idx="287">
                  <c:v>105.978696</c:v>
                </c:pt>
                <c:pt idx="288">
                  <c:v>105.71104699999999</c:v>
                </c:pt>
                <c:pt idx="289">
                  <c:v>105.72846199999999</c:v>
                </c:pt>
                <c:pt idx="290">
                  <c:v>105.958859</c:v>
                </c:pt>
                <c:pt idx="291">
                  <c:v>106.221508</c:v>
                </c:pt>
                <c:pt idx="292">
                  <c:v>106.15159800000001</c:v>
                </c:pt>
                <c:pt idx="293">
                  <c:v>105.741676</c:v>
                </c:pt>
                <c:pt idx="294">
                  <c:v>105.64967900000001</c:v>
                </c:pt>
                <c:pt idx="295">
                  <c:v>105.673378</c:v>
                </c:pt>
                <c:pt idx="296">
                  <c:v>105.371691</c:v>
                </c:pt>
                <c:pt idx="297">
                  <c:v>105.115628</c:v>
                </c:pt>
                <c:pt idx="298">
                  <c:v>105.354812</c:v>
                </c:pt>
                <c:pt idx="299">
                  <c:v>105.601962</c:v>
                </c:pt>
                <c:pt idx="300">
                  <c:v>105.39210799999999</c:v>
                </c:pt>
                <c:pt idx="301">
                  <c:v>105.10647299999999</c:v>
                </c:pt>
                <c:pt idx="302">
                  <c:v>105.018388</c:v>
                </c:pt>
                <c:pt idx="303">
                  <c:v>104.80685099999999</c:v>
                </c:pt>
                <c:pt idx="304">
                  <c:v>104.840912</c:v>
                </c:pt>
                <c:pt idx="305">
                  <c:v>105.093869</c:v>
                </c:pt>
                <c:pt idx="306">
                  <c:v>105.26097300000001</c:v>
                </c:pt>
                <c:pt idx="307">
                  <c:v>105.19885600000001</c:v>
                </c:pt>
                <c:pt idx="308">
                  <c:v>105.035437</c:v>
                </c:pt>
                <c:pt idx="309">
                  <c:v>104.87092199999999</c:v>
                </c:pt>
                <c:pt idx="310">
                  <c:v>104.76376399999999</c:v>
                </c:pt>
                <c:pt idx="311">
                  <c:v>104.84931400000001</c:v>
                </c:pt>
                <c:pt idx="312">
                  <c:v>104.75335699999999</c:v>
                </c:pt>
                <c:pt idx="313">
                  <c:v>104.715046</c:v>
                </c:pt>
                <c:pt idx="314">
                  <c:v>104.882468</c:v>
                </c:pt>
                <c:pt idx="315">
                  <c:v>104.834673</c:v>
                </c:pt>
                <c:pt idx="316">
                  <c:v>104.84509199999999</c:v>
                </c:pt>
                <c:pt idx="317">
                  <c:v>104.78139400000001</c:v>
                </c:pt>
                <c:pt idx="318">
                  <c:v>104.686774</c:v>
                </c:pt>
                <c:pt idx="319">
                  <c:v>104.702123</c:v>
                </c:pt>
                <c:pt idx="320">
                  <c:v>104.76170500000001</c:v>
                </c:pt>
                <c:pt idx="321">
                  <c:v>104.671526</c:v>
                </c:pt>
                <c:pt idx="322">
                  <c:v>104.53759700000001</c:v>
                </c:pt>
                <c:pt idx="323">
                  <c:v>104.392855</c:v>
                </c:pt>
                <c:pt idx="324">
                  <c:v>104.41620500000001</c:v>
                </c:pt>
                <c:pt idx="325">
                  <c:v>104.645139</c:v>
                </c:pt>
                <c:pt idx="326">
                  <c:v>104.773726</c:v>
                </c:pt>
                <c:pt idx="327">
                  <c:v>105.17993</c:v>
                </c:pt>
                <c:pt idx="328">
                  <c:v>105.608904</c:v>
                </c:pt>
                <c:pt idx="329">
                  <c:v>105.38655300000001</c:v>
                </c:pt>
                <c:pt idx="330">
                  <c:v>105.037333</c:v>
                </c:pt>
                <c:pt idx="331">
                  <c:v>105.134207</c:v>
                </c:pt>
                <c:pt idx="332">
                  <c:v>105.388051</c:v>
                </c:pt>
                <c:pt idx="333">
                  <c:v>105.40725</c:v>
                </c:pt>
                <c:pt idx="334">
                  <c:v>105.47281</c:v>
                </c:pt>
                <c:pt idx="335">
                  <c:v>105.71304499999999</c:v>
                </c:pt>
                <c:pt idx="336">
                  <c:v>105.91964400000001</c:v>
                </c:pt>
                <c:pt idx="337">
                  <c:v>105.78097</c:v>
                </c:pt>
                <c:pt idx="338">
                  <c:v>105.53854200000001</c:v>
                </c:pt>
                <c:pt idx="339">
                  <c:v>105.880188</c:v>
                </c:pt>
                <c:pt idx="340">
                  <c:v>106.652863</c:v>
                </c:pt>
                <c:pt idx="341">
                  <c:v>106.443763</c:v>
                </c:pt>
                <c:pt idx="342">
                  <c:v>106.419051</c:v>
                </c:pt>
                <c:pt idx="343">
                  <c:v>106.47735400000001</c:v>
                </c:pt>
                <c:pt idx="344">
                  <c:v>106.188056</c:v>
                </c:pt>
                <c:pt idx="345">
                  <c:v>105.429751</c:v>
                </c:pt>
                <c:pt idx="346">
                  <c:v>105.66416</c:v>
                </c:pt>
                <c:pt idx="347">
                  <c:v>105.451859</c:v>
                </c:pt>
                <c:pt idx="348">
                  <c:v>105.03583</c:v>
                </c:pt>
                <c:pt idx="349">
                  <c:v>105.40987800000001</c:v>
                </c:pt>
                <c:pt idx="350">
                  <c:v>105.430271</c:v>
                </c:pt>
                <c:pt idx="351">
                  <c:v>105.29634900000001</c:v>
                </c:pt>
                <c:pt idx="352">
                  <c:v>105.382312</c:v>
                </c:pt>
                <c:pt idx="353">
                  <c:v>104.92862</c:v>
                </c:pt>
                <c:pt idx="354">
                  <c:v>104.451972</c:v>
                </c:pt>
                <c:pt idx="355">
                  <c:v>104.487193</c:v>
                </c:pt>
                <c:pt idx="356">
                  <c:v>104.428482</c:v>
                </c:pt>
                <c:pt idx="357">
                  <c:v>104.364902</c:v>
                </c:pt>
                <c:pt idx="358">
                  <c:v>104.351602</c:v>
                </c:pt>
                <c:pt idx="359">
                  <c:v>104.332089</c:v>
                </c:pt>
                <c:pt idx="360">
                  <c:v>104.27773999999999</c:v>
                </c:pt>
                <c:pt idx="361">
                  <c:v>104.004992</c:v>
                </c:pt>
                <c:pt idx="362">
                  <c:v>104.143181</c:v>
                </c:pt>
                <c:pt idx="363">
                  <c:v>104.031339</c:v>
                </c:pt>
                <c:pt idx="364">
                  <c:v>103.723615</c:v>
                </c:pt>
                <c:pt idx="365">
                  <c:v>104.10438499999999</c:v>
                </c:pt>
                <c:pt idx="366">
                  <c:v>104.246771</c:v>
                </c:pt>
                <c:pt idx="367">
                  <c:v>104.072434</c:v>
                </c:pt>
                <c:pt idx="368">
                  <c:v>104.062192</c:v>
                </c:pt>
                <c:pt idx="369">
                  <c:v>103.76084899999999</c:v>
                </c:pt>
                <c:pt idx="370">
                  <c:v>103.837289</c:v>
                </c:pt>
                <c:pt idx="371">
                  <c:v>103.967044</c:v>
                </c:pt>
                <c:pt idx="372">
                  <c:v>103.621173</c:v>
                </c:pt>
                <c:pt idx="373">
                  <c:v>103.37063999999999</c:v>
                </c:pt>
                <c:pt idx="374">
                  <c:v>103.641271</c:v>
                </c:pt>
                <c:pt idx="375">
                  <c:v>103.806091</c:v>
                </c:pt>
                <c:pt idx="376">
                  <c:v>103.76447899999999</c:v>
                </c:pt>
                <c:pt idx="377">
                  <c:v>103.666082</c:v>
                </c:pt>
                <c:pt idx="378">
                  <c:v>103.573109</c:v>
                </c:pt>
                <c:pt idx="379">
                  <c:v>103.695194</c:v>
                </c:pt>
                <c:pt idx="380">
                  <c:v>103.797121</c:v>
                </c:pt>
                <c:pt idx="381">
                  <c:v>103.608394</c:v>
                </c:pt>
                <c:pt idx="382">
                  <c:v>103.47460100000001</c:v>
                </c:pt>
                <c:pt idx="383">
                  <c:v>103.410391</c:v>
                </c:pt>
                <c:pt idx="384">
                  <c:v>103.46386800000001</c:v>
                </c:pt>
                <c:pt idx="385">
                  <c:v>103.410144</c:v>
                </c:pt>
                <c:pt idx="386">
                  <c:v>103.12624700000001</c:v>
                </c:pt>
                <c:pt idx="387">
                  <c:v>102.942888</c:v>
                </c:pt>
                <c:pt idx="388">
                  <c:v>102.986543</c:v>
                </c:pt>
                <c:pt idx="389">
                  <c:v>103.052784</c:v>
                </c:pt>
                <c:pt idx="390">
                  <c:v>102.993832</c:v>
                </c:pt>
                <c:pt idx="391">
                  <c:v>103.053573</c:v>
                </c:pt>
                <c:pt idx="392">
                  <c:v>103.11475</c:v>
                </c:pt>
                <c:pt idx="393">
                  <c:v>102.924892</c:v>
                </c:pt>
                <c:pt idx="394">
                  <c:v>102.745969</c:v>
                </c:pt>
                <c:pt idx="395">
                  <c:v>102.770836</c:v>
                </c:pt>
                <c:pt idx="396">
                  <c:v>102.760278</c:v>
                </c:pt>
                <c:pt idx="397">
                  <c:v>102.761842</c:v>
                </c:pt>
                <c:pt idx="398">
                  <c:v>102.73401</c:v>
                </c:pt>
                <c:pt idx="399">
                  <c:v>102.649349</c:v>
                </c:pt>
                <c:pt idx="400">
                  <c:v>102.756055</c:v>
                </c:pt>
                <c:pt idx="401">
                  <c:v>102.922436</c:v>
                </c:pt>
                <c:pt idx="402">
                  <c:v>102.859432</c:v>
                </c:pt>
                <c:pt idx="403">
                  <c:v>102.603701</c:v>
                </c:pt>
                <c:pt idx="404">
                  <c:v>102.492938</c:v>
                </c:pt>
                <c:pt idx="405">
                  <c:v>102.556417</c:v>
                </c:pt>
                <c:pt idx="406">
                  <c:v>102.587896</c:v>
                </c:pt>
                <c:pt idx="407">
                  <c:v>102.38464999999999</c:v>
                </c:pt>
                <c:pt idx="408">
                  <c:v>102.26378800000001</c:v>
                </c:pt>
                <c:pt idx="409">
                  <c:v>102.40381499999999</c:v>
                </c:pt>
                <c:pt idx="410">
                  <c:v>102.493262</c:v>
                </c:pt>
                <c:pt idx="411">
                  <c:v>102.458862</c:v>
                </c:pt>
                <c:pt idx="412">
                  <c:v>102.419678</c:v>
                </c:pt>
                <c:pt idx="413">
                  <c:v>102.465233</c:v>
                </c:pt>
                <c:pt idx="414">
                  <c:v>102.474464</c:v>
                </c:pt>
                <c:pt idx="415">
                  <c:v>102.417185</c:v>
                </c:pt>
                <c:pt idx="416">
                  <c:v>102.349169</c:v>
                </c:pt>
                <c:pt idx="417">
                  <c:v>102.288501</c:v>
                </c:pt>
                <c:pt idx="418">
                  <c:v>102.21311</c:v>
                </c:pt>
                <c:pt idx="419">
                  <c:v>102.14657800000001</c:v>
                </c:pt>
                <c:pt idx="420">
                  <c:v>102.133528</c:v>
                </c:pt>
                <c:pt idx="421">
                  <c:v>102.19112800000001</c:v>
                </c:pt>
                <c:pt idx="422">
                  <c:v>102.211866</c:v>
                </c:pt>
                <c:pt idx="423">
                  <c:v>102.173779</c:v>
                </c:pt>
                <c:pt idx="424">
                  <c:v>102.278274</c:v>
                </c:pt>
                <c:pt idx="425">
                  <c:v>102.213904</c:v>
                </c:pt>
                <c:pt idx="426">
                  <c:v>102.02049599999999</c:v>
                </c:pt>
                <c:pt idx="427">
                  <c:v>102.051209</c:v>
                </c:pt>
                <c:pt idx="428">
                  <c:v>102.161152</c:v>
                </c:pt>
                <c:pt idx="429">
                  <c:v>102.23672999999999</c:v>
                </c:pt>
                <c:pt idx="430">
                  <c:v>102.25303099999999</c:v>
                </c:pt>
                <c:pt idx="431">
                  <c:v>102.325411</c:v>
                </c:pt>
                <c:pt idx="432">
                  <c:v>102.193738</c:v>
                </c:pt>
                <c:pt idx="433">
                  <c:v>102.066433</c:v>
                </c:pt>
                <c:pt idx="434">
                  <c:v>102.166021</c:v>
                </c:pt>
                <c:pt idx="435">
                  <c:v>102.180639</c:v>
                </c:pt>
                <c:pt idx="436">
                  <c:v>102.31562</c:v>
                </c:pt>
                <c:pt idx="437">
                  <c:v>102.34988</c:v>
                </c:pt>
                <c:pt idx="438">
                  <c:v>102.27198199999999</c:v>
                </c:pt>
                <c:pt idx="439">
                  <c:v>102.20029100000001</c:v>
                </c:pt>
                <c:pt idx="440">
                  <c:v>102.008264</c:v>
                </c:pt>
                <c:pt idx="441">
                  <c:v>101.903442</c:v>
                </c:pt>
                <c:pt idx="442">
                  <c:v>101.899508</c:v>
                </c:pt>
                <c:pt idx="443">
                  <c:v>102.008675</c:v>
                </c:pt>
                <c:pt idx="444">
                  <c:v>101.887603</c:v>
                </c:pt>
                <c:pt idx="445">
                  <c:v>101.751119</c:v>
                </c:pt>
                <c:pt idx="446">
                  <c:v>101.81379</c:v>
                </c:pt>
                <c:pt idx="447">
                  <c:v>101.937898</c:v>
                </c:pt>
                <c:pt idx="448">
                  <c:v>101.986356</c:v>
                </c:pt>
                <c:pt idx="449">
                  <c:v>101.971411</c:v>
                </c:pt>
                <c:pt idx="450">
                  <c:v>101.935907</c:v>
                </c:pt>
                <c:pt idx="451">
                  <c:v>102.037285</c:v>
                </c:pt>
                <c:pt idx="452">
                  <c:v>102.110696</c:v>
                </c:pt>
                <c:pt idx="453">
                  <c:v>102.018663</c:v>
                </c:pt>
                <c:pt idx="454">
                  <c:v>101.95314399999999</c:v>
                </c:pt>
                <c:pt idx="455">
                  <c:v>102.047539</c:v>
                </c:pt>
                <c:pt idx="456">
                  <c:v>102.019965</c:v>
                </c:pt>
                <c:pt idx="457">
                  <c:v>101.978115</c:v>
                </c:pt>
                <c:pt idx="458">
                  <c:v>101.95225600000001</c:v>
                </c:pt>
                <c:pt idx="459">
                  <c:v>101.89268800000001</c:v>
                </c:pt>
                <c:pt idx="460">
                  <c:v>101.860826</c:v>
                </c:pt>
                <c:pt idx="461">
                  <c:v>101.835599</c:v>
                </c:pt>
                <c:pt idx="462">
                  <c:v>101.80282</c:v>
                </c:pt>
                <c:pt idx="463">
                  <c:v>101.764332</c:v>
                </c:pt>
                <c:pt idx="464">
                  <c:v>101.812164</c:v>
                </c:pt>
                <c:pt idx="465">
                  <c:v>101.821533</c:v>
                </c:pt>
                <c:pt idx="466">
                  <c:v>101.695438</c:v>
                </c:pt>
                <c:pt idx="467">
                  <c:v>101.62287000000001</c:v>
                </c:pt>
                <c:pt idx="468">
                  <c:v>101.615499</c:v>
                </c:pt>
                <c:pt idx="469">
                  <c:v>101.641639</c:v>
                </c:pt>
                <c:pt idx="470">
                  <c:v>101.66728500000001</c:v>
                </c:pt>
                <c:pt idx="471">
                  <c:v>101.64687000000001</c:v>
                </c:pt>
                <c:pt idx="472">
                  <c:v>101.557276</c:v>
                </c:pt>
                <c:pt idx="473">
                  <c:v>101.522644</c:v>
                </c:pt>
                <c:pt idx="474">
                  <c:v>101.54058499999999</c:v>
                </c:pt>
                <c:pt idx="475">
                  <c:v>101.542491</c:v>
                </c:pt>
                <c:pt idx="476">
                  <c:v>101.601401</c:v>
                </c:pt>
                <c:pt idx="477">
                  <c:v>101.54095700000001</c:v>
                </c:pt>
                <c:pt idx="478">
                  <c:v>101.55276600000001</c:v>
                </c:pt>
                <c:pt idx="479">
                  <c:v>101.54483399999999</c:v>
                </c:pt>
                <c:pt idx="480">
                  <c:v>101.425679</c:v>
                </c:pt>
                <c:pt idx="481">
                  <c:v>101.351522</c:v>
                </c:pt>
                <c:pt idx="482">
                  <c:v>101.364746</c:v>
                </c:pt>
                <c:pt idx="483">
                  <c:v>101.366186</c:v>
                </c:pt>
                <c:pt idx="484">
                  <c:v>101.422431</c:v>
                </c:pt>
                <c:pt idx="485">
                  <c:v>101.53057800000001</c:v>
                </c:pt>
                <c:pt idx="486">
                  <c:v>101.41685200000001</c:v>
                </c:pt>
                <c:pt idx="487">
                  <c:v>101.40476700000001</c:v>
                </c:pt>
                <c:pt idx="488">
                  <c:v>101.38019799999999</c:v>
                </c:pt>
                <c:pt idx="489">
                  <c:v>101.29513</c:v>
                </c:pt>
                <c:pt idx="490">
                  <c:v>101.25928399999999</c:v>
                </c:pt>
                <c:pt idx="491">
                  <c:v>101.19147700000001</c:v>
                </c:pt>
                <c:pt idx="492">
                  <c:v>101.173404</c:v>
                </c:pt>
                <c:pt idx="493">
                  <c:v>101.24349599999999</c:v>
                </c:pt>
                <c:pt idx="494">
                  <c:v>101.176134</c:v>
                </c:pt>
                <c:pt idx="495">
                  <c:v>101.09084199999999</c:v>
                </c:pt>
                <c:pt idx="496">
                  <c:v>101.03639800000001</c:v>
                </c:pt>
                <c:pt idx="497">
                  <c:v>101.119687</c:v>
                </c:pt>
                <c:pt idx="498">
                  <c:v>101.131416</c:v>
                </c:pt>
                <c:pt idx="499">
                  <c:v>101.11285599999999</c:v>
                </c:pt>
                <c:pt idx="500">
                  <c:v>101.105143</c:v>
                </c:pt>
                <c:pt idx="501">
                  <c:v>101.074572</c:v>
                </c:pt>
                <c:pt idx="502">
                  <c:v>101.01734</c:v>
                </c:pt>
                <c:pt idx="503">
                  <c:v>101.078362</c:v>
                </c:pt>
                <c:pt idx="504">
                  <c:v>101.07844900000001</c:v>
                </c:pt>
                <c:pt idx="505">
                  <c:v>100.941722</c:v>
                </c:pt>
                <c:pt idx="506">
                  <c:v>100.967518</c:v>
                </c:pt>
                <c:pt idx="507">
                  <c:v>101.01423699999999</c:v>
                </c:pt>
                <c:pt idx="508">
                  <c:v>100.960013</c:v>
                </c:pt>
                <c:pt idx="509">
                  <c:v>100.896174</c:v>
                </c:pt>
                <c:pt idx="510">
                  <c:v>100.819658</c:v>
                </c:pt>
                <c:pt idx="511">
                  <c:v>100.78884100000001</c:v>
                </c:pt>
                <c:pt idx="512">
                  <c:v>100.822642</c:v>
                </c:pt>
                <c:pt idx="513">
                  <c:v>100.813621</c:v>
                </c:pt>
                <c:pt idx="514">
                  <c:v>100.790001</c:v>
                </c:pt>
                <c:pt idx="515">
                  <c:v>100.773701</c:v>
                </c:pt>
                <c:pt idx="516">
                  <c:v>100.67028500000001</c:v>
                </c:pt>
                <c:pt idx="517">
                  <c:v>100.703672</c:v>
                </c:pt>
                <c:pt idx="518">
                  <c:v>100.8164</c:v>
                </c:pt>
                <c:pt idx="519">
                  <c:v>100.746876</c:v>
                </c:pt>
                <c:pt idx="520">
                  <c:v>100.72382899999999</c:v>
                </c:pt>
                <c:pt idx="521">
                  <c:v>100.732384</c:v>
                </c:pt>
                <c:pt idx="522">
                  <c:v>100.71832999999999</c:v>
                </c:pt>
                <c:pt idx="523">
                  <c:v>100.728869</c:v>
                </c:pt>
                <c:pt idx="524">
                  <c:v>100.701913</c:v>
                </c:pt>
                <c:pt idx="525">
                  <c:v>100.660213</c:v>
                </c:pt>
                <c:pt idx="526">
                  <c:v>100.613325</c:v>
                </c:pt>
                <c:pt idx="527">
                  <c:v>100.541687</c:v>
                </c:pt>
                <c:pt idx="528">
                  <c:v>100.54385499999999</c:v>
                </c:pt>
                <c:pt idx="529">
                  <c:v>100.584411</c:v>
                </c:pt>
                <c:pt idx="530">
                  <c:v>100.58747200000001</c:v>
                </c:pt>
                <c:pt idx="531">
                  <c:v>100.582669</c:v>
                </c:pt>
                <c:pt idx="532">
                  <c:v>100.591641</c:v>
                </c:pt>
                <c:pt idx="533">
                  <c:v>100.576853</c:v>
                </c:pt>
                <c:pt idx="534">
                  <c:v>100.508742</c:v>
                </c:pt>
                <c:pt idx="535">
                  <c:v>100.49744800000001</c:v>
                </c:pt>
                <c:pt idx="536">
                  <c:v>100.50226000000001</c:v>
                </c:pt>
                <c:pt idx="537">
                  <c:v>100.49346799999999</c:v>
                </c:pt>
                <c:pt idx="538">
                  <c:v>100.43397299999999</c:v>
                </c:pt>
                <c:pt idx="539">
                  <c:v>100.403768</c:v>
                </c:pt>
                <c:pt idx="540">
                  <c:v>100.343568</c:v>
                </c:pt>
                <c:pt idx="541">
                  <c:v>100.279465</c:v>
                </c:pt>
                <c:pt idx="542">
                  <c:v>100.23131100000001</c:v>
                </c:pt>
                <c:pt idx="543">
                  <c:v>100.218239</c:v>
                </c:pt>
                <c:pt idx="544">
                  <c:v>100.24032699999999</c:v>
                </c:pt>
                <c:pt idx="545">
                  <c:v>100.266808</c:v>
                </c:pt>
                <c:pt idx="546">
                  <c:v>100.26137</c:v>
                </c:pt>
                <c:pt idx="547">
                  <c:v>100.203005</c:v>
                </c:pt>
                <c:pt idx="548">
                  <c:v>100.14648699999999</c:v>
                </c:pt>
                <c:pt idx="549">
                  <c:v>100.13184099999999</c:v>
                </c:pt>
                <c:pt idx="550">
                  <c:v>100.14667900000001</c:v>
                </c:pt>
                <c:pt idx="551">
                  <c:v>100.181074</c:v>
                </c:pt>
                <c:pt idx="552">
                  <c:v>100.191068</c:v>
                </c:pt>
                <c:pt idx="553">
                  <c:v>100.21949600000001</c:v>
                </c:pt>
                <c:pt idx="554">
                  <c:v>100.226361</c:v>
                </c:pt>
                <c:pt idx="555">
                  <c:v>100.13591099999999</c:v>
                </c:pt>
                <c:pt idx="556">
                  <c:v>100.06595299999999</c:v>
                </c:pt>
                <c:pt idx="557">
                  <c:v>100.025851</c:v>
                </c:pt>
                <c:pt idx="558">
                  <c:v>99.943760999999995</c:v>
                </c:pt>
                <c:pt idx="559">
                  <c:v>99.917850000000001</c:v>
                </c:pt>
                <c:pt idx="560">
                  <c:v>99.902235000000005</c:v>
                </c:pt>
                <c:pt idx="561">
                  <c:v>99.930195999999995</c:v>
                </c:pt>
                <c:pt idx="562">
                  <c:v>99.977367000000001</c:v>
                </c:pt>
                <c:pt idx="563">
                  <c:v>99.988371000000001</c:v>
                </c:pt>
                <c:pt idx="564">
                  <c:v>99.985377999999997</c:v>
                </c:pt>
                <c:pt idx="565">
                  <c:v>99.873540000000006</c:v>
                </c:pt>
                <c:pt idx="566">
                  <c:v>99.782043999999999</c:v>
                </c:pt>
                <c:pt idx="567">
                  <c:v>99.796662999999995</c:v>
                </c:pt>
                <c:pt idx="568">
                  <c:v>99.812920000000005</c:v>
                </c:pt>
                <c:pt idx="569">
                  <c:v>99.851499000000004</c:v>
                </c:pt>
                <c:pt idx="570">
                  <c:v>99.882474999999999</c:v>
                </c:pt>
                <c:pt idx="571">
                  <c:v>99.827323000000007</c:v>
                </c:pt>
                <c:pt idx="572">
                  <c:v>99.803462999999994</c:v>
                </c:pt>
                <c:pt idx="573">
                  <c:v>99.850082999999998</c:v>
                </c:pt>
                <c:pt idx="574">
                  <c:v>99.864913999999999</c:v>
                </c:pt>
                <c:pt idx="575">
                  <c:v>99.863144000000005</c:v>
                </c:pt>
                <c:pt idx="576">
                  <c:v>99.864701999999994</c:v>
                </c:pt>
                <c:pt idx="577">
                  <c:v>99.842280000000002</c:v>
                </c:pt>
                <c:pt idx="578">
                  <c:v>99.754938999999993</c:v>
                </c:pt>
                <c:pt idx="579">
                  <c:v>99.751116999999994</c:v>
                </c:pt>
                <c:pt idx="580">
                  <c:v>99.791991999999993</c:v>
                </c:pt>
                <c:pt idx="581">
                  <c:v>99.746382999999994</c:v>
                </c:pt>
                <c:pt idx="582">
                  <c:v>99.727069999999998</c:v>
                </c:pt>
                <c:pt idx="583">
                  <c:v>99.744947999999994</c:v>
                </c:pt>
                <c:pt idx="584">
                  <c:v>99.708547999999993</c:v>
                </c:pt>
                <c:pt idx="585">
                  <c:v>99.763284999999996</c:v>
                </c:pt>
                <c:pt idx="586">
                  <c:v>99.816618000000005</c:v>
                </c:pt>
                <c:pt idx="587">
                  <c:v>99.782022999999995</c:v>
                </c:pt>
                <c:pt idx="588">
                  <c:v>99.737618999999995</c:v>
                </c:pt>
                <c:pt idx="589">
                  <c:v>99.651506999999995</c:v>
                </c:pt>
                <c:pt idx="590">
                  <c:v>99.649935999999997</c:v>
                </c:pt>
                <c:pt idx="591">
                  <c:v>99.684955000000002</c:v>
                </c:pt>
                <c:pt idx="592">
                  <c:v>99.729200000000006</c:v>
                </c:pt>
                <c:pt idx="593">
                  <c:v>99.722307999999998</c:v>
                </c:pt>
                <c:pt idx="594">
                  <c:v>99.693237999999994</c:v>
                </c:pt>
                <c:pt idx="595">
                  <c:v>99.641839000000004</c:v>
                </c:pt>
                <c:pt idx="596">
                  <c:v>99.624708999999996</c:v>
                </c:pt>
                <c:pt idx="597">
                  <c:v>99.666376</c:v>
                </c:pt>
                <c:pt idx="598">
                  <c:v>99.659774999999996</c:v>
                </c:pt>
                <c:pt idx="599">
                  <c:v>99.599125999999998</c:v>
                </c:pt>
                <c:pt idx="600">
                  <c:v>99.582566</c:v>
                </c:pt>
                <c:pt idx="601">
                  <c:v>99.612342999999996</c:v>
                </c:pt>
                <c:pt idx="602">
                  <c:v>99.649223000000006</c:v>
                </c:pt>
                <c:pt idx="603">
                  <c:v>99.672229999999999</c:v>
                </c:pt>
                <c:pt idx="604">
                  <c:v>99.669550999999998</c:v>
                </c:pt>
                <c:pt idx="605">
                  <c:v>99.666308999999998</c:v>
                </c:pt>
                <c:pt idx="606">
                  <c:v>99.654919000000007</c:v>
                </c:pt>
                <c:pt idx="607">
                  <c:v>99.656287000000006</c:v>
                </c:pt>
                <c:pt idx="608">
                  <c:v>99.695668999999995</c:v>
                </c:pt>
                <c:pt idx="609">
                  <c:v>99.684793999999997</c:v>
                </c:pt>
                <c:pt idx="610">
                  <c:v>99.646559999999994</c:v>
                </c:pt>
                <c:pt idx="611">
                  <c:v>99.565894</c:v>
                </c:pt>
                <c:pt idx="612">
                  <c:v>99.543760000000006</c:v>
                </c:pt>
                <c:pt idx="613">
                  <c:v>99.531757999999996</c:v>
                </c:pt>
                <c:pt idx="614">
                  <c:v>99.502126000000004</c:v>
                </c:pt>
                <c:pt idx="615">
                  <c:v>99.522335999999996</c:v>
                </c:pt>
                <c:pt idx="616">
                  <c:v>99.494257000000005</c:v>
                </c:pt>
                <c:pt idx="617">
                  <c:v>99.464815000000002</c:v>
                </c:pt>
                <c:pt idx="618">
                  <c:v>99.436753999999993</c:v>
                </c:pt>
                <c:pt idx="619">
                  <c:v>99.421071999999995</c:v>
                </c:pt>
                <c:pt idx="620">
                  <c:v>99.408642999999998</c:v>
                </c:pt>
                <c:pt idx="621">
                  <c:v>99.416650000000004</c:v>
                </c:pt>
                <c:pt idx="622">
                  <c:v>99.411777000000001</c:v>
                </c:pt>
                <c:pt idx="623">
                  <c:v>99.415315000000007</c:v>
                </c:pt>
                <c:pt idx="624">
                  <c:v>99.394536000000002</c:v>
                </c:pt>
                <c:pt idx="625">
                  <c:v>99.365336999999997</c:v>
                </c:pt>
                <c:pt idx="626">
                  <c:v>99.312595000000002</c:v>
                </c:pt>
                <c:pt idx="627">
                  <c:v>99.267972999999998</c:v>
                </c:pt>
                <c:pt idx="628">
                  <c:v>99.273775000000001</c:v>
                </c:pt>
                <c:pt idx="629">
                  <c:v>99.296999</c:v>
                </c:pt>
                <c:pt idx="630">
                  <c:v>99.295756999999995</c:v>
                </c:pt>
                <c:pt idx="631">
                  <c:v>99.271535</c:v>
                </c:pt>
                <c:pt idx="632">
                  <c:v>99.276921999999999</c:v>
                </c:pt>
                <c:pt idx="633">
                  <c:v>99.268968999999998</c:v>
                </c:pt>
                <c:pt idx="634">
                  <c:v>99.272542999999999</c:v>
                </c:pt>
                <c:pt idx="635">
                  <c:v>99.255674999999997</c:v>
                </c:pt>
                <c:pt idx="636">
                  <c:v>99.254985000000005</c:v>
                </c:pt>
                <c:pt idx="637">
                  <c:v>99.250073</c:v>
                </c:pt>
                <c:pt idx="638">
                  <c:v>99.224576999999996</c:v>
                </c:pt>
                <c:pt idx="639">
                  <c:v>99.194129000000004</c:v>
                </c:pt>
                <c:pt idx="640">
                  <c:v>99.168795000000003</c:v>
                </c:pt>
                <c:pt idx="641">
                  <c:v>99.140970999999993</c:v>
                </c:pt>
                <c:pt idx="642">
                  <c:v>99.115784000000005</c:v>
                </c:pt>
                <c:pt idx="643">
                  <c:v>99.143006999999997</c:v>
                </c:pt>
                <c:pt idx="644">
                  <c:v>99.157094000000001</c:v>
                </c:pt>
                <c:pt idx="645">
                  <c:v>99.114050000000006</c:v>
                </c:pt>
                <c:pt idx="646">
                  <c:v>99.098725999999999</c:v>
                </c:pt>
                <c:pt idx="647">
                  <c:v>99.098781000000002</c:v>
                </c:pt>
                <c:pt idx="648">
                  <c:v>99.074270999999996</c:v>
                </c:pt>
                <c:pt idx="649">
                  <c:v>99.025216999999998</c:v>
                </c:pt>
                <c:pt idx="650">
                  <c:v>98.992225000000005</c:v>
                </c:pt>
                <c:pt idx="651">
                  <c:v>98.994705999999994</c:v>
                </c:pt>
                <c:pt idx="652">
                  <c:v>99.003099000000006</c:v>
                </c:pt>
                <c:pt idx="653">
                  <c:v>98.993891000000005</c:v>
                </c:pt>
                <c:pt idx="654">
                  <c:v>98.958461999999997</c:v>
                </c:pt>
                <c:pt idx="655">
                  <c:v>98.899609999999996</c:v>
                </c:pt>
                <c:pt idx="656">
                  <c:v>98.919190999999998</c:v>
                </c:pt>
                <c:pt idx="657">
                  <c:v>98.943150000000003</c:v>
                </c:pt>
                <c:pt idx="658">
                  <c:v>98.950398000000007</c:v>
                </c:pt>
                <c:pt idx="659">
                  <c:v>98.951306000000002</c:v>
                </c:pt>
                <c:pt idx="660">
                  <c:v>98.922630999999996</c:v>
                </c:pt>
                <c:pt idx="661">
                  <c:v>98.871323000000004</c:v>
                </c:pt>
                <c:pt idx="662">
                  <c:v>98.858324999999994</c:v>
                </c:pt>
                <c:pt idx="663">
                  <c:v>98.894256999999996</c:v>
                </c:pt>
                <c:pt idx="664">
                  <c:v>98.897794000000005</c:v>
                </c:pt>
                <c:pt idx="665">
                  <c:v>98.843221</c:v>
                </c:pt>
                <c:pt idx="666">
                  <c:v>98.800145000000001</c:v>
                </c:pt>
                <c:pt idx="667">
                  <c:v>98.747877000000003</c:v>
                </c:pt>
                <c:pt idx="668">
                  <c:v>98.774501000000001</c:v>
                </c:pt>
                <c:pt idx="669">
                  <c:v>98.811425</c:v>
                </c:pt>
                <c:pt idx="670">
                  <c:v>98.773557999999994</c:v>
                </c:pt>
                <c:pt idx="671">
                  <c:v>98.746146999999993</c:v>
                </c:pt>
                <c:pt idx="672">
                  <c:v>98.779787999999996</c:v>
                </c:pt>
                <c:pt idx="673">
                  <c:v>98.784880000000001</c:v>
                </c:pt>
                <c:pt idx="674">
                  <c:v>98.721171999999996</c:v>
                </c:pt>
                <c:pt idx="675">
                  <c:v>98.680182000000002</c:v>
                </c:pt>
                <c:pt idx="676">
                  <c:v>98.672966000000002</c:v>
                </c:pt>
                <c:pt idx="677">
                  <c:v>98.658707000000007</c:v>
                </c:pt>
                <c:pt idx="678">
                  <c:v>98.666273000000004</c:v>
                </c:pt>
                <c:pt idx="679">
                  <c:v>98.688986999999997</c:v>
                </c:pt>
                <c:pt idx="680">
                  <c:v>98.670389999999998</c:v>
                </c:pt>
                <c:pt idx="681">
                  <c:v>98.566491999999997</c:v>
                </c:pt>
                <c:pt idx="682">
                  <c:v>98.496329000000003</c:v>
                </c:pt>
                <c:pt idx="683">
                  <c:v>98.499834000000007</c:v>
                </c:pt>
                <c:pt idx="684">
                  <c:v>98.532359</c:v>
                </c:pt>
                <c:pt idx="685">
                  <c:v>98.549516999999994</c:v>
                </c:pt>
                <c:pt idx="686">
                  <c:v>98.520054999999999</c:v>
                </c:pt>
                <c:pt idx="687">
                  <c:v>98.45702</c:v>
                </c:pt>
                <c:pt idx="688">
                  <c:v>98.397158000000005</c:v>
                </c:pt>
                <c:pt idx="689">
                  <c:v>98.389934999999994</c:v>
                </c:pt>
                <c:pt idx="690">
                  <c:v>98.433929000000006</c:v>
                </c:pt>
                <c:pt idx="691">
                  <c:v>98.424477999999993</c:v>
                </c:pt>
                <c:pt idx="692">
                  <c:v>98.390429999999995</c:v>
                </c:pt>
                <c:pt idx="693">
                  <c:v>98.367977999999994</c:v>
                </c:pt>
                <c:pt idx="694">
                  <c:v>98.346153999999999</c:v>
                </c:pt>
                <c:pt idx="695">
                  <c:v>98.262773999999993</c:v>
                </c:pt>
                <c:pt idx="696">
                  <c:v>98.194004000000007</c:v>
                </c:pt>
                <c:pt idx="697">
                  <c:v>98.144527999999994</c:v>
                </c:pt>
                <c:pt idx="698">
                  <c:v>98.136673999999999</c:v>
                </c:pt>
                <c:pt idx="699">
                  <c:v>98.127173999999997</c:v>
                </c:pt>
                <c:pt idx="700">
                  <c:v>98.071567999999999</c:v>
                </c:pt>
                <c:pt idx="701">
                  <c:v>97.979498000000007</c:v>
                </c:pt>
                <c:pt idx="702">
                  <c:v>97.866714000000002</c:v>
                </c:pt>
                <c:pt idx="703">
                  <c:v>97.802667999999997</c:v>
                </c:pt>
                <c:pt idx="704">
                  <c:v>97.775710000000004</c:v>
                </c:pt>
                <c:pt idx="705">
                  <c:v>97.722494999999995</c:v>
                </c:pt>
                <c:pt idx="706">
                  <c:v>97.654801000000006</c:v>
                </c:pt>
                <c:pt idx="707">
                  <c:v>97.572670000000002</c:v>
                </c:pt>
                <c:pt idx="708">
                  <c:v>97.544585999999995</c:v>
                </c:pt>
                <c:pt idx="709">
                  <c:v>97.572395</c:v>
                </c:pt>
                <c:pt idx="710">
                  <c:v>97.559318000000005</c:v>
                </c:pt>
                <c:pt idx="711">
                  <c:v>97.560243999999997</c:v>
                </c:pt>
                <c:pt idx="712">
                  <c:v>97.583636999999996</c:v>
                </c:pt>
                <c:pt idx="713">
                  <c:v>97.594058000000004</c:v>
                </c:pt>
                <c:pt idx="714">
                  <c:v>97.543790000000001</c:v>
                </c:pt>
                <c:pt idx="715">
                  <c:v>97.478324000000001</c:v>
                </c:pt>
                <c:pt idx="716">
                  <c:v>97.456371000000004</c:v>
                </c:pt>
                <c:pt idx="717">
                  <c:v>97.429114999999996</c:v>
                </c:pt>
                <c:pt idx="718">
                  <c:v>97.397552000000005</c:v>
                </c:pt>
                <c:pt idx="719">
                  <c:v>97.374440000000007</c:v>
                </c:pt>
                <c:pt idx="720">
                  <c:v>97.402816000000001</c:v>
                </c:pt>
                <c:pt idx="721">
                  <c:v>97.439245</c:v>
                </c:pt>
                <c:pt idx="722">
                  <c:v>97.434145000000001</c:v>
                </c:pt>
                <c:pt idx="723">
                  <c:v>97.425380000000004</c:v>
                </c:pt>
                <c:pt idx="724">
                  <c:v>97.386399999999995</c:v>
                </c:pt>
                <c:pt idx="725">
                  <c:v>97.413988000000003</c:v>
                </c:pt>
                <c:pt idx="726">
                  <c:v>97.451115999999999</c:v>
                </c:pt>
                <c:pt idx="727">
                  <c:v>97.375247999999999</c:v>
                </c:pt>
                <c:pt idx="728">
                  <c:v>97.333008000000007</c:v>
                </c:pt>
                <c:pt idx="729">
                  <c:v>97.287367000000003</c:v>
                </c:pt>
                <c:pt idx="730">
                  <c:v>97.260571999999996</c:v>
                </c:pt>
                <c:pt idx="731">
                  <c:v>97.255737999999994</c:v>
                </c:pt>
                <c:pt idx="732">
                  <c:v>97.273280999999997</c:v>
                </c:pt>
                <c:pt idx="733">
                  <c:v>97.268957999999998</c:v>
                </c:pt>
                <c:pt idx="734">
                  <c:v>97.233611999999994</c:v>
                </c:pt>
                <c:pt idx="735">
                  <c:v>97.130153000000007</c:v>
                </c:pt>
                <c:pt idx="736">
                  <c:v>97.009649999999993</c:v>
                </c:pt>
                <c:pt idx="737">
                  <c:v>96.937022999999996</c:v>
                </c:pt>
                <c:pt idx="738">
                  <c:v>96.877433999999994</c:v>
                </c:pt>
                <c:pt idx="739">
                  <c:v>96.799246999999994</c:v>
                </c:pt>
                <c:pt idx="740">
                  <c:v>96.776439999999994</c:v>
                </c:pt>
                <c:pt idx="741">
                  <c:v>96.838493999999997</c:v>
                </c:pt>
                <c:pt idx="742">
                  <c:v>96.790802999999997</c:v>
                </c:pt>
                <c:pt idx="743">
                  <c:v>96.687800999999993</c:v>
                </c:pt>
                <c:pt idx="744">
                  <c:v>96.700525999999996</c:v>
                </c:pt>
                <c:pt idx="745">
                  <c:v>96.781790999999998</c:v>
                </c:pt>
                <c:pt idx="746">
                  <c:v>96.818894</c:v>
                </c:pt>
                <c:pt idx="747">
                  <c:v>96.848913999999994</c:v>
                </c:pt>
                <c:pt idx="748">
                  <c:v>96.903040000000004</c:v>
                </c:pt>
                <c:pt idx="749">
                  <c:v>96.989221999999998</c:v>
                </c:pt>
                <c:pt idx="750">
                  <c:v>97.081925999999996</c:v>
                </c:pt>
                <c:pt idx="751">
                  <c:v>97.099440999999999</c:v>
                </c:pt>
                <c:pt idx="752">
                  <c:v>97.123345</c:v>
                </c:pt>
                <c:pt idx="753">
                  <c:v>97.200034000000002</c:v>
                </c:pt>
                <c:pt idx="754">
                  <c:v>97.297083000000001</c:v>
                </c:pt>
                <c:pt idx="755">
                  <c:v>97.309731999999997</c:v>
                </c:pt>
                <c:pt idx="756">
                  <c:v>97.318352000000004</c:v>
                </c:pt>
                <c:pt idx="757">
                  <c:v>97.380622000000002</c:v>
                </c:pt>
                <c:pt idx="758">
                  <c:v>97.436813999999998</c:v>
                </c:pt>
                <c:pt idx="759">
                  <c:v>97.479937000000007</c:v>
                </c:pt>
                <c:pt idx="760">
                  <c:v>97.518842000000006</c:v>
                </c:pt>
                <c:pt idx="761">
                  <c:v>97.533197000000001</c:v>
                </c:pt>
                <c:pt idx="762">
                  <c:v>97.558936000000003</c:v>
                </c:pt>
                <c:pt idx="763">
                  <c:v>97.576280999999994</c:v>
                </c:pt>
                <c:pt idx="764">
                  <c:v>97.562318000000005</c:v>
                </c:pt>
                <c:pt idx="765">
                  <c:v>97.609081000000003</c:v>
                </c:pt>
                <c:pt idx="766">
                  <c:v>97.678362000000007</c:v>
                </c:pt>
                <c:pt idx="767">
                  <c:v>97.746325999999996</c:v>
                </c:pt>
                <c:pt idx="768">
                  <c:v>97.788854999999998</c:v>
                </c:pt>
                <c:pt idx="769">
                  <c:v>97.791336999999999</c:v>
                </c:pt>
                <c:pt idx="770">
                  <c:v>97.791911999999996</c:v>
                </c:pt>
                <c:pt idx="771">
                  <c:v>97.763722000000001</c:v>
                </c:pt>
                <c:pt idx="772">
                  <c:v>97.767080000000007</c:v>
                </c:pt>
                <c:pt idx="773">
                  <c:v>97.788146999999995</c:v>
                </c:pt>
                <c:pt idx="774">
                  <c:v>97.772094999999993</c:v>
                </c:pt>
                <c:pt idx="775">
                  <c:v>97.757131999999999</c:v>
                </c:pt>
                <c:pt idx="776">
                  <c:v>97.778491000000002</c:v>
                </c:pt>
                <c:pt idx="777">
                  <c:v>97.809567000000001</c:v>
                </c:pt>
                <c:pt idx="778">
                  <c:v>97.793581000000003</c:v>
                </c:pt>
                <c:pt idx="779">
                  <c:v>97.768474999999995</c:v>
                </c:pt>
                <c:pt idx="780">
                  <c:v>97.766568000000007</c:v>
                </c:pt>
                <c:pt idx="781">
                  <c:v>97.711665999999994</c:v>
                </c:pt>
                <c:pt idx="782">
                  <c:v>97.740371999999994</c:v>
                </c:pt>
                <c:pt idx="783">
                  <c:v>97.835616999999999</c:v>
                </c:pt>
                <c:pt idx="784">
                  <c:v>97.826768999999999</c:v>
                </c:pt>
                <c:pt idx="785">
                  <c:v>97.766513000000003</c:v>
                </c:pt>
                <c:pt idx="786">
                  <c:v>97.755870000000002</c:v>
                </c:pt>
                <c:pt idx="787">
                  <c:v>97.755204000000006</c:v>
                </c:pt>
                <c:pt idx="788">
                  <c:v>97.700322999999997</c:v>
                </c:pt>
                <c:pt idx="789">
                  <c:v>97.618684999999999</c:v>
                </c:pt>
                <c:pt idx="790">
                  <c:v>97.651003000000003</c:v>
                </c:pt>
                <c:pt idx="791">
                  <c:v>97.745318999999995</c:v>
                </c:pt>
                <c:pt idx="792">
                  <c:v>97.741256000000007</c:v>
                </c:pt>
                <c:pt idx="793">
                  <c:v>97.708203999999995</c:v>
                </c:pt>
                <c:pt idx="794">
                  <c:v>97.747506000000001</c:v>
                </c:pt>
                <c:pt idx="795">
                  <c:v>97.791797000000003</c:v>
                </c:pt>
                <c:pt idx="796">
                  <c:v>97.730327000000003</c:v>
                </c:pt>
                <c:pt idx="797">
                  <c:v>97.686362000000003</c:v>
                </c:pt>
                <c:pt idx="798">
                  <c:v>97.698311000000004</c:v>
                </c:pt>
                <c:pt idx="799">
                  <c:v>97.710808</c:v>
                </c:pt>
                <c:pt idx="800">
                  <c:v>97.687617000000003</c:v>
                </c:pt>
                <c:pt idx="801">
                  <c:v>97.696944000000002</c:v>
                </c:pt>
                <c:pt idx="802">
                  <c:v>97.682474999999997</c:v>
                </c:pt>
                <c:pt idx="803">
                  <c:v>97.721416000000005</c:v>
                </c:pt>
                <c:pt idx="804">
                  <c:v>97.743324000000001</c:v>
                </c:pt>
                <c:pt idx="805">
                  <c:v>97.728728000000004</c:v>
                </c:pt>
                <c:pt idx="806">
                  <c:v>97.700365000000005</c:v>
                </c:pt>
                <c:pt idx="807">
                  <c:v>97.690944999999999</c:v>
                </c:pt>
                <c:pt idx="808">
                  <c:v>97.661052999999995</c:v>
                </c:pt>
                <c:pt idx="809">
                  <c:v>97.701188999999999</c:v>
                </c:pt>
                <c:pt idx="810">
                  <c:v>97.706772000000001</c:v>
                </c:pt>
                <c:pt idx="811">
                  <c:v>97.719933999999995</c:v>
                </c:pt>
                <c:pt idx="812">
                  <c:v>97.692645999999996</c:v>
                </c:pt>
                <c:pt idx="813">
                  <c:v>97.629034000000004</c:v>
                </c:pt>
                <c:pt idx="814">
                  <c:v>97.550184000000002</c:v>
                </c:pt>
                <c:pt idx="815">
                  <c:v>97.596653000000003</c:v>
                </c:pt>
                <c:pt idx="816">
                  <c:v>97.635914999999997</c:v>
                </c:pt>
                <c:pt idx="817">
                  <c:v>97.673276000000001</c:v>
                </c:pt>
                <c:pt idx="818">
                  <c:v>97.693515000000005</c:v>
                </c:pt>
                <c:pt idx="819">
                  <c:v>97.693710999999993</c:v>
                </c:pt>
                <c:pt idx="820">
                  <c:v>97.688586999999998</c:v>
                </c:pt>
                <c:pt idx="821">
                  <c:v>97.659643000000003</c:v>
                </c:pt>
                <c:pt idx="822">
                  <c:v>97.629557000000005</c:v>
                </c:pt>
                <c:pt idx="823">
                  <c:v>97.696971000000005</c:v>
                </c:pt>
                <c:pt idx="824">
                  <c:v>97.694469999999995</c:v>
                </c:pt>
                <c:pt idx="825">
                  <c:v>97.649234000000007</c:v>
                </c:pt>
                <c:pt idx="826">
                  <c:v>97.585384000000005</c:v>
                </c:pt>
                <c:pt idx="827">
                  <c:v>97.573922999999994</c:v>
                </c:pt>
                <c:pt idx="828">
                  <c:v>97.598270999999997</c:v>
                </c:pt>
                <c:pt idx="829">
                  <c:v>97.640854000000004</c:v>
                </c:pt>
                <c:pt idx="830">
                  <c:v>97.713982999999999</c:v>
                </c:pt>
                <c:pt idx="831">
                  <c:v>97.723550000000003</c:v>
                </c:pt>
                <c:pt idx="832">
                  <c:v>97.694152000000003</c:v>
                </c:pt>
                <c:pt idx="833">
                  <c:v>97.673832000000004</c:v>
                </c:pt>
                <c:pt idx="834">
                  <c:v>97.660146999999995</c:v>
                </c:pt>
                <c:pt idx="835">
                  <c:v>97.647197000000006</c:v>
                </c:pt>
                <c:pt idx="836">
                  <c:v>97.659465999999995</c:v>
                </c:pt>
                <c:pt idx="837">
                  <c:v>97.677734999999998</c:v>
                </c:pt>
                <c:pt idx="838">
                  <c:v>97.609979999999993</c:v>
                </c:pt>
                <c:pt idx="839">
                  <c:v>97.583495999999997</c:v>
                </c:pt>
                <c:pt idx="840">
                  <c:v>97.623536000000001</c:v>
                </c:pt>
                <c:pt idx="841">
                  <c:v>97.618054999999998</c:v>
                </c:pt>
                <c:pt idx="842">
                  <c:v>97.574438999999998</c:v>
                </c:pt>
                <c:pt idx="843">
                  <c:v>97.538369000000003</c:v>
                </c:pt>
                <c:pt idx="844">
                  <c:v>97.525683999999998</c:v>
                </c:pt>
                <c:pt idx="845">
                  <c:v>97.573789000000005</c:v>
                </c:pt>
                <c:pt idx="846">
                  <c:v>97.572733999999997</c:v>
                </c:pt>
                <c:pt idx="847">
                  <c:v>97.594551999999993</c:v>
                </c:pt>
                <c:pt idx="848">
                  <c:v>97.603870999999998</c:v>
                </c:pt>
                <c:pt idx="849">
                  <c:v>97.627801000000005</c:v>
                </c:pt>
                <c:pt idx="850">
                  <c:v>97.637904000000006</c:v>
                </c:pt>
                <c:pt idx="851">
                  <c:v>97.633020999999999</c:v>
                </c:pt>
                <c:pt idx="852">
                  <c:v>97.642092000000005</c:v>
                </c:pt>
                <c:pt idx="853">
                  <c:v>97.644504999999995</c:v>
                </c:pt>
                <c:pt idx="854">
                  <c:v>97.646140000000003</c:v>
                </c:pt>
                <c:pt idx="855">
                  <c:v>97.646168000000003</c:v>
                </c:pt>
                <c:pt idx="856">
                  <c:v>97.629756999999998</c:v>
                </c:pt>
                <c:pt idx="857">
                  <c:v>97.624683000000005</c:v>
                </c:pt>
                <c:pt idx="858">
                  <c:v>97.674927999999994</c:v>
                </c:pt>
                <c:pt idx="859">
                  <c:v>97.703924000000001</c:v>
                </c:pt>
                <c:pt idx="860">
                  <c:v>97.609470000000002</c:v>
                </c:pt>
                <c:pt idx="861">
                  <c:v>97.527500000000003</c:v>
                </c:pt>
                <c:pt idx="862">
                  <c:v>97.579244000000003</c:v>
                </c:pt>
                <c:pt idx="863">
                  <c:v>97.636680999999996</c:v>
                </c:pt>
                <c:pt idx="864">
                  <c:v>97.650884000000005</c:v>
                </c:pt>
                <c:pt idx="865">
                  <c:v>97.563663000000005</c:v>
                </c:pt>
                <c:pt idx="866">
                  <c:v>97.521174999999999</c:v>
                </c:pt>
                <c:pt idx="867">
                  <c:v>97.589273000000006</c:v>
                </c:pt>
                <c:pt idx="868">
                  <c:v>97.589464000000007</c:v>
                </c:pt>
                <c:pt idx="869">
                  <c:v>97.513795999999999</c:v>
                </c:pt>
                <c:pt idx="870">
                  <c:v>97.536421000000004</c:v>
                </c:pt>
                <c:pt idx="871">
                  <c:v>97.524063999999996</c:v>
                </c:pt>
                <c:pt idx="872">
                  <c:v>97.572916000000006</c:v>
                </c:pt>
                <c:pt idx="873">
                  <c:v>97.612966</c:v>
                </c:pt>
                <c:pt idx="874">
                  <c:v>97.555447000000001</c:v>
                </c:pt>
                <c:pt idx="875">
                  <c:v>97.579342999999994</c:v>
                </c:pt>
                <c:pt idx="876">
                  <c:v>97.621692999999993</c:v>
                </c:pt>
                <c:pt idx="877">
                  <c:v>97.658340999999993</c:v>
                </c:pt>
                <c:pt idx="878">
                  <c:v>97.640907999999996</c:v>
                </c:pt>
                <c:pt idx="879">
                  <c:v>97.618686999999994</c:v>
                </c:pt>
                <c:pt idx="880">
                  <c:v>97.586207999999999</c:v>
                </c:pt>
                <c:pt idx="881">
                  <c:v>97.482444000000001</c:v>
                </c:pt>
                <c:pt idx="882">
                  <c:v>97.461983000000004</c:v>
                </c:pt>
                <c:pt idx="883">
                  <c:v>97.527151000000003</c:v>
                </c:pt>
                <c:pt idx="884">
                  <c:v>97.580467999999996</c:v>
                </c:pt>
                <c:pt idx="885">
                  <c:v>97.613050999999999</c:v>
                </c:pt>
                <c:pt idx="886">
                  <c:v>97.600121999999999</c:v>
                </c:pt>
                <c:pt idx="887">
                  <c:v>97.600598000000005</c:v>
                </c:pt>
                <c:pt idx="888">
                  <c:v>97.586781000000002</c:v>
                </c:pt>
                <c:pt idx="889">
                  <c:v>97.627251999999999</c:v>
                </c:pt>
                <c:pt idx="890">
                  <c:v>97.678786000000002</c:v>
                </c:pt>
                <c:pt idx="891">
                  <c:v>97.676360000000003</c:v>
                </c:pt>
                <c:pt idx="892">
                  <c:v>97.612379000000004</c:v>
                </c:pt>
                <c:pt idx="893">
                  <c:v>97.576552000000007</c:v>
                </c:pt>
                <c:pt idx="894">
                  <c:v>97.562619999999995</c:v>
                </c:pt>
                <c:pt idx="895">
                  <c:v>97.573160999999999</c:v>
                </c:pt>
                <c:pt idx="896">
                  <c:v>97.609583999999998</c:v>
                </c:pt>
                <c:pt idx="897">
                  <c:v>97.621005999999994</c:v>
                </c:pt>
                <c:pt idx="898">
                  <c:v>97.564200999999997</c:v>
                </c:pt>
                <c:pt idx="899">
                  <c:v>97.527846999999994</c:v>
                </c:pt>
                <c:pt idx="900">
                  <c:v>97.553666000000007</c:v>
                </c:pt>
                <c:pt idx="901">
                  <c:v>97.563751999999994</c:v>
                </c:pt>
                <c:pt idx="902">
                  <c:v>97.537997000000004</c:v>
                </c:pt>
                <c:pt idx="903">
                  <c:v>97.618964000000005</c:v>
                </c:pt>
                <c:pt idx="904">
                  <c:v>97.716043999999997</c:v>
                </c:pt>
                <c:pt idx="905">
                  <c:v>97.733639999999994</c:v>
                </c:pt>
                <c:pt idx="906">
                  <c:v>97.683497000000003</c:v>
                </c:pt>
                <c:pt idx="907">
                  <c:v>97.692053000000001</c:v>
                </c:pt>
                <c:pt idx="908">
                  <c:v>97.615989999999996</c:v>
                </c:pt>
                <c:pt idx="909">
                  <c:v>97.562303999999997</c:v>
                </c:pt>
                <c:pt idx="910">
                  <c:v>97.578120999999996</c:v>
                </c:pt>
                <c:pt idx="911">
                  <c:v>97.547296000000003</c:v>
                </c:pt>
                <c:pt idx="912">
                  <c:v>97.507152000000005</c:v>
                </c:pt>
                <c:pt idx="913">
                  <c:v>97.56044</c:v>
                </c:pt>
                <c:pt idx="914">
                  <c:v>97.634853000000007</c:v>
                </c:pt>
                <c:pt idx="915">
                  <c:v>97.605109999999996</c:v>
                </c:pt>
                <c:pt idx="916">
                  <c:v>97.625932000000006</c:v>
                </c:pt>
                <c:pt idx="917">
                  <c:v>97.683913000000004</c:v>
                </c:pt>
                <c:pt idx="918">
                  <c:v>97.724718999999993</c:v>
                </c:pt>
                <c:pt idx="919">
                  <c:v>97.710120000000003</c:v>
                </c:pt>
                <c:pt idx="920">
                  <c:v>97.631060000000005</c:v>
                </c:pt>
                <c:pt idx="921">
                  <c:v>97.526579999999996</c:v>
                </c:pt>
                <c:pt idx="922">
                  <c:v>97.491298</c:v>
                </c:pt>
                <c:pt idx="923">
                  <c:v>97.537585000000007</c:v>
                </c:pt>
                <c:pt idx="924">
                  <c:v>97.527322999999996</c:v>
                </c:pt>
                <c:pt idx="925">
                  <c:v>97.501700999999997</c:v>
                </c:pt>
                <c:pt idx="926">
                  <c:v>97.551871000000006</c:v>
                </c:pt>
                <c:pt idx="927">
                  <c:v>97.582330999999996</c:v>
                </c:pt>
                <c:pt idx="928">
                  <c:v>97.622281999999998</c:v>
                </c:pt>
                <c:pt idx="929">
                  <c:v>97.594065999999998</c:v>
                </c:pt>
                <c:pt idx="930">
                  <c:v>97.534704000000005</c:v>
                </c:pt>
                <c:pt idx="931">
                  <c:v>97.553655000000006</c:v>
                </c:pt>
                <c:pt idx="932">
                  <c:v>97.590682000000001</c:v>
                </c:pt>
                <c:pt idx="933">
                  <c:v>97.580442000000005</c:v>
                </c:pt>
                <c:pt idx="934">
                  <c:v>97.570515999999998</c:v>
                </c:pt>
                <c:pt idx="935">
                  <c:v>97.608185000000006</c:v>
                </c:pt>
                <c:pt idx="936">
                  <c:v>97.615483999999995</c:v>
                </c:pt>
                <c:pt idx="937">
                  <c:v>97.629756</c:v>
                </c:pt>
                <c:pt idx="938">
                  <c:v>97.681319000000002</c:v>
                </c:pt>
                <c:pt idx="939">
                  <c:v>97.621891000000005</c:v>
                </c:pt>
                <c:pt idx="940">
                  <c:v>97.600351000000003</c:v>
                </c:pt>
                <c:pt idx="941">
                  <c:v>97.645082000000002</c:v>
                </c:pt>
                <c:pt idx="942">
                  <c:v>97.659062000000006</c:v>
                </c:pt>
                <c:pt idx="943">
                  <c:v>97.675008000000005</c:v>
                </c:pt>
                <c:pt idx="944">
                  <c:v>97.606898999999999</c:v>
                </c:pt>
                <c:pt idx="945">
                  <c:v>97.594700000000003</c:v>
                </c:pt>
                <c:pt idx="946">
                  <c:v>97.626090000000005</c:v>
                </c:pt>
                <c:pt idx="947">
                  <c:v>97.618871999999996</c:v>
                </c:pt>
                <c:pt idx="948">
                  <c:v>97.650795000000002</c:v>
                </c:pt>
                <c:pt idx="949">
                  <c:v>97.621816999999993</c:v>
                </c:pt>
                <c:pt idx="950">
                  <c:v>97.588655000000003</c:v>
                </c:pt>
                <c:pt idx="951">
                  <c:v>97.595404000000002</c:v>
                </c:pt>
                <c:pt idx="952">
                  <c:v>97.624634999999998</c:v>
                </c:pt>
                <c:pt idx="953">
                  <c:v>97.652189000000007</c:v>
                </c:pt>
                <c:pt idx="954">
                  <c:v>97.699551999999997</c:v>
                </c:pt>
                <c:pt idx="955">
                  <c:v>97.747407999999993</c:v>
                </c:pt>
                <c:pt idx="956">
                  <c:v>97.699729000000005</c:v>
                </c:pt>
                <c:pt idx="957">
                  <c:v>97.59487</c:v>
                </c:pt>
                <c:pt idx="958">
                  <c:v>97.570881</c:v>
                </c:pt>
                <c:pt idx="959">
                  <c:v>97.626412000000002</c:v>
                </c:pt>
                <c:pt idx="960">
                  <c:v>97.531644</c:v>
                </c:pt>
                <c:pt idx="961">
                  <c:v>97.485825000000006</c:v>
                </c:pt>
                <c:pt idx="962">
                  <c:v>97.539445999999998</c:v>
                </c:pt>
                <c:pt idx="963">
                  <c:v>97.541081000000005</c:v>
                </c:pt>
                <c:pt idx="964">
                  <c:v>97.545649999999995</c:v>
                </c:pt>
                <c:pt idx="965">
                  <c:v>97.583022</c:v>
                </c:pt>
                <c:pt idx="966">
                  <c:v>97.580699999999993</c:v>
                </c:pt>
                <c:pt idx="967">
                  <c:v>97.570509000000001</c:v>
                </c:pt>
                <c:pt idx="968">
                  <c:v>97.567255000000003</c:v>
                </c:pt>
                <c:pt idx="969">
                  <c:v>97.536162000000004</c:v>
                </c:pt>
                <c:pt idx="970">
                  <c:v>97.534561999999994</c:v>
                </c:pt>
                <c:pt idx="971">
                  <c:v>97.586347000000004</c:v>
                </c:pt>
                <c:pt idx="972">
                  <c:v>97.657313000000002</c:v>
                </c:pt>
                <c:pt idx="973">
                  <c:v>97.695925000000003</c:v>
                </c:pt>
                <c:pt idx="974">
                  <c:v>97.729984000000002</c:v>
                </c:pt>
                <c:pt idx="975">
                  <c:v>97.654758000000001</c:v>
                </c:pt>
                <c:pt idx="976">
                  <c:v>97.591025999999999</c:v>
                </c:pt>
                <c:pt idx="977">
                  <c:v>97.639937000000003</c:v>
                </c:pt>
                <c:pt idx="978">
                  <c:v>97.736542</c:v>
                </c:pt>
                <c:pt idx="979">
                  <c:v>97.784474000000003</c:v>
                </c:pt>
                <c:pt idx="980">
                  <c:v>97.806506999999996</c:v>
                </c:pt>
                <c:pt idx="981">
                  <c:v>97.830234000000004</c:v>
                </c:pt>
                <c:pt idx="982">
                  <c:v>97.75864</c:v>
                </c:pt>
                <c:pt idx="983">
                  <c:v>97.747118</c:v>
                </c:pt>
                <c:pt idx="984">
                  <c:v>97.837913</c:v>
                </c:pt>
                <c:pt idx="985">
                  <c:v>97.820065999999997</c:v>
                </c:pt>
                <c:pt idx="986">
                  <c:v>97.720772999999994</c:v>
                </c:pt>
                <c:pt idx="987">
                  <c:v>97.714404999999999</c:v>
                </c:pt>
                <c:pt idx="988">
                  <c:v>97.716972999999996</c:v>
                </c:pt>
                <c:pt idx="989">
                  <c:v>97.809281999999996</c:v>
                </c:pt>
                <c:pt idx="990">
                  <c:v>97.846429999999998</c:v>
                </c:pt>
                <c:pt idx="991">
                  <c:v>97.766960999999995</c:v>
                </c:pt>
                <c:pt idx="992">
                  <c:v>97.776801000000006</c:v>
                </c:pt>
                <c:pt idx="993">
                  <c:v>97.795568000000003</c:v>
                </c:pt>
                <c:pt idx="994">
                  <c:v>97.760469000000001</c:v>
                </c:pt>
                <c:pt idx="995">
                  <c:v>97.772628999999995</c:v>
                </c:pt>
                <c:pt idx="996">
                  <c:v>97.805868000000004</c:v>
                </c:pt>
                <c:pt idx="997">
                  <c:v>97.801361999999997</c:v>
                </c:pt>
                <c:pt idx="998">
                  <c:v>97.790509999999998</c:v>
                </c:pt>
                <c:pt idx="999">
                  <c:v>97.751150999999993</c:v>
                </c:pt>
                <c:pt idx="1000">
                  <c:v>97.774203</c:v>
                </c:pt>
                <c:pt idx="1001">
                  <c:v>97.893073999999999</c:v>
                </c:pt>
                <c:pt idx="1002">
                  <c:v>97.880747</c:v>
                </c:pt>
                <c:pt idx="1003">
                  <c:v>97.823256999999998</c:v>
                </c:pt>
                <c:pt idx="1004">
                  <c:v>97.825248000000002</c:v>
                </c:pt>
                <c:pt idx="1005">
                  <c:v>97.816706999999994</c:v>
                </c:pt>
                <c:pt idx="1006">
                  <c:v>97.801927000000006</c:v>
                </c:pt>
                <c:pt idx="1007">
                  <c:v>97.799335999999997</c:v>
                </c:pt>
                <c:pt idx="1008">
                  <c:v>97.721868000000001</c:v>
                </c:pt>
                <c:pt idx="1009">
                  <c:v>97.739673999999994</c:v>
                </c:pt>
                <c:pt idx="1010">
                  <c:v>97.829756000000003</c:v>
                </c:pt>
                <c:pt idx="1011">
                  <c:v>97.876135000000005</c:v>
                </c:pt>
                <c:pt idx="1012">
                  <c:v>97.843920999999995</c:v>
                </c:pt>
                <c:pt idx="1013">
                  <c:v>97.814295999999999</c:v>
                </c:pt>
                <c:pt idx="1014">
                  <c:v>97.878542999999993</c:v>
                </c:pt>
                <c:pt idx="1015">
                  <c:v>97.946582000000006</c:v>
                </c:pt>
                <c:pt idx="1016">
                  <c:v>97.977543999999995</c:v>
                </c:pt>
                <c:pt idx="1017">
                  <c:v>97.965525</c:v>
                </c:pt>
                <c:pt idx="1018">
                  <c:v>97.898274000000001</c:v>
                </c:pt>
                <c:pt idx="1019">
                  <c:v>97.874504000000002</c:v>
                </c:pt>
                <c:pt idx="1020">
                  <c:v>97.899153999999996</c:v>
                </c:pt>
                <c:pt idx="1021">
                  <c:v>97.907458000000005</c:v>
                </c:pt>
                <c:pt idx="1022">
                  <c:v>97.904458000000005</c:v>
                </c:pt>
                <c:pt idx="1023">
                  <c:v>97.895115000000004</c:v>
                </c:pt>
                <c:pt idx="1024">
                  <c:v>97.943904000000003</c:v>
                </c:pt>
                <c:pt idx="1025">
                  <c:v>97.931869000000006</c:v>
                </c:pt>
                <c:pt idx="1026">
                  <c:v>97.997196000000002</c:v>
                </c:pt>
                <c:pt idx="1027">
                  <c:v>98.072282999999999</c:v>
                </c:pt>
                <c:pt idx="1028">
                  <c:v>97.991280000000003</c:v>
                </c:pt>
                <c:pt idx="1029">
                  <c:v>97.905586</c:v>
                </c:pt>
                <c:pt idx="1030">
                  <c:v>97.911545000000004</c:v>
                </c:pt>
                <c:pt idx="1031">
                  <c:v>97.990656999999999</c:v>
                </c:pt>
                <c:pt idx="1032">
                  <c:v>97.998732000000004</c:v>
                </c:pt>
                <c:pt idx="1033">
                  <c:v>97.980099999999993</c:v>
                </c:pt>
                <c:pt idx="1034">
                  <c:v>97.975932999999998</c:v>
                </c:pt>
                <c:pt idx="1035">
                  <c:v>98.008308</c:v>
                </c:pt>
                <c:pt idx="1036">
                  <c:v>97.991213000000002</c:v>
                </c:pt>
                <c:pt idx="1037">
                  <c:v>97.882964000000001</c:v>
                </c:pt>
                <c:pt idx="1038">
                  <c:v>97.946698999999995</c:v>
                </c:pt>
                <c:pt idx="1039">
                  <c:v>98.032988000000003</c:v>
                </c:pt>
                <c:pt idx="1040">
                  <c:v>98.000506999999999</c:v>
                </c:pt>
                <c:pt idx="1041">
                  <c:v>97.961618999999999</c:v>
                </c:pt>
                <c:pt idx="1042">
                  <c:v>98.043139999999994</c:v>
                </c:pt>
                <c:pt idx="1043">
                  <c:v>98.044304999999994</c:v>
                </c:pt>
                <c:pt idx="1044">
                  <c:v>98.006953999999993</c:v>
                </c:pt>
                <c:pt idx="1045">
                  <c:v>97.929723999999993</c:v>
                </c:pt>
                <c:pt idx="1046">
                  <c:v>97.919099000000003</c:v>
                </c:pt>
                <c:pt idx="1047">
                  <c:v>97.981528999999995</c:v>
                </c:pt>
                <c:pt idx="1048">
                  <c:v>97.932794000000001</c:v>
                </c:pt>
                <c:pt idx="1049">
                  <c:v>97.939582999999999</c:v>
                </c:pt>
                <c:pt idx="1050">
                  <c:v>97.966120000000004</c:v>
                </c:pt>
                <c:pt idx="1051">
                  <c:v>98.017405999999994</c:v>
                </c:pt>
                <c:pt idx="1052">
                  <c:v>98.096446999999998</c:v>
                </c:pt>
                <c:pt idx="1053">
                  <c:v>98.084985000000003</c:v>
                </c:pt>
                <c:pt idx="1054">
                  <c:v>97.963882999999996</c:v>
                </c:pt>
                <c:pt idx="1055">
                  <c:v>97.975075000000004</c:v>
                </c:pt>
                <c:pt idx="1056">
                  <c:v>98.077399999999997</c:v>
                </c:pt>
                <c:pt idx="1057">
                  <c:v>98.062984</c:v>
                </c:pt>
                <c:pt idx="1058">
                  <c:v>98.022493999999995</c:v>
                </c:pt>
                <c:pt idx="1059">
                  <c:v>97.867688999999999</c:v>
                </c:pt>
                <c:pt idx="1060">
                  <c:v>97.971350999999999</c:v>
                </c:pt>
                <c:pt idx="1061">
                  <c:v>98.159097000000003</c:v>
                </c:pt>
                <c:pt idx="1062">
                  <c:v>98.078676000000002</c:v>
                </c:pt>
                <c:pt idx="1063">
                  <c:v>98.045535000000001</c:v>
                </c:pt>
                <c:pt idx="1064">
                  <c:v>98.097116999999997</c:v>
                </c:pt>
                <c:pt idx="1065">
                  <c:v>98.115337999999994</c:v>
                </c:pt>
                <c:pt idx="1066">
                  <c:v>98.053611000000004</c:v>
                </c:pt>
                <c:pt idx="1067">
                  <c:v>97.983687000000003</c:v>
                </c:pt>
                <c:pt idx="1068">
                  <c:v>98.015366</c:v>
                </c:pt>
                <c:pt idx="1069">
                  <c:v>98.056157999999996</c:v>
                </c:pt>
                <c:pt idx="1070">
                  <c:v>97.937563999999995</c:v>
                </c:pt>
                <c:pt idx="1071">
                  <c:v>97.938312999999994</c:v>
                </c:pt>
                <c:pt idx="1072">
                  <c:v>98.210676000000007</c:v>
                </c:pt>
                <c:pt idx="1073">
                  <c:v>98.132564000000002</c:v>
                </c:pt>
                <c:pt idx="1074">
                  <c:v>98.040019999999998</c:v>
                </c:pt>
                <c:pt idx="1075">
                  <c:v>97.988225999999997</c:v>
                </c:pt>
                <c:pt idx="1076">
                  <c:v>97.901274000000001</c:v>
                </c:pt>
                <c:pt idx="1077">
                  <c:v>97.916905</c:v>
                </c:pt>
                <c:pt idx="1078">
                  <c:v>98.023092000000005</c:v>
                </c:pt>
                <c:pt idx="1079">
                  <c:v>98.089851999999993</c:v>
                </c:pt>
                <c:pt idx="1080">
                  <c:v>98.047315999999995</c:v>
                </c:pt>
                <c:pt idx="1081">
                  <c:v>97.877397000000002</c:v>
                </c:pt>
                <c:pt idx="1082">
                  <c:v>97.874010999999996</c:v>
                </c:pt>
                <c:pt idx="1083">
                  <c:v>98.150638999999998</c:v>
                </c:pt>
                <c:pt idx="1084">
                  <c:v>98.111680000000007</c:v>
                </c:pt>
                <c:pt idx="1085">
                  <c:v>97.977462000000003</c:v>
                </c:pt>
                <c:pt idx="1086">
                  <c:v>97.961848000000003</c:v>
                </c:pt>
                <c:pt idx="1087">
                  <c:v>97.980258000000006</c:v>
                </c:pt>
                <c:pt idx="1088">
                  <c:v>97.944985000000003</c:v>
                </c:pt>
                <c:pt idx="1089">
                  <c:v>98.071541999999994</c:v>
                </c:pt>
                <c:pt idx="1090">
                  <c:v>98.149389999999997</c:v>
                </c:pt>
                <c:pt idx="1091">
                  <c:v>98.110939000000002</c:v>
                </c:pt>
                <c:pt idx="1092">
                  <c:v>98.033803000000006</c:v>
                </c:pt>
                <c:pt idx="1093">
                  <c:v>98.073049999999995</c:v>
                </c:pt>
                <c:pt idx="1094">
                  <c:v>98.070031999999998</c:v>
                </c:pt>
                <c:pt idx="1095">
                  <c:v>97.967151999999999</c:v>
                </c:pt>
                <c:pt idx="1096">
                  <c:v>98.221402999999995</c:v>
                </c:pt>
                <c:pt idx="1097">
                  <c:v>98.120547000000002</c:v>
                </c:pt>
                <c:pt idx="1098">
                  <c:v>97.912383000000005</c:v>
                </c:pt>
                <c:pt idx="1099">
                  <c:v>98.067959999999999</c:v>
                </c:pt>
                <c:pt idx="1100">
                  <c:v>98.160477</c:v>
                </c:pt>
                <c:pt idx="1101">
                  <c:v>98.069191000000004</c:v>
                </c:pt>
                <c:pt idx="1102">
                  <c:v>97.984956999999994</c:v>
                </c:pt>
                <c:pt idx="1103">
                  <c:v>97.885503999999997</c:v>
                </c:pt>
                <c:pt idx="1104">
                  <c:v>98.207825999999997</c:v>
                </c:pt>
                <c:pt idx="1105">
                  <c:v>98.145515000000003</c:v>
                </c:pt>
                <c:pt idx="1106">
                  <c:v>98.068250000000006</c:v>
                </c:pt>
                <c:pt idx="1107">
                  <c:v>98.060361999999998</c:v>
                </c:pt>
                <c:pt idx="1108">
                  <c:v>98.023785000000004</c:v>
                </c:pt>
                <c:pt idx="1109">
                  <c:v>98.037719999999993</c:v>
                </c:pt>
                <c:pt idx="1110">
                  <c:v>98.035722000000007</c:v>
                </c:pt>
                <c:pt idx="1111">
                  <c:v>98.033873</c:v>
                </c:pt>
                <c:pt idx="1112">
                  <c:v>97.833083000000002</c:v>
                </c:pt>
                <c:pt idx="1113">
                  <c:v>97.766028000000006</c:v>
                </c:pt>
                <c:pt idx="1114">
                  <c:v>97.948115999999999</c:v>
                </c:pt>
                <c:pt idx="1115">
                  <c:v>98.143518</c:v>
                </c:pt>
                <c:pt idx="1116">
                  <c:v>98.140253000000001</c:v>
                </c:pt>
                <c:pt idx="1117">
                  <c:v>98.050129999999996</c:v>
                </c:pt>
                <c:pt idx="1118">
                  <c:v>98.231550999999996</c:v>
                </c:pt>
                <c:pt idx="1119">
                  <c:v>98.232560000000007</c:v>
                </c:pt>
                <c:pt idx="1120">
                  <c:v>98.160377999999994</c:v>
                </c:pt>
                <c:pt idx="1121">
                  <c:v>98.250731000000002</c:v>
                </c:pt>
                <c:pt idx="1122">
                  <c:v>98.225003000000001</c:v>
                </c:pt>
                <c:pt idx="1123">
                  <c:v>98.031970000000001</c:v>
                </c:pt>
                <c:pt idx="1124">
                  <c:v>97.777195000000006</c:v>
                </c:pt>
                <c:pt idx="1125">
                  <c:v>97.971840999999998</c:v>
                </c:pt>
                <c:pt idx="1126">
                  <c:v>98.217000999999996</c:v>
                </c:pt>
                <c:pt idx="1127">
                  <c:v>97.953371000000004</c:v>
                </c:pt>
                <c:pt idx="1128">
                  <c:v>98.225479000000007</c:v>
                </c:pt>
                <c:pt idx="1129">
                  <c:v>98.279432</c:v>
                </c:pt>
                <c:pt idx="1130">
                  <c:v>98.193799999999996</c:v>
                </c:pt>
                <c:pt idx="1131">
                  <c:v>98.212168000000005</c:v>
                </c:pt>
                <c:pt idx="1132">
                  <c:v>98.174043999999995</c:v>
                </c:pt>
                <c:pt idx="1133">
                  <c:v>98.039862999999997</c:v>
                </c:pt>
                <c:pt idx="1134">
                  <c:v>97.820266000000004</c:v>
                </c:pt>
                <c:pt idx="1135">
                  <c:v>97.927124000000006</c:v>
                </c:pt>
                <c:pt idx="1136">
                  <c:v>98.274236999999999</c:v>
                </c:pt>
                <c:pt idx="1137">
                  <c:v>98.358818999999997</c:v>
                </c:pt>
                <c:pt idx="1138">
                  <c:v>98.235535999999996</c:v>
                </c:pt>
                <c:pt idx="1139">
                  <c:v>98.170034000000001</c:v>
                </c:pt>
                <c:pt idx="1140">
                  <c:v>98.131641000000002</c:v>
                </c:pt>
                <c:pt idx="1141">
                  <c:v>98.162450000000007</c:v>
                </c:pt>
                <c:pt idx="1142">
                  <c:v>98.342519999999993</c:v>
                </c:pt>
                <c:pt idx="1143">
                  <c:v>98.306572000000003</c:v>
                </c:pt>
                <c:pt idx="1144">
                  <c:v>98.142810999999995</c:v>
                </c:pt>
                <c:pt idx="1145">
                  <c:v>97.965980999999999</c:v>
                </c:pt>
                <c:pt idx="1146">
                  <c:v>98.065513999999993</c:v>
                </c:pt>
                <c:pt idx="1147">
                  <c:v>98.298604999999995</c:v>
                </c:pt>
                <c:pt idx="1148">
                  <c:v>98.355530000000002</c:v>
                </c:pt>
                <c:pt idx="1149">
                  <c:v>98.283364000000006</c:v>
                </c:pt>
                <c:pt idx="1150">
                  <c:v>98.190670999999995</c:v>
                </c:pt>
                <c:pt idx="1151">
                  <c:v>98.028559000000001</c:v>
                </c:pt>
                <c:pt idx="1152">
                  <c:v>98.079848999999996</c:v>
                </c:pt>
                <c:pt idx="1153">
                  <c:v>98.143771999999998</c:v>
                </c:pt>
                <c:pt idx="1154">
                  <c:v>98.118797000000001</c:v>
                </c:pt>
                <c:pt idx="1155">
                  <c:v>98.200053999999994</c:v>
                </c:pt>
                <c:pt idx="1156">
                  <c:v>98.141379000000001</c:v>
                </c:pt>
                <c:pt idx="1157">
                  <c:v>98.079168999999993</c:v>
                </c:pt>
                <c:pt idx="1158">
                  <c:v>97.866667000000007</c:v>
                </c:pt>
                <c:pt idx="1159">
                  <c:v>97.905938000000006</c:v>
                </c:pt>
                <c:pt idx="1160">
                  <c:v>98.200676000000001</c:v>
                </c:pt>
                <c:pt idx="1161">
                  <c:v>98.149640000000005</c:v>
                </c:pt>
                <c:pt idx="1162">
                  <c:v>98.011274</c:v>
                </c:pt>
                <c:pt idx="1163">
                  <c:v>97.730767999999998</c:v>
                </c:pt>
                <c:pt idx="1164">
                  <c:v>98.074742000000001</c:v>
                </c:pt>
                <c:pt idx="1165">
                  <c:v>98.183076</c:v>
                </c:pt>
                <c:pt idx="1166">
                  <c:v>98.060872000000003</c:v>
                </c:pt>
                <c:pt idx="1167">
                  <c:v>98.305018000000004</c:v>
                </c:pt>
                <c:pt idx="1168">
                  <c:v>98.407674</c:v>
                </c:pt>
                <c:pt idx="1169">
                  <c:v>98.237981000000005</c:v>
                </c:pt>
                <c:pt idx="1170">
                  <c:v>98.038347999999999</c:v>
                </c:pt>
                <c:pt idx="1171">
                  <c:v>97.985011999999998</c:v>
                </c:pt>
                <c:pt idx="1172">
                  <c:v>98.290632000000002</c:v>
                </c:pt>
                <c:pt idx="1173">
                  <c:v>98.366403000000005</c:v>
                </c:pt>
                <c:pt idx="1174">
                  <c:v>98.268775000000005</c:v>
                </c:pt>
                <c:pt idx="1175">
                  <c:v>98.185081999999994</c:v>
                </c:pt>
                <c:pt idx="1176">
                  <c:v>97.989744000000002</c:v>
                </c:pt>
                <c:pt idx="1177">
                  <c:v>98.166652999999997</c:v>
                </c:pt>
                <c:pt idx="1178">
                  <c:v>98.215151000000006</c:v>
                </c:pt>
                <c:pt idx="1179">
                  <c:v>98.195622</c:v>
                </c:pt>
                <c:pt idx="1180">
                  <c:v>98.159518000000006</c:v>
                </c:pt>
                <c:pt idx="1181">
                  <c:v>98.049048999999997</c:v>
                </c:pt>
                <c:pt idx="1182">
                  <c:v>98.170067000000003</c:v>
                </c:pt>
                <c:pt idx="1183">
                  <c:v>98.189642000000006</c:v>
                </c:pt>
                <c:pt idx="1184">
                  <c:v>98.184076000000005</c:v>
                </c:pt>
                <c:pt idx="1185">
                  <c:v>98.272836999999996</c:v>
                </c:pt>
                <c:pt idx="1186">
                  <c:v>98.278572999999994</c:v>
                </c:pt>
                <c:pt idx="1187">
                  <c:v>98.210418000000004</c:v>
                </c:pt>
                <c:pt idx="1188">
                  <c:v>98.149201000000005</c:v>
                </c:pt>
                <c:pt idx="1189">
                  <c:v>98.101166000000006</c:v>
                </c:pt>
                <c:pt idx="1190">
                  <c:v>98.015117000000004</c:v>
                </c:pt>
                <c:pt idx="1191">
                  <c:v>98.053873999999993</c:v>
                </c:pt>
                <c:pt idx="1192">
                  <c:v>97.96202700000000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50DE-4C50-BBC3-9E9B8E65B9D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05158536"/>
        <c:axId val="805162472"/>
      </c:scatterChart>
      <c:valAx>
        <c:axId val="805162472"/>
        <c:scaling>
          <c:orientation val="minMax"/>
          <c:max val="133"/>
          <c:min val="94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/>
                  <a:t>Transmittance 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ysClr val="windowText" lastClr="000000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805158536"/>
        <c:crosses val="autoZero"/>
        <c:crossBetween val="midCat"/>
      </c:valAx>
      <c:valAx>
        <c:axId val="805158536"/>
        <c:scaling>
          <c:orientation val="minMax"/>
          <c:max val="3900"/>
          <c:min val="1400"/>
        </c:scaling>
        <c:delete val="0"/>
        <c:axPos val="t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/>
                  <a:t>Wavenumber (cm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endParaRPr lang="en-GB"/>
              </a:p>
            </c:rich>
          </c:tx>
          <c:layout>
            <c:manualLayout>
              <c:xMode val="edge"/>
              <c:yMode val="edge"/>
              <c:x val="0.4577031045751635"/>
              <c:y val="0.9007809185991509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ysClr val="windowText" lastClr="000000"/>
            </a:solidFill>
            <a:round/>
          </a:ln>
          <a:effectLst/>
        </c:spPr>
        <c:txPr>
          <a:bodyPr rot="-60000000" spcFirstLastPara="1" vertOverflow="ellipsis" vert="horz" wrap="square" anchor="b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805162472"/>
        <c:crosses val="max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77069624183006546"/>
          <c:y val="0.25493862998015598"/>
          <c:w val="0.18021707959923378"/>
          <c:h val="0.51130869050992678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4 a-b'!$D$6:$D$7</c:f>
              <c:strCache>
                <c:ptCount val="2"/>
                <c:pt idx="0">
                  <c:v>S-0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4 a-b'!$C$8:$C$38</c:f>
              <c:numCache>
                <c:formatCode>0.000</c:formatCode>
                <c:ptCount val="31"/>
                <c:pt idx="0">
                  <c:v>1.45467887</c:v>
                </c:pt>
                <c:pt idx="1">
                  <c:v>7.8410243099999999</c:v>
                </c:pt>
                <c:pt idx="2">
                  <c:v>23.407105520000002</c:v>
                </c:pt>
                <c:pt idx="3">
                  <c:v>38.063758110000002</c:v>
                </c:pt>
                <c:pt idx="4">
                  <c:v>47.145837129999997</c:v>
                </c:pt>
                <c:pt idx="5">
                  <c:v>63.942800460000001</c:v>
                </c:pt>
                <c:pt idx="6">
                  <c:v>68.548944469999995</c:v>
                </c:pt>
                <c:pt idx="7">
                  <c:v>71.944551520000005</c:v>
                </c:pt>
                <c:pt idx="8">
                  <c:v>88.059952030000005</c:v>
                </c:pt>
                <c:pt idx="9">
                  <c:v>94.8857529</c:v>
                </c:pt>
                <c:pt idx="10">
                  <c:v>99.9</c:v>
                </c:pt>
                <c:pt idx="30" formatCode="General">
                  <c:v>298</c:v>
                </c:pt>
              </c:numCache>
            </c:numRef>
          </c:xVal>
          <c:yVal>
            <c:numRef>
              <c:f>'Fig 4 a-b'!$D$8:$D$38</c:f>
              <c:numCache>
                <c:formatCode>0.000</c:formatCode>
                <c:ptCount val="31"/>
                <c:pt idx="0">
                  <c:v>9.9714285714285721E-3</c:v>
                </c:pt>
                <c:pt idx="1">
                  <c:v>4.5137946428571434E-2</c:v>
                </c:pt>
                <c:pt idx="2">
                  <c:v>0.12148794642857144</c:v>
                </c:pt>
                <c:pt idx="3">
                  <c:v>0.18909107142857146</c:v>
                </c:pt>
                <c:pt idx="4">
                  <c:v>0.23028348214285718</c:v>
                </c:pt>
                <c:pt idx="5">
                  <c:v>0.30231116071428571</c:v>
                </c:pt>
                <c:pt idx="6">
                  <c:v>0.32261071428571431</c:v>
                </c:pt>
                <c:pt idx="7">
                  <c:v>0.33580446428571431</c:v>
                </c:pt>
                <c:pt idx="8">
                  <c:v>0.39740982142857145</c:v>
                </c:pt>
                <c:pt idx="9">
                  <c:v>0.42307678571428575</c:v>
                </c:pt>
                <c:pt idx="10">
                  <c:v>0.4538049107142856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B5C-4F96-8FE2-55A2A84E32D3}"/>
            </c:ext>
          </c:extLst>
        </c:ser>
        <c:ser>
          <c:idx val="1"/>
          <c:order val="1"/>
          <c:tx>
            <c:strRef>
              <c:f>'Fig 4 a-b'!$F$6:$F$7</c:f>
              <c:strCache>
                <c:ptCount val="2"/>
                <c:pt idx="0">
                  <c:v>S-P-1.4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4 a-b'!$E$8:$E$38</c:f>
              <c:numCache>
                <c:formatCode>0.000</c:formatCode>
                <c:ptCount val="31"/>
                <c:pt idx="0">
                  <c:v>0.32125818</c:v>
                </c:pt>
                <c:pt idx="1">
                  <c:v>0.63059858999999996</c:v>
                </c:pt>
                <c:pt idx="2">
                  <c:v>1.0192924699999999</c:v>
                </c:pt>
                <c:pt idx="3">
                  <c:v>1.3936434</c:v>
                </c:pt>
                <c:pt idx="4">
                  <c:v>2.53500682</c:v>
                </c:pt>
                <c:pt idx="5">
                  <c:v>3.2226732</c:v>
                </c:pt>
                <c:pt idx="6">
                  <c:v>3.8574421600000002</c:v>
                </c:pt>
                <c:pt idx="7">
                  <c:v>4.5064527400000003</c:v>
                </c:pt>
                <c:pt idx="8">
                  <c:v>6.0201325700000003</c:v>
                </c:pt>
                <c:pt idx="9">
                  <c:v>8.3333771599999995</c:v>
                </c:pt>
                <c:pt idx="10">
                  <c:v>9.3140138199999996</c:v>
                </c:pt>
                <c:pt idx="11">
                  <c:v>12.82558828</c:v>
                </c:pt>
                <c:pt idx="12">
                  <c:v>14.75024033</c:v>
                </c:pt>
                <c:pt idx="13">
                  <c:v>19.104104370000002</c:v>
                </c:pt>
                <c:pt idx="14">
                  <c:v>22.102980819999999</c:v>
                </c:pt>
                <c:pt idx="15">
                  <c:v>25.81393783</c:v>
                </c:pt>
                <c:pt idx="16">
                  <c:v>30.686603430000002</c:v>
                </c:pt>
                <c:pt idx="17">
                  <c:v>34.45045786</c:v>
                </c:pt>
                <c:pt idx="18">
                  <c:v>37.762649760000002</c:v>
                </c:pt>
                <c:pt idx="19">
                  <c:v>41.300672919999997</c:v>
                </c:pt>
                <c:pt idx="20">
                  <c:v>45.204908949999997</c:v>
                </c:pt>
                <c:pt idx="21">
                  <c:v>48.99317757</c:v>
                </c:pt>
                <c:pt idx="22">
                  <c:v>59.161688079999998</c:v>
                </c:pt>
                <c:pt idx="23">
                  <c:v>61.8513181</c:v>
                </c:pt>
                <c:pt idx="24">
                  <c:v>64.630466830000003</c:v>
                </c:pt>
                <c:pt idx="25">
                  <c:v>76.392003299999999</c:v>
                </c:pt>
                <c:pt idx="26">
                  <c:v>80.719418630000007</c:v>
                </c:pt>
                <c:pt idx="27">
                  <c:v>85.722293250000007</c:v>
                </c:pt>
                <c:pt idx="28">
                  <c:v>90.560372079999993</c:v>
                </c:pt>
                <c:pt idx="29">
                  <c:v>95.302828660000003</c:v>
                </c:pt>
                <c:pt idx="30">
                  <c:v>99.9</c:v>
                </c:pt>
              </c:numCache>
            </c:numRef>
          </c:xVal>
          <c:yVal>
            <c:numRef>
              <c:f>'Fig 4 a-b'!$F$8:$F$38</c:f>
              <c:numCache>
                <c:formatCode>0.000</c:formatCode>
                <c:ptCount val="31"/>
                <c:pt idx="0">
                  <c:v>6.2452678571428576E-2</c:v>
                </c:pt>
                <c:pt idx="1">
                  <c:v>8.4973214285714291E-2</c:v>
                </c:pt>
                <c:pt idx="2">
                  <c:v>0.10325223214285716</c:v>
                </c:pt>
                <c:pt idx="3">
                  <c:v>0.11806473214285715</c:v>
                </c:pt>
                <c:pt idx="4">
                  <c:v>0.14905625</c:v>
                </c:pt>
                <c:pt idx="5">
                  <c:v>0.16464955357142858</c:v>
                </c:pt>
                <c:pt idx="6">
                  <c:v>0.178224553571429</c:v>
                </c:pt>
                <c:pt idx="7">
                  <c:v>0.189321875</c:v>
                </c:pt>
                <c:pt idx="8">
                  <c:v>0.2129821428571429</c:v>
                </c:pt>
                <c:pt idx="9">
                  <c:v>0.24683080357142861</c:v>
                </c:pt>
                <c:pt idx="10">
                  <c:v>0.25930758928571429</c:v>
                </c:pt>
                <c:pt idx="11">
                  <c:v>0.30714285714285716</c:v>
                </c:pt>
                <c:pt idx="12">
                  <c:v>0.32995848214285717</c:v>
                </c:pt>
                <c:pt idx="13">
                  <c:v>0.36119508928571425</c:v>
                </c:pt>
                <c:pt idx="14">
                  <c:v>0.38015803571428575</c:v>
                </c:pt>
                <c:pt idx="15">
                  <c:v>0.40327321428571428</c:v>
                </c:pt>
                <c:pt idx="16">
                  <c:v>0.43142187500000001</c:v>
                </c:pt>
                <c:pt idx="17">
                  <c:v>0.45144107142857148</c:v>
                </c:pt>
                <c:pt idx="18">
                  <c:v>0.46897589285714292</c:v>
                </c:pt>
                <c:pt idx="19">
                  <c:v>0.48713928571428577</c:v>
                </c:pt>
                <c:pt idx="20">
                  <c:v>0.50811473214285718</c:v>
                </c:pt>
                <c:pt idx="21">
                  <c:v>0.53103883928571427</c:v>
                </c:pt>
                <c:pt idx="22">
                  <c:v>0.59238616071428574</c:v>
                </c:pt>
                <c:pt idx="23">
                  <c:v>0.60446696428571434</c:v>
                </c:pt>
                <c:pt idx="24">
                  <c:v>0.61706562500000006</c:v>
                </c:pt>
                <c:pt idx="25">
                  <c:v>0.65669553571428574</c:v>
                </c:pt>
                <c:pt idx="26">
                  <c:v>0.67100535714285714</c:v>
                </c:pt>
                <c:pt idx="27">
                  <c:v>0.68690401785714283</c:v>
                </c:pt>
                <c:pt idx="28">
                  <c:v>0.70775848214285719</c:v>
                </c:pt>
                <c:pt idx="29">
                  <c:v>0.72257053571428587</c:v>
                </c:pt>
                <c:pt idx="30">
                  <c:v>0.7375638392857142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5B5C-4F96-8FE2-55A2A84E32D3}"/>
            </c:ext>
          </c:extLst>
        </c:ser>
        <c:ser>
          <c:idx val="2"/>
          <c:order val="2"/>
          <c:tx>
            <c:strRef>
              <c:f>'Fig 4 a-b'!$H$6:$H$7</c:f>
              <c:strCache>
                <c:ptCount val="2"/>
                <c:pt idx="0">
                  <c:v>S-P-1.7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4 a-b'!$G$8:$G$38</c:f>
              <c:numCache>
                <c:formatCode>0.000</c:formatCode>
                <c:ptCount val="31"/>
                <c:pt idx="0">
                  <c:v>8.7734E-4</c:v>
                </c:pt>
                <c:pt idx="1">
                  <c:v>0.10320188</c:v>
                </c:pt>
                <c:pt idx="2">
                  <c:v>0.37621771999999998</c:v>
                </c:pt>
                <c:pt idx="3">
                  <c:v>0.71402538999999998</c:v>
                </c:pt>
                <c:pt idx="4">
                  <c:v>2.1748975100000001</c:v>
                </c:pt>
                <c:pt idx="5">
                  <c:v>3.30405383</c:v>
                </c:pt>
                <c:pt idx="6">
                  <c:v>5.4219848900000001</c:v>
                </c:pt>
                <c:pt idx="7">
                  <c:v>7.3791891999999999</c:v>
                </c:pt>
                <c:pt idx="8">
                  <c:v>7.4097069400000004</c:v>
                </c:pt>
                <c:pt idx="9">
                  <c:v>8.7646945299999999</c:v>
                </c:pt>
                <c:pt idx="10">
                  <c:v>14.681066789999999</c:v>
                </c:pt>
                <c:pt idx="11">
                  <c:v>27.80369439</c:v>
                </c:pt>
                <c:pt idx="12">
                  <c:v>31.400718520000002</c:v>
                </c:pt>
                <c:pt idx="13">
                  <c:v>35.054709090000003</c:v>
                </c:pt>
                <c:pt idx="14">
                  <c:v>45.025871549999998</c:v>
                </c:pt>
                <c:pt idx="15">
                  <c:v>48.69206921</c:v>
                </c:pt>
                <c:pt idx="16">
                  <c:v>53.165969699999998</c:v>
                </c:pt>
                <c:pt idx="17">
                  <c:v>63.086269260000002</c:v>
                </c:pt>
                <c:pt idx="18">
                  <c:v>68.349561910000006</c:v>
                </c:pt>
                <c:pt idx="19">
                  <c:v>76.746009060000006</c:v>
                </c:pt>
                <c:pt idx="20">
                  <c:v>81.919783019999997</c:v>
                </c:pt>
                <c:pt idx="21">
                  <c:v>87.378389200000001</c:v>
                </c:pt>
                <c:pt idx="22">
                  <c:v>93.398521770000002</c:v>
                </c:pt>
                <c:pt idx="23">
                  <c:v>99.9</c:v>
                </c:pt>
              </c:numCache>
            </c:numRef>
          </c:xVal>
          <c:yVal>
            <c:numRef>
              <c:f>'Fig 4 a-b'!$H$8:$H$38</c:f>
              <c:numCache>
                <c:formatCode>0.000</c:formatCode>
                <c:ptCount val="31"/>
                <c:pt idx="0">
                  <c:v>0.16878794642857145</c:v>
                </c:pt>
                <c:pt idx="1">
                  <c:v>0.22258616071428572</c:v>
                </c:pt>
                <c:pt idx="2">
                  <c:v>0.26809375000000002</c:v>
                </c:pt>
                <c:pt idx="3">
                  <c:v>0.30621562500000005</c:v>
                </c:pt>
                <c:pt idx="4">
                  <c:v>0.3789392857142857</c:v>
                </c:pt>
                <c:pt idx="5">
                  <c:v>0.41080089285714289</c:v>
                </c:pt>
                <c:pt idx="6">
                  <c:v>0.45796964285714292</c:v>
                </c:pt>
                <c:pt idx="7">
                  <c:v>0.48540491071428576</c:v>
                </c:pt>
                <c:pt idx="8">
                  <c:v>0.48616964285714287</c:v>
                </c:pt>
                <c:pt idx="9">
                  <c:v>0.50435803571428572</c:v>
                </c:pt>
                <c:pt idx="10">
                  <c:v>0.55945178571428578</c:v>
                </c:pt>
                <c:pt idx="11">
                  <c:v>0.6554491071428572</c:v>
                </c:pt>
                <c:pt idx="12">
                  <c:v>0.67500625000000003</c:v>
                </c:pt>
                <c:pt idx="13">
                  <c:v>0.6937660714285715</c:v>
                </c:pt>
                <c:pt idx="14">
                  <c:v>0.74861294642857157</c:v>
                </c:pt>
                <c:pt idx="15">
                  <c:v>0.76813705357142859</c:v>
                </c:pt>
                <c:pt idx="16">
                  <c:v>0.79003928571428572</c:v>
                </c:pt>
                <c:pt idx="17">
                  <c:v>0.84011116071428582</c:v>
                </c:pt>
                <c:pt idx="18">
                  <c:v>0.86529241071428564</c:v>
                </c:pt>
                <c:pt idx="19">
                  <c:v>0.89998660714285728</c:v>
                </c:pt>
                <c:pt idx="20">
                  <c:v>0.9151071428571429</c:v>
                </c:pt>
                <c:pt idx="21">
                  <c:v>0.93389464285714285</c:v>
                </c:pt>
                <c:pt idx="22">
                  <c:v>0.95715491071428582</c:v>
                </c:pt>
                <c:pt idx="23">
                  <c:v>0.984863839285714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5B5C-4F96-8FE2-55A2A84E32D3}"/>
            </c:ext>
          </c:extLst>
        </c:ser>
        <c:ser>
          <c:idx val="3"/>
          <c:order val="3"/>
          <c:tx>
            <c:strRef>
              <c:f>'Fig 4 a-b'!$J$6:$J$7</c:f>
              <c:strCache>
                <c:ptCount val="2"/>
                <c:pt idx="0">
                  <c:v>S-P-2.6</c:v>
                </c:pt>
                <c:pt idx="1">
                  <c:v>Loading298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4 a-b'!$I$8:$I$38</c:f>
              <c:numCache>
                <c:formatCode>0.000</c:formatCode>
                <c:ptCount val="31"/>
                <c:pt idx="0">
                  <c:v>3.1195230000000001E-2</c:v>
                </c:pt>
                <c:pt idx="1">
                  <c:v>7.8642889999999993E-2</c:v>
                </c:pt>
                <c:pt idx="2">
                  <c:v>0.16442815999999999</c:v>
                </c:pt>
                <c:pt idx="3">
                  <c:v>0.40471240000000003</c:v>
                </c:pt>
                <c:pt idx="4">
                  <c:v>0.43524079999999998</c:v>
                </c:pt>
                <c:pt idx="5">
                  <c:v>1.0376031100000001</c:v>
                </c:pt>
                <c:pt idx="6">
                  <c:v>1.32446986</c:v>
                </c:pt>
                <c:pt idx="7">
                  <c:v>1.7395111000000001</c:v>
                </c:pt>
                <c:pt idx="8">
                  <c:v>3.3732273699999999</c:v>
                </c:pt>
                <c:pt idx="9">
                  <c:v>8.4493445600000001</c:v>
                </c:pt>
                <c:pt idx="10">
                  <c:v>17.039070729999999</c:v>
                </c:pt>
                <c:pt idx="11">
                  <c:v>20.19663941</c:v>
                </c:pt>
                <c:pt idx="12">
                  <c:v>23.915734489999998</c:v>
                </c:pt>
                <c:pt idx="13">
                  <c:v>30.49332442</c:v>
                </c:pt>
                <c:pt idx="14">
                  <c:v>36.647735040000001</c:v>
                </c:pt>
                <c:pt idx="15">
                  <c:v>41.508193550000001</c:v>
                </c:pt>
                <c:pt idx="16">
                  <c:v>45.693192770000003</c:v>
                </c:pt>
                <c:pt idx="17">
                  <c:v>51.353216019999998</c:v>
                </c:pt>
                <c:pt idx="18">
                  <c:v>55.296107849999999</c:v>
                </c:pt>
                <c:pt idx="19">
                  <c:v>59.112859690000001</c:v>
                </c:pt>
                <c:pt idx="20">
                  <c:v>63.157477319999998</c:v>
                </c:pt>
                <c:pt idx="21">
                  <c:v>67.029161090000002</c:v>
                </c:pt>
                <c:pt idx="22">
                  <c:v>70.717738429999997</c:v>
                </c:pt>
                <c:pt idx="23">
                  <c:v>76.467280380000005</c:v>
                </c:pt>
                <c:pt idx="24">
                  <c:v>81.350118559999999</c:v>
                </c:pt>
                <c:pt idx="25">
                  <c:v>86.503547359999999</c:v>
                </c:pt>
                <c:pt idx="26">
                  <c:v>90.188055660000003</c:v>
                </c:pt>
                <c:pt idx="27">
                  <c:v>95.506280250000003</c:v>
                </c:pt>
                <c:pt idx="28">
                  <c:v>99.9</c:v>
                </c:pt>
              </c:numCache>
            </c:numRef>
          </c:xVal>
          <c:yVal>
            <c:numRef>
              <c:f>'Fig 4 a-b'!$J$8:$J$38</c:f>
              <c:numCache>
                <c:formatCode>0.000</c:formatCode>
                <c:ptCount val="31"/>
                <c:pt idx="0">
                  <c:v>0.30918616071428573</c:v>
                </c:pt>
                <c:pt idx="1">
                  <c:v>0.35165044642857146</c:v>
                </c:pt>
                <c:pt idx="2">
                  <c:v>0.3928544642857143</c:v>
                </c:pt>
                <c:pt idx="3">
                  <c:v>0.42531116071428576</c:v>
                </c:pt>
                <c:pt idx="4">
                  <c:v>0.46793035714285719</c:v>
                </c:pt>
                <c:pt idx="5">
                  <c:v>0.5230955357142858</c:v>
                </c:pt>
                <c:pt idx="6">
                  <c:v>0.55047500000000005</c:v>
                </c:pt>
                <c:pt idx="7">
                  <c:v>0.60934821428571428</c:v>
                </c:pt>
                <c:pt idx="8">
                  <c:v>0.66849464285714288</c:v>
                </c:pt>
                <c:pt idx="9">
                  <c:v>0.84037187499999999</c:v>
                </c:pt>
                <c:pt idx="10">
                  <c:v>0.94125401785714291</c:v>
                </c:pt>
                <c:pt idx="11">
                  <c:v>0.95914776785714284</c:v>
                </c:pt>
                <c:pt idx="12">
                  <c:v>0.9780183035714286</c:v>
                </c:pt>
                <c:pt idx="13">
                  <c:v>1.0073642857142857</c:v>
                </c:pt>
                <c:pt idx="14">
                  <c:v>1.0375941964285715</c:v>
                </c:pt>
                <c:pt idx="15">
                  <c:v>1.0612772321428572</c:v>
                </c:pt>
                <c:pt idx="16">
                  <c:v>1.0801888392857144</c:v>
                </c:pt>
                <c:pt idx="17">
                  <c:v>1.1065263392857143</c:v>
                </c:pt>
                <c:pt idx="18">
                  <c:v>1.1230875</c:v>
                </c:pt>
                <c:pt idx="19">
                  <c:v>1.138015625</c:v>
                </c:pt>
                <c:pt idx="20">
                  <c:v>1.1512727678571428</c:v>
                </c:pt>
                <c:pt idx="21">
                  <c:v>1.1781919642857144</c:v>
                </c:pt>
                <c:pt idx="22">
                  <c:v>1.1958419642857143</c:v>
                </c:pt>
                <c:pt idx="23">
                  <c:v>1.2186285714285716</c:v>
                </c:pt>
                <c:pt idx="24">
                  <c:v>1.2320133928571431</c:v>
                </c:pt>
                <c:pt idx="25">
                  <c:v>1.2459276785714286</c:v>
                </c:pt>
                <c:pt idx="26">
                  <c:v>1.2562781250000001</c:v>
                </c:pt>
                <c:pt idx="27">
                  <c:v>1.2708397321428573</c:v>
                </c:pt>
                <c:pt idx="28">
                  <c:v>1.27499999999999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5B5C-4F96-8FE2-55A2A84E32D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4 a-b'!$D$40:$D$41</c:f>
              <c:strCache>
                <c:ptCount val="2"/>
                <c:pt idx="0">
                  <c:v>S-0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4 a-b'!$C$42:$C$69</c:f>
              <c:numCache>
                <c:formatCode>0.000</c:formatCode>
                <c:ptCount val="28"/>
                <c:pt idx="0">
                  <c:v>6.9763550499999996</c:v>
                </c:pt>
                <c:pt idx="1">
                  <c:v>13.52546175</c:v>
                </c:pt>
                <c:pt idx="2">
                  <c:v>20.074568459999998</c:v>
                </c:pt>
                <c:pt idx="3">
                  <c:v>26.84747192</c:v>
                </c:pt>
                <c:pt idx="4">
                  <c:v>33.492200869999998</c:v>
                </c:pt>
                <c:pt idx="5">
                  <c:v>39.878546299999996</c:v>
                </c:pt>
                <c:pt idx="6">
                  <c:v>46.399169790000002</c:v>
                </c:pt>
                <c:pt idx="7">
                  <c:v>53.064243900000001</c:v>
                </c:pt>
                <c:pt idx="8">
                  <c:v>59.951080249999997</c:v>
                </c:pt>
                <c:pt idx="9">
                  <c:v>66.195009569999996</c:v>
                </c:pt>
                <c:pt idx="10">
                  <c:v>72.630183380000005</c:v>
                </c:pt>
                <c:pt idx="11">
                  <c:v>81.706158849999994</c:v>
                </c:pt>
                <c:pt idx="12">
                  <c:v>91.323315539999996</c:v>
                </c:pt>
                <c:pt idx="13">
                  <c:v>99.9</c:v>
                </c:pt>
              </c:numCache>
            </c:numRef>
          </c:xVal>
          <c:yVal>
            <c:numRef>
              <c:f>'Fig 4 a-b'!$D$42:$D$69</c:f>
              <c:numCache>
                <c:formatCode>0.000</c:formatCode>
                <c:ptCount val="28"/>
                <c:pt idx="0">
                  <c:v>3.3080357142857139E-3</c:v>
                </c:pt>
                <c:pt idx="1">
                  <c:v>7.0558035714285705E-3</c:v>
                </c:pt>
                <c:pt idx="2">
                  <c:v>1.1599553571428571E-2</c:v>
                </c:pt>
                <c:pt idx="3">
                  <c:v>1.6769642857142858E-2</c:v>
                </c:pt>
                <c:pt idx="4">
                  <c:v>2.1271428571428573E-2</c:v>
                </c:pt>
                <c:pt idx="5">
                  <c:v>2.5776785714285714E-2</c:v>
                </c:pt>
                <c:pt idx="6">
                  <c:v>3.0244642857142859E-2</c:v>
                </c:pt>
                <c:pt idx="7">
                  <c:v>3.5544196428571428E-2</c:v>
                </c:pt>
                <c:pt idx="8">
                  <c:v>4.1508928571428572E-2</c:v>
                </c:pt>
                <c:pt idx="9">
                  <c:v>4.5795089285714297E-2</c:v>
                </c:pt>
                <c:pt idx="10">
                  <c:v>5.1288839285714288E-2</c:v>
                </c:pt>
                <c:pt idx="11">
                  <c:v>5.7325446428571424E-2</c:v>
                </c:pt>
                <c:pt idx="12">
                  <c:v>6.3580357142857133E-2</c:v>
                </c:pt>
                <c:pt idx="13">
                  <c:v>7.0330803571428568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B5C-4F96-8FE2-55A2A84E32D3}"/>
            </c:ext>
          </c:extLst>
        </c:ser>
        <c:ser>
          <c:idx val="1"/>
          <c:order val="1"/>
          <c:tx>
            <c:strRef>
              <c:f>'Fig 4 a-b'!$F$40:$F$41</c:f>
              <c:strCache>
                <c:ptCount val="2"/>
                <c:pt idx="0">
                  <c:v>S-P-1.4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4 a-b'!$E$42:$E$69</c:f>
              <c:numCache>
                <c:formatCode>0.000</c:formatCode>
                <c:ptCount val="28"/>
                <c:pt idx="0">
                  <c:v>5.4382610199999997</c:v>
                </c:pt>
                <c:pt idx="1">
                  <c:v>12.23354415</c:v>
                </c:pt>
                <c:pt idx="2">
                  <c:v>18.888445690000001</c:v>
                </c:pt>
                <c:pt idx="3">
                  <c:v>25.484346259999999</c:v>
                </c:pt>
                <c:pt idx="4">
                  <c:v>32.127040700000002</c:v>
                </c:pt>
                <c:pt idx="5">
                  <c:v>38.80635642</c:v>
                </c:pt>
                <c:pt idx="6">
                  <c:v>45.538569559999999</c:v>
                </c:pt>
                <c:pt idx="7">
                  <c:v>52.030709819999998</c:v>
                </c:pt>
                <c:pt idx="8">
                  <c:v>58.9989268</c:v>
                </c:pt>
                <c:pt idx="9">
                  <c:v>65.948833140000005</c:v>
                </c:pt>
                <c:pt idx="10">
                  <c:v>72.632217900000001</c:v>
                </c:pt>
                <c:pt idx="11">
                  <c:v>82.430446509999996</c:v>
                </c:pt>
                <c:pt idx="12">
                  <c:v>91.579664550000004</c:v>
                </c:pt>
                <c:pt idx="13">
                  <c:v>99.9</c:v>
                </c:pt>
              </c:numCache>
            </c:numRef>
          </c:xVal>
          <c:yVal>
            <c:numRef>
              <c:f>'Fig 4 a-b'!$F$42:$F$69</c:f>
              <c:numCache>
                <c:formatCode>0.000</c:formatCode>
                <c:ptCount val="28"/>
                <c:pt idx="0">
                  <c:v>2.575E-3</c:v>
                </c:pt>
                <c:pt idx="1">
                  <c:v>6.8986607142857139E-3</c:v>
                </c:pt>
                <c:pt idx="2">
                  <c:v>1.0497321428571429E-2</c:v>
                </c:pt>
                <c:pt idx="3">
                  <c:v>1.4548660714285714E-2</c:v>
                </c:pt>
                <c:pt idx="4">
                  <c:v>1.9067410714285714E-2</c:v>
                </c:pt>
                <c:pt idx="5">
                  <c:v>2.3150892857142859E-2</c:v>
                </c:pt>
                <c:pt idx="6">
                  <c:v>2.6739285714285715E-2</c:v>
                </c:pt>
                <c:pt idx="7">
                  <c:v>2.9448214285714286E-2</c:v>
                </c:pt>
                <c:pt idx="8">
                  <c:v>3.2433928571428579E-2</c:v>
                </c:pt>
                <c:pt idx="9">
                  <c:v>3.6664732142857141E-2</c:v>
                </c:pt>
                <c:pt idx="10">
                  <c:v>4.0245089285714283E-2</c:v>
                </c:pt>
                <c:pt idx="11">
                  <c:v>4.4646874999999996E-2</c:v>
                </c:pt>
                <c:pt idx="12">
                  <c:v>4.8721428571428575E-2</c:v>
                </c:pt>
                <c:pt idx="13">
                  <c:v>5.3193303571428568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5B5C-4F96-8FE2-55A2A84E32D3}"/>
            </c:ext>
          </c:extLst>
        </c:ser>
        <c:ser>
          <c:idx val="2"/>
          <c:order val="2"/>
          <c:tx>
            <c:strRef>
              <c:f>'Fig 4 a-b'!$H$40:$H$41</c:f>
              <c:strCache>
                <c:ptCount val="2"/>
                <c:pt idx="0">
                  <c:v>S-P-1.7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4 a-b'!$G$42:$G$69</c:f>
              <c:numCache>
                <c:formatCode>0.000</c:formatCode>
                <c:ptCount val="28"/>
                <c:pt idx="0">
                  <c:v>14.516271</c:v>
                </c:pt>
                <c:pt idx="1">
                  <c:v>28.48322271</c:v>
                </c:pt>
                <c:pt idx="2">
                  <c:v>41.705541590000003</c:v>
                </c:pt>
                <c:pt idx="3">
                  <c:v>55.36528139</c:v>
                </c:pt>
                <c:pt idx="4">
                  <c:v>68.396355779999993</c:v>
                </c:pt>
                <c:pt idx="5">
                  <c:v>81.089700530000002</c:v>
                </c:pt>
                <c:pt idx="6">
                  <c:v>92.407712520000004</c:v>
                </c:pt>
                <c:pt idx="7">
                  <c:v>96.464537239999999</c:v>
                </c:pt>
                <c:pt idx="8">
                  <c:v>102.88953848</c:v>
                </c:pt>
              </c:numCache>
            </c:numRef>
          </c:xVal>
          <c:yVal>
            <c:numRef>
              <c:f>'Fig 4 a-b'!$H$42:$H$69</c:f>
              <c:numCache>
                <c:formatCode>0.000</c:formatCode>
                <c:ptCount val="28"/>
                <c:pt idx="0">
                  <c:v>9.3433035714285718E-3</c:v>
                </c:pt>
                <c:pt idx="1">
                  <c:v>1.7125000000000001E-2</c:v>
                </c:pt>
                <c:pt idx="2">
                  <c:v>2.4283482142857145E-2</c:v>
                </c:pt>
                <c:pt idx="3">
                  <c:v>3.1406250000000004E-2</c:v>
                </c:pt>
                <c:pt idx="4">
                  <c:v>3.7818303571428576E-2</c:v>
                </c:pt>
                <c:pt idx="5">
                  <c:v>4.3766517857142861E-2</c:v>
                </c:pt>
                <c:pt idx="6">
                  <c:v>4.9239285714285715E-2</c:v>
                </c:pt>
                <c:pt idx="7">
                  <c:v>5.1869196428571428E-2</c:v>
                </c:pt>
                <c:pt idx="8">
                  <c:v>6.1070535714285716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5B5C-4F96-8FE2-55A2A84E32D3}"/>
            </c:ext>
          </c:extLst>
        </c:ser>
        <c:ser>
          <c:idx val="3"/>
          <c:order val="3"/>
          <c:tx>
            <c:strRef>
              <c:f>'Fig 4 a-b'!$J$40:$J$41</c:f>
              <c:strCache>
                <c:ptCount val="2"/>
                <c:pt idx="0">
                  <c:v>S-P-2.6</c:v>
                </c:pt>
                <c:pt idx="1">
                  <c:v>Loading298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4 a-b'!$I$42:$I$69</c:f>
              <c:numCache>
                <c:formatCode>0.000</c:formatCode>
                <c:ptCount val="28"/>
                <c:pt idx="0">
                  <c:v>2.7364239000000001</c:v>
                </c:pt>
                <c:pt idx="1">
                  <c:v>5.3894326399999999</c:v>
                </c:pt>
                <c:pt idx="2">
                  <c:v>8.0281997700000005</c:v>
                </c:pt>
                <c:pt idx="3">
                  <c:v>11.100318789999999</c:v>
                </c:pt>
                <c:pt idx="4">
                  <c:v>14.34333715</c:v>
                </c:pt>
                <c:pt idx="5">
                  <c:v>17.570079379999999</c:v>
                </c:pt>
                <c:pt idx="6">
                  <c:v>20.672716139999999</c:v>
                </c:pt>
                <c:pt idx="7">
                  <c:v>23.93201062</c:v>
                </c:pt>
                <c:pt idx="8">
                  <c:v>27.209615750000001</c:v>
                </c:pt>
                <c:pt idx="9">
                  <c:v>30.422116370000001</c:v>
                </c:pt>
                <c:pt idx="10">
                  <c:v>33.654962140000002</c:v>
                </c:pt>
                <c:pt idx="11">
                  <c:v>36.81253083</c:v>
                </c:pt>
                <c:pt idx="12">
                  <c:v>40.114550149999999</c:v>
                </c:pt>
                <c:pt idx="13">
                  <c:v>44.167305839999997</c:v>
                </c:pt>
                <c:pt idx="14">
                  <c:v>48.297373129999997</c:v>
                </c:pt>
                <c:pt idx="15">
                  <c:v>52.557649439999999</c:v>
                </c:pt>
                <c:pt idx="16">
                  <c:v>56.624646740000003</c:v>
                </c:pt>
                <c:pt idx="17">
                  <c:v>60.730299840000001</c:v>
                </c:pt>
                <c:pt idx="18">
                  <c:v>64.890884869999994</c:v>
                </c:pt>
                <c:pt idx="19">
                  <c:v>68.917191849999995</c:v>
                </c:pt>
                <c:pt idx="20">
                  <c:v>72.959774960000004</c:v>
                </c:pt>
                <c:pt idx="21">
                  <c:v>77.004392580000001</c:v>
                </c:pt>
                <c:pt idx="22">
                  <c:v>81.028665050000001</c:v>
                </c:pt>
                <c:pt idx="23">
                  <c:v>84.967487849999998</c:v>
                </c:pt>
                <c:pt idx="24">
                  <c:v>88.94293193</c:v>
                </c:pt>
                <c:pt idx="25">
                  <c:v>92.676268620000002</c:v>
                </c:pt>
                <c:pt idx="26">
                  <c:v>96.307879510000006</c:v>
                </c:pt>
                <c:pt idx="27">
                  <c:v>99.9</c:v>
                </c:pt>
              </c:numCache>
            </c:numRef>
          </c:xVal>
          <c:yVal>
            <c:numRef>
              <c:f>'Fig 4 a-b'!$J$42:$J$69</c:f>
              <c:numCache>
                <c:formatCode>0.000</c:formatCode>
                <c:ptCount val="28"/>
                <c:pt idx="0">
                  <c:v>3.4276785714285715E-3</c:v>
                </c:pt>
                <c:pt idx="1">
                  <c:v>4.4816964285714278E-3</c:v>
                </c:pt>
                <c:pt idx="2">
                  <c:v>6.3924107142857142E-3</c:v>
                </c:pt>
                <c:pt idx="3">
                  <c:v>7.6633928571428573E-3</c:v>
                </c:pt>
                <c:pt idx="4">
                  <c:v>9.1196428571428574E-3</c:v>
                </c:pt>
                <c:pt idx="5">
                  <c:v>1.063392857142857E-2</c:v>
                </c:pt>
                <c:pt idx="6">
                  <c:v>1.2106696428571428E-2</c:v>
                </c:pt>
                <c:pt idx="7">
                  <c:v>1.4174107142857143E-2</c:v>
                </c:pt>
                <c:pt idx="8">
                  <c:v>1.5636607142857143E-2</c:v>
                </c:pt>
                <c:pt idx="9">
                  <c:v>1.6708035714285713E-2</c:v>
                </c:pt>
                <c:pt idx="10">
                  <c:v>1.8093750000000002E-2</c:v>
                </c:pt>
                <c:pt idx="11">
                  <c:v>1.9609821428571428E-2</c:v>
                </c:pt>
                <c:pt idx="12">
                  <c:v>2.147857142857143E-2</c:v>
                </c:pt>
                <c:pt idx="13">
                  <c:v>2.2897321428571427E-2</c:v>
                </c:pt>
                <c:pt idx="14">
                  <c:v>2.4770089285714281E-2</c:v>
                </c:pt>
                <c:pt idx="15">
                  <c:v>2.6468749999999999E-2</c:v>
                </c:pt>
                <c:pt idx="16">
                  <c:v>2.7595982142857141E-2</c:v>
                </c:pt>
                <c:pt idx="17">
                  <c:v>2.9403571428571428E-2</c:v>
                </c:pt>
                <c:pt idx="18">
                  <c:v>3.1387499999999999E-2</c:v>
                </c:pt>
                <c:pt idx="19">
                  <c:v>3.2245982142857142E-2</c:v>
                </c:pt>
                <c:pt idx="20">
                  <c:v>3.4245535714285714E-2</c:v>
                </c:pt>
                <c:pt idx="21">
                  <c:v>3.5963392857142853E-2</c:v>
                </c:pt>
                <c:pt idx="22">
                  <c:v>3.7587946428571432E-2</c:v>
                </c:pt>
                <c:pt idx="23">
                  <c:v>3.8969642857142862E-2</c:v>
                </c:pt>
                <c:pt idx="24">
                  <c:v>4.0587946428571435E-2</c:v>
                </c:pt>
                <c:pt idx="25">
                  <c:v>4.2246875000000003E-2</c:v>
                </c:pt>
                <c:pt idx="26">
                  <c:v>4.3512053571428573E-2</c:v>
                </c:pt>
                <c:pt idx="27">
                  <c:v>4.459821428571429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5B5C-4F96-8FE2-55A2A84E32D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layout>
            <c:manualLayout>
              <c:xMode val="edge"/>
              <c:yMode val="edge"/>
              <c:x val="0"/>
              <c:y val="0.2829767209632324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4 c-d'!$D$6:$D$7</c:f>
              <c:strCache>
                <c:ptCount val="2"/>
                <c:pt idx="0">
                  <c:v>S-0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4 c-d'!$C$8:$C$38</c:f>
              <c:numCache>
                <c:formatCode>0.000</c:formatCode>
                <c:ptCount val="31"/>
                <c:pt idx="0">
                  <c:v>1.5584391900000001</c:v>
                </c:pt>
                <c:pt idx="1">
                  <c:v>3.4668151100000002</c:v>
                </c:pt>
                <c:pt idx="2">
                  <c:v>6.0608228899999999</c:v>
                </c:pt>
                <c:pt idx="3">
                  <c:v>8.2235133000000005</c:v>
                </c:pt>
                <c:pt idx="4">
                  <c:v>11.26308006</c:v>
                </c:pt>
                <c:pt idx="5">
                  <c:v>20.12136233</c:v>
                </c:pt>
                <c:pt idx="6">
                  <c:v>23.722455480000001</c:v>
                </c:pt>
                <c:pt idx="7">
                  <c:v>28.151596609999999</c:v>
                </c:pt>
                <c:pt idx="8">
                  <c:v>33.646824080000002</c:v>
                </c:pt>
                <c:pt idx="9">
                  <c:v>38.659871269999996</c:v>
                </c:pt>
                <c:pt idx="10">
                  <c:v>43.247704650000003</c:v>
                </c:pt>
                <c:pt idx="11">
                  <c:v>48.106128630000001</c:v>
                </c:pt>
                <c:pt idx="12">
                  <c:v>51.434596659999997</c:v>
                </c:pt>
                <c:pt idx="13">
                  <c:v>54.683718560000003</c:v>
                </c:pt>
                <c:pt idx="14">
                  <c:v>59.497383200000002</c:v>
                </c:pt>
                <c:pt idx="15">
                  <c:v>62.850265419999999</c:v>
                </c:pt>
                <c:pt idx="16">
                  <c:v>66.306907940000002</c:v>
                </c:pt>
                <c:pt idx="17">
                  <c:v>68.36583804</c:v>
                </c:pt>
                <c:pt idx="18">
                  <c:v>73.140846879999998</c:v>
                </c:pt>
                <c:pt idx="19">
                  <c:v>78.253585349999994</c:v>
                </c:pt>
                <c:pt idx="20">
                  <c:v>83.645052509999999</c:v>
                </c:pt>
                <c:pt idx="21">
                  <c:v>88.816791940000002</c:v>
                </c:pt>
                <c:pt idx="22">
                  <c:v>93.886805580000001</c:v>
                </c:pt>
                <c:pt idx="23">
                  <c:v>96.403501759999997</c:v>
                </c:pt>
                <c:pt idx="24">
                  <c:v>99.9</c:v>
                </c:pt>
              </c:numCache>
            </c:numRef>
          </c:xVal>
          <c:yVal>
            <c:numRef>
              <c:f>'Fig 4 c-d'!$D$8:$D$38</c:f>
              <c:numCache>
                <c:formatCode>0.000</c:formatCode>
                <c:ptCount val="31"/>
                <c:pt idx="0">
                  <c:v>7.1312500000000004E-3</c:v>
                </c:pt>
                <c:pt idx="1">
                  <c:v>1.3897321428571431E-2</c:v>
                </c:pt>
                <c:pt idx="2">
                  <c:v>2.3015178571428572E-2</c:v>
                </c:pt>
                <c:pt idx="3">
                  <c:v>3.042544642857143E-2</c:v>
                </c:pt>
                <c:pt idx="4">
                  <c:v>4.056383928571429E-2</c:v>
                </c:pt>
                <c:pt idx="5">
                  <c:v>6.1441071428571428E-2</c:v>
                </c:pt>
                <c:pt idx="6">
                  <c:v>6.9531696428571432E-2</c:v>
                </c:pt>
                <c:pt idx="7">
                  <c:v>8.3895089285714292E-2</c:v>
                </c:pt>
                <c:pt idx="8">
                  <c:v>0.10130044642857144</c:v>
                </c:pt>
                <c:pt idx="9">
                  <c:v>0.11844642857142858</c:v>
                </c:pt>
                <c:pt idx="10">
                  <c:v>0.13707276785714287</c:v>
                </c:pt>
                <c:pt idx="11">
                  <c:v>0.15719642857142857</c:v>
                </c:pt>
                <c:pt idx="12">
                  <c:v>0.17038705357142858</c:v>
                </c:pt>
                <c:pt idx="13">
                  <c:v>0.18271562500000002</c:v>
                </c:pt>
                <c:pt idx="14">
                  <c:v>0.19852276785714287</c:v>
                </c:pt>
                <c:pt idx="15">
                  <c:v>0.2104830357142857</c:v>
                </c:pt>
                <c:pt idx="16">
                  <c:v>0.22283526785714286</c:v>
                </c:pt>
                <c:pt idx="17">
                  <c:v>0.23174955357142857</c:v>
                </c:pt>
                <c:pt idx="18">
                  <c:v>0.24691428571428573</c:v>
                </c:pt>
                <c:pt idx="19">
                  <c:v>0.26351428571428576</c:v>
                </c:pt>
                <c:pt idx="20">
                  <c:v>0.27913125</c:v>
                </c:pt>
                <c:pt idx="21">
                  <c:v>0.29401964285714288</c:v>
                </c:pt>
                <c:pt idx="22">
                  <c:v>0.31058973214285718</c:v>
                </c:pt>
                <c:pt idx="23">
                  <c:v>0.31887946428571429</c:v>
                </c:pt>
                <c:pt idx="24">
                  <c:v>0.3306857142857143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A7E-47E9-A3C3-53591589A7C0}"/>
            </c:ext>
          </c:extLst>
        </c:ser>
        <c:ser>
          <c:idx val="1"/>
          <c:order val="1"/>
          <c:tx>
            <c:strRef>
              <c:f>'Fig 4 c-d'!$F$6:$F$7</c:f>
              <c:strCache>
                <c:ptCount val="2"/>
                <c:pt idx="0">
                  <c:v>S-P-1.4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4 c-d'!$E$8:$E$38</c:f>
              <c:numCache>
                <c:formatCode>0.000</c:formatCode>
                <c:ptCount val="31"/>
                <c:pt idx="0">
                  <c:v>1.46281694</c:v>
                </c:pt>
                <c:pt idx="1">
                  <c:v>2.0426539699999999</c:v>
                </c:pt>
                <c:pt idx="2">
                  <c:v>2.7486309900000001</c:v>
                </c:pt>
                <c:pt idx="3">
                  <c:v>4.2053443799999997</c:v>
                </c:pt>
                <c:pt idx="4">
                  <c:v>6.3924489800000002</c:v>
                </c:pt>
                <c:pt idx="5">
                  <c:v>7.8979907499999999</c:v>
                </c:pt>
                <c:pt idx="6">
                  <c:v>9.31604834</c:v>
                </c:pt>
                <c:pt idx="7">
                  <c:v>14.28026715</c:v>
                </c:pt>
                <c:pt idx="8">
                  <c:v>19.246520490000002</c:v>
                </c:pt>
                <c:pt idx="9">
                  <c:v>23.23213715</c:v>
                </c:pt>
                <c:pt idx="10">
                  <c:v>26.94105965</c:v>
                </c:pt>
                <c:pt idx="11">
                  <c:v>31.44140883</c:v>
                </c:pt>
                <c:pt idx="12">
                  <c:v>35.064881669999998</c:v>
                </c:pt>
                <c:pt idx="13">
                  <c:v>38.55814548</c:v>
                </c:pt>
                <c:pt idx="14">
                  <c:v>41.365777430000001</c:v>
                </c:pt>
                <c:pt idx="15">
                  <c:v>45.282220549999998</c:v>
                </c:pt>
                <c:pt idx="16">
                  <c:v>47.937263809999997</c:v>
                </c:pt>
                <c:pt idx="17">
                  <c:v>52.767204579999998</c:v>
                </c:pt>
                <c:pt idx="18">
                  <c:v>56.384573860000003</c:v>
                </c:pt>
                <c:pt idx="19">
                  <c:v>60.726230809999997</c:v>
                </c:pt>
                <c:pt idx="20">
                  <c:v>64.323254930000004</c:v>
                </c:pt>
                <c:pt idx="21">
                  <c:v>67.647653930000004</c:v>
                </c:pt>
                <c:pt idx="22">
                  <c:v>70.805222610000001</c:v>
                </c:pt>
                <c:pt idx="23">
                  <c:v>74.894599589999999</c:v>
                </c:pt>
                <c:pt idx="24">
                  <c:v>79.410207645</c:v>
                </c:pt>
                <c:pt idx="25">
                  <c:v>85.075317190000007</c:v>
                </c:pt>
                <c:pt idx="26">
                  <c:v>89.75470378</c:v>
                </c:pt>
                <c:pt idx="27">
                  <c:v>93.127931149999995</c:v>
                </c:pt>
                <c:pt idx="28">
                  <c:v>97.015891049999993</c:v>
                </c:pt>
                <c:pt idx="29">
                  <c:v>99.9</c:v>
                </c:pt>
              </c:numCache>
            </c:numRef>
          </c:xVal>
          <c:yVal>
            <c:numRef>
              <c:f>'Fig 4 c-d'!$F$8:$F$38</c:f>
              <c:numCache>
                <c:formatCode>0.000</c:formatCode>
                <c:ptCount val="31"/>
                <c:pt idx="0">
                  <c:v>5.2337500000000009E-2</c:v>
                </c:pt>
                <c:pt idx="1">
                  <c:v>7.9339285714285709E-2</c:v>
                </c:pt>
                <c:pt idx="2">
                  <c:v>9.7170982142857146E-2</c:v>
                </c:pt>
                <c:pt idx="3">
                  <c:v>0.12503035714285715</c:v>
                </c:pt>
                <c:pt idx="4">
                  <c:v>0.15036696428571431</c:v>
                </c:pt>
                <c:pt idx="5">
                  <c:v>0.16653214285714285</c:v>
                </c:pt>
                <c:pt idx="6">
                  <c:v>0.1815825892857143</c:v>
                </c:pt>
                <c:pt idx="7">
                  <c:v>0.21495178571428572</c:v>
                </c:pt>
                <c:pt idx="8">
                  <c:v>0.24505892857142861</c:v>
                </c:pt>
                <c:pt idx="9">
                  <c:v>0.26521785714285717</c:v>
                </c:pt>
                <c:pt idx="10">
                  <c:v>0.28454107142857143</c:v>
                </c:pt>
                <c:pt idx="11">
                  <c:v>0.30615044642857148</c:v>
                </c:pt>
                <c:pt idx="12">
                  <c:v>0.32199955357142862</c:v>
                </c:pt>
                <c:pt idx="13">
                  <c:v>0.33490669642857146</c:v>
                </c:pt>
                <c:pt idx="14">
                  <c:v>0.34890044642857143</c:v>
                </c:pt>
                <c:pt idx="15">
                  <c:v>0.36385848214285715</c:v>
                </c:pt>
                <c:pt idx="16">
                  <c:v>0.37370357142857147</c:v>
                </c:pt>
                <c:pt idx="17">
                  <c:v>0.39545937500000006</c:v>
                </c:pt>
                <c:pt idx="18">
                  <c:v>0.40725669642857149</c:v>
                </c:pt>
                <c:pt idx="19">
                  <c:v>0.4225330357142858</c:v>
                </c:pt>
                <c:pt idx="20">
                  <c:v>0.43572500000000003</c:v>
                </c:pt>
                <c:pt idx="21">
                  <c:v>0.44593883928571432</c:v>
                </c:pt>
                <c:pt idx="22">
                  <c:v>0.45594642857142864</c:v>
                </c:pt>
                <c:pt idx="23">
                  <c:v>0.47164553571428575</c:v>
                </c:pt>
                <c:pt idx="24">
                  <c:v>0.48403125000000002</c:v>
                </c:pt>
                <c:pt idx="25">
                  <c:v>0.5029946428571429</c:v>
                </c:pt>
                <c:pt idx="26">
                  <c:v>0.52437544642857148</c:v>
                </c:pt>
                <c:pt idx="27">
                  <c:v>0.54407053571428576</c:v>
                </c:pt>
                <c:pt idx="28">
                  <c:v>0.55584196428571431</c:v>
                </c:pt>
                <c:pt idx="29">
                  <c:v>0.5643799107142857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8A7E-47E9-A3C3-53591589A7C0}"/>
            </c:ext>
          </c:extLst>
        </c:ser>
        <c:ser>
          <c:idx val="2"/>
          <c:order val="2"/>
          <c:tx>
            <c:strRef>
              <c:f>'Fig 4 c-d'!$H$6:$H$7</c:f>
              <c:strCache>
                <c:ptCount val="2"/>
                <c:pt idx="0">
                  <c:v>S-P-1.7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4 c-d'!$G$8:$G$39</c:f>
              <c:numCache>
                <c:formatCode>0.000</c:formatCode>
                <c:ptCount val="32"/>
                <c:pt idx="0">
                  <c:v>0.16646683000000001</c:v>
                </c:pt>
                <c:pt idx="1">
                  <c:v>0.95615521999999997</c:v>
                </c:pt>
                <c:pt idx="2">
                  <c:v>2.3905561899999999</c:v>
                </c:pt>
                <c:pt idx="3">
                  <c:v>3.7923376499999999</c:v>
                </c:pt>
                <c:pt idx="4">
                  <c:v>5.2327749099999998</c:v>
                </c:pt>
                <c:pt idx="5">
                  <c:v>6.8685257000000002</c:v>
                </c:pt>
                <c:pt idx="6">
                  <c:v>8.4635861800000001</c:v>
                </c:pt>
                <c:pt idx="7">
                  <c:v>10.900936229999999</c:v>
                </c:pt>
                <c:pt idx="8">
                  <c:v>13.25080211</c:v>
                </c:pt>
                <c:pt idx="9">
                  <c:v>15.720704420000001</c:v>
                </c:pt>
                <c:pt idx="10">
                  <c:v>18.908790840000002</c:v>
                </c:pt>
                <c:pt idx="11">
                  <c:v>22.233189840000001</c:v>
                </c:pt>
                <c:pt idx="12">
                  <c:v>25.783420100000001</c:v>
                </c:pt>
                <c:pt idx="13">
                  <c:v>28.940988780000001</c:v>
                </c:pt>
                <c:pt idx="14">
                  <c:v>32.118902630000001</c:v>
                </c:pt>
                <c:pt idx="15">
                  <c:v>35.571476130000001</c:v>
                </c:pt>
                <c:pt idx="16">
                  <c:v>38.796183839999998</c:v>
                </c:pt>
                <c:pt idx="17">
                  <c:v>42.315896360000004</c:v>
                </c:pt>
                <c:pt idx="18">
                  <c:v>45.587397940000002</c:v>
                </c:pt>
                <c:pt idx="19">
                  <c:v>49.054213050000001</c:v>
                </c:pt>
                <c:pt idx="20">
                  <c:v>52.820101989999998</c:v>
                </c:pt>
                <c:pt idx="21">
                  <c:v>57.30620957</c:v>
                </c:pt>
                <c:pt idx="22">
                  <c:v>61.91031907</c:v>
                </c:pt>
                <c:pt idx="23">
                  <c:v>66.422875349999998</c:v>
                </c:pt>
                <c:pt idx="24">
                  <c:v>70.799119070000003</c:v>
                </c:pt>
                <c:pt idx="25">
                  <c:v>75.075671499999999</c:v>
                </c:pt>
                <c:pt idx="26">
                  <c:v>79.895439690000003</c:v>
                </c:pt>
                <c:pt idx="27">
                  <c:v>84.133336319999998</c:v>
                </c:pt>
                <c:pt idx="28">
                  <c:v>88.647927120000006</c:v>
                </c:pt>
                <c:pt idx="29">
                  <c:v>93.099447929999997</c:v>
                </c:pt>
                <c:pt idx="30">
                  <c:v>97.408552619999995</c:v>
                </c:pt>
                <c:pt idx="31">
                  <c:v>99.9</c:v>
                </c:pt>
              </c:numCache>
            </c:numRef>
          </c:xVal>
          <c:yVal>
            <c:numRef>
              <c:f>'Fig 4 c-d'!$H$8:$H$39</c:f>
              <c:numCache>
                <c:formatCode>0.000</c:formatCode>
                <c:ptCount val="32"/>
                <c:pt idx="0">
                  <c:v>0.12786250000000002</c:v>
                </c:pt>
                <c:pt idx="1">
                  <c:v>0.18857499999999999</c:v>
                </c:pt>
                <c:pt idx="2">
                  <c:v>0.237221875</c:v>
                </c:pt>
                <c:pt idx="3">
                  <c:v>0.26030714285714285</c:v>
                </c:pt>
                <c:pt idx="4">
                  <c:v>0.28527589285714289</c:v>
                </c:pt>
                <c:pt idx="5">
                  <c:v>0.30396696428571429</c:v>
                </c:pt>
                <c:pt idx="6">
                  <c:v>0.32027500000000003</c:v>
                </c:pt>
                <c:pt idx="7">
                  <c:v>0.33955758928571433</c:v>
                </c:pt>
                <c:pt idx="8">
                  <c:v>0.36191875000000001</c:v>
                </c:pt>
                <c:pt idx="9">
                  <c:v>0.37677321428571431</c:v>
                </c:pt>
                <c:pt idx="10">
                  <c:v>0.39386339285714289</c:v>
                </c:pt>
                <c:pt idx="11">
                  <c:v>0.41160535714285718</c:v>
                </c:pt>
                <c:pt idx="12">
                  <c:v>0.43447723214285722</c:v>
                </c:pt>
                <c:pt idx="13">
                  <c:v>0.45076339285714284</c:v>
                </c:pt>
                <c:pt idx="14">
                  <c:v>0.46433750000000007</c:v>
                </c:pt>
                <c:pt idx="15">
                  <c:v>0.47849151785714283</c:v>
                </c:pt>
                <c:pt idx="16">
                  <c:v>0.49576874999999998</c:v>
                </c:pt>
                <c:pt idx="17">
                  <c:v>0.51074955357142859</c:v>
                </c:pt>
                <c:pt idx="18">
                  <c:v>0.52277276785714288</c:v>
                </c:pt>
                <c:pt idx="19">
                  <c:v>0.53465267857142862</c:v>
                </c:pt>
                <c:pt idx="20">
                  <c:v>0.54738035714285715</c:v>
                </c:pt>
                <c:pt idx="21">
                  <c:v>0.56645937499999999</c:v>
                </c:pt>
                <c:pt idx="22">
                  <c:v>0.58347455357142863</c:v>
                </c:pt>
                <c:pt idx="23">
                  <c:v>0.59734017857142863</c:v>
                </c:pt>
                <c:pt idx="24">
                  <c:v>0.60905625000000008</c:v>
                </c:pt>
                <c:pt idx="25">
                  <c:v>0.61978303571428572</c:v>
                </c:pt>
                <c:pt idx="26">
                  <c:v>0.63471785714285722</c:v>
                </c:pt>
                <c:pt idx="27">
                  <c:v>0.64542053571428581</c:v>
                </c:pt>
                <c:pt idx="28">
                  <c:v>0.65686964285714289</c:v>
                </c:pt>
                <c:pt idx="29">
                  <c:v>0.66843928571428568</c:v>
                </c:pt>
                <c:pt idx="30">
                  <c:v>0.67939419642857146</c:v>
                </c:pt>
                <c:pt idx="31">
                  <c:v>0.690254910714285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8A7E-47E9-A3C3-53591589A7C0}"/>
            </c:ext>
          </c:extLst>
        </c:ser>
        <c:ser>
          <c:idx val="3"/>
          <c:order val="3"/>
          <c:tx>
            <c:strRef>
              <c:f>'Fig 4 c-d'!$J$6:$J$7</c:f>
              <c:strCache>
                <c:ptCount val="2"/>
                <c:pt idx="0">
                  <c:v>S-P-2.6</c:v>
                </c:pt>
                <c:pt idx="1">
                  <c:v>Loading313co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4 c-d'!$I$8:$I$39</c:f>
              <c:numCache>
                <c:formatCode>0.000</c:formatCode>
                <c:ptCount val="32"/>
                <c:pt idx="0">
                  <c:v>0.27850468</c:v>
                </c:pt>
                <c:pt idx="1">
                  <c:v>0.29072079000000001</c:v>
                </c:pt>
                <c:pt idx="2">
                  <c:v>0.32532957000000001</c:v>
                </c:pt>
                <c:pt idx="3">
                  <c:v>0.42302962</c:v>
                </c:pt>
                <c:pt idx="4">
                  <c:v>0.61635468000000004</c:v>
                </c:pt>
                <c:pt idx="5">
                  <c:v>0.91546194999999997</c:v>
                </c:pt>
                <c:pt idx="6">
                  <c:v>1.3122627600000001</c:v>
                </c:pt>
                <c:pt idx="7">
                  <c:v>1.78020142</c:v>
                </c:pt>
                <c:pt idx="8">
                  <c:v>2.9663241899999999</c:v>
                </c:pt>
                <c:pt idx="9">
                  <c:v>4.2602763100000001</c:v>
                </c:pt>
                <c:pt idx="10">
                  <c:v>6.4494154300000002</c:v>
                </c:pt>
                <c:pt idx="11">
                  <c:v>8.5063110099999992</c:v>
                </c:pt>
                <c:pt idx="12">
                  <c:v>13.134834700000001</c:v>
                </c:pt>
                <c:pt idx="13">
                  <c:v>15.496907670000001</c:v>
                </c:pt>
                <c:pt idx="14">
                  <c:v>20.056257819999999</c:v>
                </c:pt>
                <c:pt idx="15">
                  <c:v>24.692919570000001</c:v>
                </c:pt>
                <c:pt idx="16">
                  <c:v>30.190181549999998</c:v>
                </c:pt>
                <c:pt idx="17">
                  <c:v>34.411802059999999</c:v>
                </c:pt>
                <c:pt idx="18">
                  <c:v>38.053585529999999</c:v>
                </c:pt>
                <c:pt idx="19">
                  <c:v>41.495986449999997</c:v>
                </c:pt>
                <c:pt idx="20">
                  <c:v>47.406255160000001</c:v>
                </c:pt>
                <c:pt idx="21">
                  <c:v>50.862897689999997</c:v>
                </c:pt>
                <c:pt idx="22">
                  <c:v>53.208694530000002</c:v>
                </c:pt>
                <c:pt idx="23">
                  <c:v>59.432278689999997</c:v>
                </c:pt>
                <c:pt idx="24">
                  <c:v>64.512464910000006</c:v>
                </c:pt>
                <c:pt idx="25">
                  <c:v>71.533579309999993</c:v>
                </c:pt>
                <c:pt idx="26">
                  <c:v>75.869132710000002</c:v>
                </c:pt>
                <c:pt idx="27">
                  <c:v>79.773368730000001</c:v>
                </c:pt>
                <c:pt idx="28">
                  <c:v>85.937951929999997</c:v>
                </c:pt>
                <c:pt idx="29">
                  <c:v>89.785221519999993</c:v>
                </c:pt>
                <c:pt idx="30">
                  <c:v>95.821630209999995</c:v>
                </c:pt>
                <c:pt idx="31">
                  <c:v>99.280378119999995</c:v>
                </c:pt>
              </c:numCache>
            </c:numRef>
          </c:xVal>
          <c:yVal>
            <c:numRef>
              <c:f>'Fig 4 c-d'!$J$8:$J$39</c:f>
              <c:numCache>
                <c:formatCode>0.000</c:formatCode>
                <c:ptCount val="32"/>
                <c:pt idx="0">
                  <c:v>8.9101339285714287E-2</c:v>
                </c:pt>
                <c:pt idx="1">
                  <c:v>0.15485714285714286</c:v>
                </c:pt>
                <c:pt idx="2">
                  <c:v>0.21880625000000001</c:v>
                </c:pt>
                <c:pt idx="3">
                  <c:v>0.27998616071428573</c:v>
                </c:pt>
                <c:pt idx="4">
                  <c:v>0.33510535714285716</c:v>
                </c:pt>
                <c:pt idx="5">
                  <c:v>0.38445625</c:v>
                </c:pt>
                <c:pt idx="6">
                  <c:v>0.42772008928571431</c:v>
                </c:pt>
                <c:pt idx="7">
                  <c:v>0.46553303571428573</c:v>
                </c:pt>
                <c:pt idx="8">
                  <c:v>0.51973035714285709</c:v>
                </c:pt>
                <c:pt idx="9">
                  <c:v>0.56554955357142855</c:v>
                </c:pt>
                <c:pt idx="10">
                  <c:v>0.60937678571428577</c:v>
                </c:pt>
                <c:pt idx="11">
                  <c:v>0.64913928571428581</c:v>
                </c:pt>
                <c:pt idx="12">
                  <c:v>0.69374776785714287</c:v>
                </c:pt>
                <c:pt idx="13">
                  <c:v>0.71375758928571431</c:v>
                </c:pt>
                <c:pt idx="14">
                  <c:v>0.74444151785714285</c:v>
                </c:pt>
                <c:pt idx="15">
                  <c:v>0.77488526785714296</c:v>
                </c:pt>
                <c:pt idx="16">
                  <c:v>0.81092767857142867</c:v>
                </c:pt>
                <c:pt idx="17">
                  <c:v>0.83014017857142863</c:v>
                </c:pt>
                <c:pt idx="18">
                  <c:v>0.85378258928571427</c:v>
                </c:pt>
                <c:pt idx="19">
                  <c:v>0.86751696428571423</c:v>
                </c:pt>
                <c:pt idx="20">
                  <c:v>0.90150357142857152</c:v>
                </c:pt>
                <c:pt idx="21">
                  <c:v>0.91630580357142866</c:v>
                </c:pt>
                <c:pt idx="22">
                  <c:v>0.93149196428571435</c:v>
                </c:pt>
                <c:pt idx="23">
                  <c:v>0.95945044642857147</c:v>
                </c:pt>
                <c:pt idx="24">
                  <c:v>0.97780223214285722</c:v>
                </c:pt>
                <c:pt idx="25">
                  <c:v>0.99955892857142858</c:v>
                </c:pt>
                <c:pt idx="26">
                  <c:v>1.0160205357142857</c:v>
                </c:pt>
                <c:pt idx="27">
                  <c:v>1.0282397321428571</c:v>
                </c:pt>
                <c:pt idx="28">
                  <c:v>1.0442017857142858</c:v>
                </c:pt>
                <c:pt idx="29">
                  <c:v>1.0547263392857142</c:v>
                </c:pt>
                <c:pt idx="30">
                  <c:v>1.0719491071428571</c:v>
                </c:pt>
                <c:pt idx="31">
                  <c:v>1.091964285714285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8A7E-47E9-A3C3-53591589A7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4 c-d'!$D$41:$D$42</c:f>
              <c:strCache>
                <c:ptCount val="2"/>
                <c:pt idx="0">
                  <c:v>S-0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4 c-d'!$C$43:$C$69</c:f>
              <c:numCache>
                <c:formatCode>0.000</c:formatCode>
                <c:ptCount val="27"/>
                <c:pt idx="0">
                  <c:v>4.8116301200000002</c:v>
                </c:pt>
                <c:pt idx="1">
                  <c:v>10.477756919999999</c:v>
                </c:pt>
                <c:pt idx="2">
                  <c:v>15.39518187</c:v>
                </c:pt>
                <c:pt idx="3">
                  <c:v>20.416367130000001</c:v>
                </c:pt>
                <c:pt idx="4">
                  <c:v>25.39889659</c:v>
                </c:pt>
                <c:pt idx="5">
                  <c:v>30.16576736</c:v>
                </c:pt>
                <c:pt idx="6">
                  <c:v>35.258160680000003</c:v>
                </c:pt>
                <c:pt idx="7">
                  <c:v>40.157274979999997</c:v>
                </c:pt>
                <c:pt idx="8">
                  <c:v>45.510086340000001</c:v>
                </c:pt>
                <c:pt idx="9">
                  <c:v>50.372579350000002</c:v>
                </c:pt>
                <c:pt idx="10">
                  <c:v>55.609423300000003</c:v>
                </c:pt>
                <c:pt idx="11">
                  <c:v>60.514641150000003</c:v>
                </c:pt>
                <c:pt idx="12">
                  <c:v>65.314064180000003</c:v>
                </c:pt>
                <c:pt idx="13">
                  <c:v>70.441044270000006</c:v>
                </c:pt>
                <c:pt idx="14">
                  <c:v>77.071531609999994</c:v>
                </c:pt>
                <c:pt idx="15">
                  <c:v>83.752881849999994</c:v>
                </c:pt>
                <c:pt idx="16">
                  <c:v>90.324368230000005</c:v>
                </c:pt>
                <c:pt idx="17">
                  <c:v>96.586608190000007</c:v>
                </c:pt>
                <c:pt idx="18">
                  <c:v>99.9</c:v>
                </c:pt>
              </c:numCache>
            </c:numRef>
          </c:xVal>
          <c:yVal>
            <c:numRef>
              <c:f>'Fig 4 c-d'!$D$43:$D$69</c:f>
              <c:numCache>
                <c:formatCode>0.000</c:formatCode>
                <c:ptCount val="27"/>
                <c:pt idx="0">
                  <c:v>1.4455357142857143E-3</c:v>
                </c:pt>
                <c:pt idx="1">
                  <c:v>3.4160714285714289E-3</c:v>
                </c:pt>
                <c:pt idx="2">
                  <c:v>6.7218750000000013E-3</c:v>
                </c:pt>
                <c:pt idx="3">
                  <c:v>9.0888392857142852E-3</c:v>
                </c:pt>
                <c:pt idx="4">
                  <c:v>1.1210714285714286E-2</c:v>
                </c:pt>
                <c:pt idx="5">
                  <c:v>1.3801339285714285E-2</c:v>
                </c:pt>
                <c:pt idx="6">
                  <c:v>1.7209821428571428E-2</c:v>
                </c:pt>
                <c:pt idx="7">
                  <c:v>1.9731696428571428E-2</c:v>
                </c:pt>
                <c:pt idx="8">
                  <c:v>2.2621875E-2</c:v>
                </c:pt>
                <c:pt idx="9">
                  <c:v>2.5388392857142852E-2</c:v>
                </c:pt>
                <c:pt idx="10">
                  <c:v>2.83875E-2</c:v>
                </c:pt>
                <c:pt idx="11">
                  <c:v>3.0935714285714289E-2</c:v>
                </c:pt>
                <c:pt idx="12">
                  <c:v>3.3582589285714289E-2</c:v>
                </c:pt>
                <c:pt idx="13">
                  <c:v>3.6104017857142852E-2</c:v>
                </c:pt>
                <c:pt idx="14">
                  <c:v>3.9410267857142856E-2</c:v>
                </c:pt>
                <c:pt idx="15">
                  <c:v>4.2754464285714285E-2</c:v>
                </c:pt>
                <c:pt idx="16">
                  <c:v>4.6172767857142853E-2</c:v>
                </c:pt>
                <c:pt idx="17">
                  <c:v>4.9674107142857145E-2</c:v>
                </c:pt>
                <c:pt idx="18">
                  <c:v>5.3936607142857147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F63-48FD-878A-BC06F7DA91C1}"/>
            </c:ext>
          </c:extLst>
        </c:ser>
        <c:ser>
          <c:idx val="1"/>
          <c:order val="1"/>
          <c:tx>
            <c:strRef>
              <c:f>'Fig 4 c-d'!$F$41:$F$42</c:f>
              <c:strCache>
                <c:ptCount val="2"/>
                <c:pt idx="0">
                  <c:v>S-P-1.4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4 c-d'!$E$43:$E$65</c:f>
              <c:numCache>
                <c:formatCode>0.000</c:formatCode>
                <c:ptCount val="23"/>
                <c:pt idx="0">
                  <c:v>2.1382762199999998</c:v>
                </c:pt>
                <c:pt idx="1">
                  <c:v>4.7444911000000003</c:v>
                </c:pt>
                <c:pt idx="2">
                  <c:v>7.39749984</c:v>
                </c:pt>
                <c:pt idx="3">
                  <c:v>8.9315248300000007</c:v>
                </c:pt>
                <c:pt idx="4">
                  <c:v>13.93236493</c:v>
                </c:pt>
                <c:pt idx="5">
                  <c:v>18.389989289999999</c:v>
                </c:pt>
                <c:pt idx="6">
                  <c:v>23.868940630000001</c:v>
                </c:pt>
                <c:pt idx="7">
                  <c:v>27.83624665</c:v>
                </c:pt>
                <c:pt idx="8">
                  <c:v>32.314216160000001</c:v>
                </c:pt>
                <c:pt idx="9">
                  <c:v>36.991568229999999</c:v>
                </c:pt>
                <c:pt idx="10">
                  <c:v>41.400364199999999</c:v>
                </c:pt>
                <c:pt idx="11">
                  <c:v>46.72876136</c:v>
                </c:pt>
                <c:pt idx="12">
                  <c:v>52.655306199999998</c:v>
                </c:pt>
                <c:pt idx="13">
                  <c:v>58.866683270000003</c:v>
                </c:pt>
                <c:pt idx="14">
                  <c:v>64.915299059999995</c:v>
                </c:pt>
                <c:pt idx="15">
                  <c:v>67.731069079999997</c:v>
                </c:pt>
                <c:pt idx="16">
                  <c:v>73.777650350000002</c:v>
                </c:pt>
                <c:pt idx="17">
                  <c:v>79.523123279999993</c:v>
                </c:pt>
                <c:pt idx="18">
                  <c:v>85.360149419999999</c:v>
                </c:pt>
                <c:pt idx="19">
                  <c:v>90.655994320000005</c:v>
                </c:pt>
                <c:pt idx="20">
                  <c:v>96.307879510000006</c:v>
                </c:pt>
                <c:pt idx="21">
                  <c:v>98.635365710000002</c:v>
                </c:pt>
                <c:pt idx="22">
                  <c:v>99.9</c:v>
                </c:pt>
              </c:numCache>
            </c:numRef>
          </c:xVal>
          <c:yVal>
            <c:numRef>
              <c:f>'Fig 4 c-d'!$F$43:$F$65</c:f>
              <c:numCache>
                <c:formatCode>0.000</c:formatCode>
                <c:ptCount val="23"/>
                <c:pt idx="0">
                  <c:v>1.9455357142857143E-3</c:v>
                </c:pt>
                <c:pt idx="1">
                  <c:v>3.9464285714285721E-3</c:v>
                </c:pt>
                <c:pt idx="2">
                  <c:v>5.5870535714285718E-3</c:v>
                </c:pt>
                <c:pt idx="3">
                  <c:v>6.4977678571428573E-3</c:v>
                </c:pt>
                <c:pt idx="4">
                  <c:v>8.6388392857142862E-3</c:v>
                </c:pt>
                <c:pt idx="5">
                  <c:v>1.0975E-2</c:v>
                </c:pt>
                <c:pt idx="6">
                  <c:v>1.397767857142857E-2</c:v>
                </c:pt>
                <c:pt idx="7">
                  <c:v>1.6225E-2</c:v>
                </c:pt>
                <c:pt idx="8">
                  <c:v>1.8410267857142858E-2</c:v>
                </c:pt>
                <c:pt idx="9">
                  <c:v>2.0504464285714286E-2</c:v>
                </c:pt>
                <c:pt idx="10">
                  <c:v>2.2836160714285715E-2</c:v>
                </c:pt>
                <c:pt idx="11">
                  <c:v>2.4977678571428571E-2</c:v>
                </c:pt>
                <c:pt idx="12">
                  <c:v>2.7504464285714288E-2</c:v>
                </c:pt>
                <c:pt idx="13">
                  <c:v>3.0344196428571429E-2</c:v>
                </c:pt>
                <c:pt idx="14">
                  <c:v>3.2988839285714285E-2</c:v>
                </c:pt>
                <c:pt idx="15">
                  <c:v>3.4249107142857144E-2</c:v>
                </c:pt>
                <c:pt idx="16">
                  <c:v>3.6251339285714286E-2</c:v>
                </c:pt>
                <c:pt idx="17">
                  <c:v>3.8480357142857143E-2</c:v>
                </c:pt>
                <c:pt idx="18">
                  <c:v>4.0834374999999999E-2</c:v>
                </c:pt>
                <c:pt idx="19">
                  <c:v>4.2895535714285712E-2</c:v>
                </c:pt>
                <c:pt idx="20">
                  <c:v>4.4873214285714287E-2</c:v>
                </c:pt>
                <c:pt idx="21">
                  <c:v>4.5879464285714287E-2</c:v>
                </c:pt>
                <c:pt idx="22">
                  <c:v>4.8348660714285716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9F63-48FD-878A-BC06F7DA91C1}"/>
            </c:ext>
          </c:extLst>
        </c:ser>
        <c:ser>
          <c:idx val="2"/>
          <c:order val="2"/>
          <c:tx>
            <c:strRef>
              <c:f>'Fig 4 c-d'!$H$41:$H$42</c:f>
              <c:strCache>
                <c:ptCount val="2"/>
                <c:pt idx="0">
                  <c:v>S-P-1.7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4 c-d'!$G$43:$G$68</c:f>
              <c:numCache>
                <c:formatCode>0.000</c:formatCode>
                <c:ptCount val="26"/>
                <c:pt idx="0">
                  <c:v>14.27619812</c:v>
                </c:pt>
                <c:pt idx="1">
                  <c:v>27.687726990000002</c:v>
                </c:pt>
                <c:pt idx="2">
                  <c:v>41.237602930000001</c:v>
                </c:pt>
                <c:pt idx="3">
                  <c:v>55.16996786</c:v>
                </c:pt>
                <c:pt idx="4">
                  <c:v>68.56928963</c:v>
                </c:pt>
                <c:pt idx="5">
                  <c:v>81.421326620000002</c:v>
                </c:pt>
                <c:pt idx="6">
                  <c:v>93.191001139999997</c:v>
                </c:pt>
                <c:pt idx="7">
                  <c:v>97.522485509999996</c:v>
                </c:pt>
                <c:pt idx="8">
                  <c:v>102.99940233</c:v>
                </c:pt>
              </c:numCache>
            </c:numRef>
          </c:xVal>
          <c:yVal>
            <c:numRef>
              <c:f>'Fig 4 c-d'!$H$43:$H$68</c:f>
              <c:numCache>
                <c:formatCode>0.000</c:formatCode>
                <c:ptCount val="26"/>
                <c:pt idx="0">
                  <c:v>7.4008928571428585E-3</c:v>
                </c:pt>
                <c:pt idx="1">
                  <c:v>1.2637946428571429E-2</c:v>
                </c:pt>
                <c:pt idx="2">
                  <c:v>1.7241071428571429E-2</c:v>
                </c:pt>
                <c:pt idx="3">
                  <c:v>2.1722321428571431E-2</c:v>
                </c:pt>
                <c:pt idx="4">
                  <c:v>2.6044196428571427E-2</c:v>
                </c:pt>
                <c:pt idx="5">
                  <c:v>3.0272321428571433E-2</c:v>
                </c:pt>
                <c:pt idx="6">
                  <c:v>3.4455357142857149E-2</c:v>
                </c:pt>
                <c:pt idx="7">
                  <c:v>3.6451785714285714E-2</c:v>
                </c:pt>
                <c:pt idx="8">
                  <c:v>4.081071428571429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9F63-48FD-878A-BC06F7DA91C1}"/>
            </c:ext>
          </c:extLst>
        </c:ser>
        <c:ser>
          <c:idx val="3"/>
          <c:order val="3"/>
          <c:tx>
            <c:strRef>
              <c:f>'Fig 4 c-d'!$J$41:$J$42</c:f>
              <c:strCache>
                <c:ptCount val="2"/>
                <c:pt idx="0">
                  <c:v>S-P-2.6</c:v>
                </c:pt>
                <c:pt idx="1">
                  <c:v>Loading313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4 c-d'!$I$43:$I$51</c:f>
              <c:numCache>
                <c:formatCode>0.000</c:formatCode>
                <c:ptCount val="9"/>
                <c:pt idx="0">
                  <c:v>14.46744262</c:v>
                </c:pt>
                <c:pt idx="1">
                  <c:v>28.460843029999999</c:v>
                </c:pt>
                <c:pt idx="2">
                  <c:v>42.287413139999998</c:v>
                </c:pt>
                <c:pt idx="3">
                  <c:v>55.880013920000003</c:v>
                </c:pt>
                <c:pt idx="4">
                  <c:v>69.376992450000003</c:v>
                </c:pt>
                <c:pt idx="5">
                  <c:v>82.483343919999996</c:v>
                </c:pt>
                <c:pt idx="6">
                  <c:v>94.169603300000006</c:v>
                </c:pt>
                <c:pt idx="7">
                  <c:v>98.165392539999999</c:v>
                </c:pt>
                <c:pt idx="8">
                  <c:v>101.29854704</c:v>
                </c:pt>
              </c:numCache>
            </c:numRef>
          </c:xVal>
          <c:yVal>
            <c:numRef>
              <c:f>'Fig 4 c-d'!$J$43:$J$51</c:f>
              <c:numCache>
                <c:formatCode>0.000</c:formatCode>
                <c:ptCount val="9"/>
                <c:pt idx="0">
                  <c:v>4.2290178571428574E-3</c:v>
                </c:pt>
                <c:pt idx="1">
                  <c:v>8.1004464285714291E-3</c:v>
                </c:pt>
                <c:pt idx="2">
                  <c:v>1.1389732142857144E-2</c:v>
                </c:pt>
                <c:pt idx="3">
                  <c:v>1.428169642857143E-2</c:v>
                </c:pt>
                <c:pt idx="4">
                  <c:v>1.7571428571428571E-2</c:v>
                </c:pt>
                <c:pt idx="5">
                  <c:v>2.0275000000000001E-2</c:v>
                </c:pt>
                <c:pt idx="6">
                  <c:v>2.340625E-2</c:v>
                </c:pt>
                <c:pt idx="7">
                  <c:v>2.5052678571428573E-2</c:v>
                </c:pt>
                <c:pt idx="8">
                  <c:v>3.0369196428571433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9F63-48FD-878A-BC06F7DA91C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layout>
            <c:manualLayout>
              <c:xMode val="edge"/>
              <c:yMode val="edge"/>
              <c:x val="0"/>
              <c:y val="0.2829767209632324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1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5.xml"/><Relationship Id="rId1" Type="http://schemas.openxmlformats.org/officeDocument/2006/relationships/chart" Target="../charts/chart14.xml"/></Relationships>
</file>

<file path=xl/drawings/_rels/drawing1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7.xml"/><Relationship Id="rId1" Type="http://schemas.openxmlformats.org/officeDocument/2006/relationships/chart" Target="../charts/chart16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4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chart" Target="../charts/chart5.xml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7.xml"/><Relationship Id="rId1" Type="http://schemas.openxmlformats.org/officeDocument/2006/relationships/chart" Target="../charts/chart6.xml"/></Relationships>
</file>

<file path=xl/drawings/_rels/drawing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9.xml"/><Relationship Id="rId1" Type="http://schemas.openxmlformats.org/officeDocument/2006/relationships/chart" Target="../charts/chart8.xml"/></Relationships>
</file>

<file path=xl/drawings/_rels/drawing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1.xml"/><Relationship Id="rId1" Type="http://schemas.openxmlformats.org/officeDocument/2006/relationships/chart" Target="../charts/chart10.xml"/></Relationships>
</file>

<file path=xl/drawings/_rels/drawing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3.xml"/><Relationship Id="rId1" Type="http://schemas.openxmlformats.org/officeDocument/2006/relationships/chart" Target="../charts/chart1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340517</xdr:colOff>
      <xdr:row>4</xdr:row>
      <xdr:rowOff>16669</xdr:rowOff>
    </xdr:from>
    <xdr:to>
      <xdr:col>17</xdr:col>
      <xdr:colOff>261937</xdr:colOff>
      <xdr:row>16</xdr:row>
      <xdr:rowOff>114301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B3E47B1F-4D94-4649-A1E2-82086C00E1C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299356</xdr:colOff>
      <xdr:row>8</xdr:row>
      <xdr:rowOff>66426</xdr:rowOff>
    </xdr:from>
    <xdr:to>
      <xdr:col>21</xdr:col>
      <xdr:colOff>550470</xdr:colOff>
      <xdr:row>24</xdr:row>
      <xdr:rowOff>16699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BCDF5C52-B314-4A82-9D84-7A96BA13EA8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305541</xdr:colOff>
      <xdr:row>26</xdr:row>
      <xdr:rowOff>60242</xdr:rowOff>
    </xdr:from>
    <xdr:to>
      <xdr:col>22</xdr:col>
      <xdr:colOff>43295</xdr:colOff>
      <xdr:row>40</xdr:row>
      <xdr:rowOff>9277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F5FA7B1B-40BC-4D45-98F0-1862A347A1A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299356</xdr:colOff>
      <xdr:row>8</xdr:row>
      <xdr:rowOff>66426</xdr:rowOff>
    </xdr:from>
    <xdr:to>
      <xdr:col>21</xdr:col>
      <xdr:colOff>550470</xdr:colOff>
      <xdr:row>24</xdr:row>
      <xdr:rowOff>16699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625148B1-5340-49A9-B64C-F26A1038854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305541</xdr:colOff>
      <xdr:row>26</xdr:row>
      <xdr:rowOff>60242</xdr:rowOff>
    </xdr:from>
    <xdr:to>
      <xdr:col>22</xdr:col>
      <xdr:colOff>43295</xdr:colOff>
      <xdr:row>40</xdr:row>
      <xdr:rowOff>9277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FAD5B784-8560-4775-AE98-D7F8B91ECA1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190500</xdr:colOff>
      <xdr:row>4</xdr:row>
      <xdr:rowOff>0</xdr:rowOff>
    </xdr:from>
    <xdr:to>
      <xdr:col>17</xdr:col>
      <xdr:colOff>111920</xdr:colOff>
      <xdr:row>16</xdr:row>
      <xdr:rowOff>97632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607C20C3-A08F-4BAE-8395-21CCE26C354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261938</xdr:colOff>
      <xdr:row>4</xdr:row>
      <xdr:rowOff>52387</xdr:rowOff>
    </xdr:from>
    <xdr:to>
      <xdr:col>15</xdr:col>
      <xdr:colOff>183358</xdr:colOff>
      <xdr:row>16</xdr:row>
      <xdr:rowOff>150019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5C2D472C-F494-4FD2-B9F2-1444D0468C0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312964</xdr:colOff>
      <xdr:row>5</xdr:row>
      <xdr:rowOff>142874</xdr:rowOff>
    </xdr:from>
    <xdr:to>
      <xdr:col>21</xdr:col>
      <xdr:colOff>360588</xdr:colOff>
      <xdr:row>20</xdr:row>
      <xdr:rowOff>130628</xdr:rowOff>
    </xdr:to>
    <xdr:graphicFrame macro="">
      <xdr:nvGraphicFramePr>
        <xdr:cNvPr id="10" name="Chart 9">
          <a:extLst>
            <a:ext uri="{FF2B5EF4-FFF2-40B4-BE49-F238E27FC236}">
              <a16:creationId xmlns:a16="http://schemas.microsoft.com/office/drawing/2014/main" id="{B88EE4C9-2362-4B52-A80D-C658000E70A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523874</xdr:colOff>
      <xdr:row>1</xdr:row>
      <xdr:rowOff>9525</xdr:rowOff>
    </xdr:from>
    <xdr:to>
      <xdr:col>21</xdr:col>
      <xdr:colOff>558918</xdr:colOff>
      <xdr:row>17</xdr:row>
      <xdr:rowOff>138113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EA55CB18-D785-4E00-8D13-E8A69C57F72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 editAs="oneCell">
    <xdr:from>
      <xdr:col>1</xdr:col>
      <xdr:colOff>237659</xdr:colOff>
      <xdr:row>59</xdr:row>
      <xdr:rowOff>135311</xdr:rowOff>
    </xdr:from>
    <xdr:to>
      <xdr:col>7</xdr:col>
      <xdr:colOff>782335</xdr:colOff>
      <xdr:row>96</xdr:row>
      <xdr:rowOff>22796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56904634-0C44-47B3-B2EF-0275B974D6D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237659" y="9960349"/>
          <a:ext cx="6597814" cy="6583560"/>
        </a:xfrm>
        <a:prstGeom prst="rect">
          <a:avLst/>
        </a:prstGeom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299356</xdr:colOff>
      <xdr:row>8</xdr:row>
      <xdr:rowOff>66426</xdr:rowOff>
    </xdr:from>
    <xdr:to>
      <xdr:col>21</xdr:col>
      <xdr:colOff>550470</xdr:colOff>
      <xdr:row>24</xdr:row>
      <xdr:rowOff>16699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6456752B-A649-40A5-9BCA-059544CAD2FC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305541</xdr:colOff>
      <xdr:row>26</xdr:row>
      <xdr:rowOff>60242</xdr:rowOff>
    </xdr:from>
    <xdr:to>
      <xdr:col>22</xdr:col>
      <xdr:colOff>43295</xdr:colOff>
      <xdr:row>40</xdr:row>
      <xdr:rowOff>9277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800CA69C-31B4-4268-9C21-560E161456E2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299356</xdr:colOff>
      <xdr:row>8</xdr:row>
      <xdr:rowOff>66426</xdr:rowOff>
    </xdr:from>
    <xdr:to>
      <xdr:col>21</xdr:col>
      <xdr:colOff>550470</xdr:colOff>
      <xdr:row>24</xdr:row>
      <xdr:rowOff>16699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E22D8DE5-AAD5-4ED9-A2C2-D2A12F2DC8B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305541</xdr:colOff>
      <xdr:row>26</xdr:row>
      <xdr:rowOff>60242</xdr:rowOff>
    </xdr:from>
    <xdr:to>
      <xdr:col>22</xdr:col>
      <xdr:colOff>43295</xdr:colOff>
      <xdr:row>40</xdr:row>
      <xdr:rowOff>9277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40F6D907-58A0-4445-9763-66EDFA6A3E9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299356</xdr:colOff>
      <xdr:row>8</xdr:row>
      <xdr:rowOff>66426</xdr:rowOff>
    </xdr:from>
    <xdr:to>
      <xdr:col>21</xdr:col>
      <xdr:colOff>550470</xdr:colOff>
      <xdr:row>24</xdr:row>
      <xdr:rowOff>16699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6ECC2008-134B-4480-8D3A-D0BFAB87223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305541</xdr:colOff>
      <xdr:row>26</xdr:row>
      <xdr:rowOff>60242</xdr:rowOff>
    </xdr:from>
    <xdr:to>
      <xdr:col>22</xdr:col>
      <xdr:colOff>43295</xdr:colOff>
      <xdr:row>40</xdr:row>
      <xdr:rowOff>9277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D28D2C58-F8E0-4ADF-ACF4-37082565C99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299356</xdr:colOff>
      <xdr:row>8</xdr:row>
      <xdr:rowOff>66426</xdr:rowOff>
    </xdr:from>
    <xdr:to>
      <xdr:col>21</xdr:col>
      <xdr:colOff>408214</xdr:colOff>
      <xdr:row>25</xdr:row>
      <xdr:rowOff>111330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24899005-D9D6-48D5-B242-9957D972EA6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305541</xdr:colOff>
      <xdr:row>26</xdr:row>
      <xdr:rowOff>60242</xdr:rowOff>
    </xdr:from>
    <xdr:to>
      <xdr:col>22</xdr:col>
      <xdr:colOff>43295</xdr:colOff>
      <xdr:row>40</xdr:row>
      <xdr:rowOff>9277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3B7D681F-0262-4045-A9CC-A8583A33A29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323117\AppData\Local\Temp\Temp1_Physi%20ViewCalc%202007.zip\Physi%20ViewCalc%202007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AN Overlays"/>
      <sheetName val="t-Plot Overlays"/>
      <sheetName val="Reference"/>
      <sheetName val="Instructions"/>
      <sheetName val="Isotherm Data"/>
      <sheetName val="BET Surface Area Report"/>
      <sheetName val="Langmuir"/>
      <sheetName val="t-Plot"/>
      <sheetName val="Parameters"/>
      <sheetName val="Techniques"/>
      <sheetName val="License"/>
      <sheetName val="ISO_MCM41"/>
      <sheetName val="ISO_Primary"/>
      <sheetName val="BET Overlays"/>
      <sheetName val="zISO Overlays"/>
    </sheetNames>
    <sheetDataSet>
      <sheetData sheetId="0">
        <row r="14">
          <cell r="C14" t="str">
            <v>ISO_MCM41</v>
          </cell>
          <cell r="I14" t="str">
            <v>ISO_CARBSV-G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74</v>
          </cell>
          <cell r="G17">
            <v>1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55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1">
        <row r="14">
          <cell r="C14" t="str">
            <v>ISO_CARBSV-G</v>
          </cell>
          <cell r="I14" t="str">
            <v>ISO_MCM41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1</v>
          </cell>
          <cell r="G17">
            <v>62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0</v>
          </cell>
          <cell r="G18">
            <v>61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2"/>
      <sheetData sheetId="3"/>
      <sheetData sheetId="4">
        <row r="6">
          <cell r="F6">
            <v>44.61168</v>
          </cell>
        </row>
      </sheetData>
      <sheetData sheetId="5">
        <row r="1">
          <cell r="F1" t="str">
            <v>www.micromeritics.com</v>
          </cell>
        </row>
        <row r="2">
          <cell r="F2" t="str">
            <v>RP</v>
          </cell>
        </row>
        <row r="3">
          <cell r="F3" t="str">
            <v>&gt;=0.0249</v>
          </cell>
        </row>
        <row r="4">
          <cell r="F4" t="str">
            <v>RP</v>
          </cell>
          <cell r="H4" t="str">
            <v>RP</v>
          </cell>
        </row>
        <row r="5">
          <cell r="F5" t="str">
            <v>&gt;=0.00569561</v>
          </cell>
          <cell r="H5" t="str">
            <v>&lt;=0.499708696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2.4899999999999999E-2</v>
          </cell>
          <cell r="H7">
            <v>0.3</v>
          </cell>
        </row>
        <row r="8">
          <cell r="F8" t="str">
            <v>Experimental Data Limits</v>
          </cell>
        </row>
        <row r="9">
          <cell r="F9" t="str">
            <v>Real limits</v>
          </cell>
          <cell r="G9">
            <v>5.6956100000000003E-3</v>
          </cell>
          <cell r="H9">
            <v>0.49970869600000001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BET Surface Area (m2/g)</v>
          </cell>
        </row>
        <row r="26">
          <cell r="F26" t="str">
            <v>C</v>
          </cell>
        </row>
        <row r="27">
          <cell r="F27" t="str">
            <v>Qm (cm3/g STP)</v>
          </cell>
        </row>
        <row r="28">
          <cell r="F28" t="str">
            <v>Slope (g/cm3 STP)</v>
          </cell>
        </row>
        <row r="29">
          <cell r="F29" t="str">
            <v>Y-Intercept (g/cm3 STP)</v>
          </cell>
        </row>
        <row r="30">
          <cell r="F30" t="str">
            <v>Correlation</v>
          </cell>
        </row>
        <row r="31">
          <cell r="F31" t="str">
            <v>Molecular CSA (nm2)</v>
          </cell>
          <cell r="H31" t="str">
            <v>Nitrogen</v>
          </cell>
        </row>
        <row r="33">
          <cell r="F33" t="str">
            <v>BET Data</v>
          </cell>
        </row>
        <row r="34">
          <cell r="F34" t="str">
            <v>Relative Pressure 
(p/p°)</v>
          </cell>
        </row>
        <row r="35">
          <cell r="F35" t="str">
            <v>RP</v>
          </cell>
        </row>
        <row r="36">
          <cell r="F36">
            <v>8.253793287265547E-3</v>
          </cell>
        </row>
        <row r="37">
          <cell r="E37">
            <v>1</v>
          </cell>
          <cell r="F37">
            <v>6.2762706910167818E-2</v>
          </cell>
        </row>
        <row r="38">
          <cell r="E38">
            <v>3</v>
          </cell>
          <cell r="F38">
            <v>0.15368327462981243</v>
          </cell>
        </row>
        <row r="39">
          <cell r="F39">
            <v>0.25229604</v>
          </cell>
        </row>
        <row r="40">
          <cell r="F40">
            <v>0.37039034916090824</v>
          </cell>
        </row>
        <row r="41">
          <cell r="F41" t="str">
            <v/>
          </cell>
        </row>
        <row r="42">
          <cell r="F42" t="str">
            <v/>
          </cell>
        </row>
        <row r="43">
          <cell r="F43" t="str">
            <v/>
          </cell>
        </row>
        <row r="44">
          <cell r="F44" t="str">
            <v/>
          </cell>
        </row>
        <row r="45">
          <cell r="F45" t="str">
            <v/>
          </cell>
        </row>
        <row r="46">
          <cell r="F46" t="str">
            <v/>
          </cell>
        </row>
        <row r="47">
          <cell r="F47" t="str">
            <v/>
          </cell>
        </row>
        <row r="48">
          <cell r="F48" t="str">
            <v/>
          </cell>
        </row>
        <row r="49">
          <cell r="F49" t="str">
            <v/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</sheetData>
      <sheetData sheetId="6">
        <row r="1">
          <cell r="F1" t="str">
            <v>www.micromeritics.com</v>
          </cell>
        </row>
        <row r="2">
          <cell r="F2" t="str">
            <v>AP</v>
          </cell>
        </row>
        <row r="3">
          <cell r="F3" t="str">
            <v>&gt;=132.002182</v>
          </cell>
        </row>
        <row r="4">
          <cell r="F4" t="str">
            <v>AP</v>
          </cell>
          <cell r="H4" t="str">
            <v>AP</v>
          </cell>
        </row>
        <row r="5">
          <cell r="F5" t="str">
            <v>&gt;=132.002182</v>
          </cell>
          <cell r="H5" t="str">
            <v>&lt;=386.053345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132.002182</v>
          </cell>
          <cell r="H7">
            <v>312.294037</v>
          </cell>
        </row>
        <row r="8">
          <cell r="F8" t="str">
            <v>Experimental Data Limits</v>
          </cell>
          <cell r="G8">
            <v>123</v>
          </cell>
          <cell r="H8">
            <v>386.05334499999998</v>
          </cell>
        </row>
        <row r="9">
          <cell r="F9" t="str">
            <v>Real limits</v>
          </cell>
          <cell r="G9">
            <v>132.002182</v>
          </cell>
          <cell r="H9">
            <v>386.05334499999998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Langmuir Surface Area (m2/g)</v>
          </cell>
        </row>
        <row r="26">
          <cell r="F26" t="str">
            <v>b (1/mmHg)</v>
          </cell>
        </row>
        <row r="27">
          <cell r="F27" t="str">
            <v>Qm (cm3/g STP)</v>
          </cell>
        </row>
        <row r="28">
          <cell r="F28" t="str">
            <v>Slope (g/cm3 STP)</v>
          </cell>
        </row>
        <row r="29">
          <cell r="F29" t="str">
            <v>Y-Intercept (mmHg g/cm3 STP)</v>
          </cell>
        </row>
        <row r="30">
          <cell r="F30" t="str">
            <v>Correlation</v>
          </cell>
        </row>
        <row r="31">
          <cell r="F31" t="str">
            <v>Molecular CSA (nm2)</v>
          </cell>
          <cell r="H31" t="str">
            <v>Nitrogen</v>
          </cell>
        </row>
        <row r="33">
          <cell r="F33" t="str">
            <v>Langmuir Data</v>
          </cell>
        </row>
        <row r="34">
          <cell r="F34" t="str">
            <v>Absolute Pressure 
(mmHg)</v>
          </cell>
        </row>
        <row r="35">
          <cell r="F35" t="str">
            <v>AP</v>
          </cell>
        </row>
        <row r="36">
          <cell r="F36">
            <v>191.68191619999999</v>
          </cell>
        </row>
        <row r="37">
          <cell r="E37">
            <v>0</v>
          </cell>
          <cell r="F37">
            <v>281.40406777499999</v>
          </cell>
        </row>
        <row r="38">
          <cell r="E38">
            <v>2</v>
          </cell>
          <cell r="F38" t="str">
            <v/>
          </cell>
        </row>
        <row r="39">
          <cell r="F39" t="str">
            <v/>
          </cell>
        </row>
        <row r="40">
          <cell r="F40" t="str">
            <v/>
          </cell>
        </row>
        <row r="41">
          <cell r="F41" t="str">
            <v/>
          </cell>
        </row>
        <row r="42">
          <cell r="F42" t="str">
            <v/>
          </cell>
        </row>
        <row r="43">
          <cell r="F43" t="str">
            <v/>
          </cell>
        </row>
        <row r="44">
          <cell r="F44" t="str">
            <v/>
          </cell>
        </row>
        <row r="45">
          <cell r="F45" t="str">
            <v/>
          </cell>
        </row>
        <row r="46">
          <cell r="F46" t="str">
            <v/>
          </cell>
        </row>
        <row r="47">
          <cell r="F47" t="str">
            <v/>
          </cell>
        </row>
        <row r="48">
          <cell r="F48" t="str">
            <v/>
          </cell>
        </row>
        <row r="49">
          <cell r="F49" t="str">
            <v/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</sheetData>
      <sheetData sheetId="7">
        <row r="1">
          <cell r="F1" t="str">
            <v>www.micromeritics.com</v>
          </cell>
        </row>
        <row r="2">
          <cell r="F2" t="str">
            <v>RP</v>
          </cell>
        </row>
        <row r="3">
          <cell r="F3" t="str">
            <v>&gt;=0.049</v>
          </cell>
        </row>
        <row r="4">
          <cell r="F4" t="str">
            <v>RP</v>
          </cell>
          <cell r="H4" t="str">
            <v>RP</v>
          </cell>
        </row>
        <row r="5">
          <cell r="F5" t="str">
            <v>&gt;=0.00569561</v>
          </cell>
          <cell r="H5" t="str">
            <v>&lt;=0.499708696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4.9000000000000002E-2</v>
          </cell>
          <cell r="H7">
            <v>0.35141766000000002</v>
          </cell>
        </row>
        <row r="8">
          <cell r="F8" t="str">
            <v>Experimental Data Limits</v>
          </cell>
          <cell r="G8">
            <v>5.0000000000000001E-3</v>
          </cell>
          <cell r="H8">
            <v>0.5</v>
          </cell>
        </row>
        <row r="9">
          <cell r="F9" t="str">
            <v>Real limits</v>
          </cell>
          <cell r="G9">
            <v>5.6956100000000003E-3</v>
          </cell>
          <cell r="H9">
            <v>0.49970869600000001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A_M</v>
          </cell>
        </row>
        <row r="26">
          <cell r="F26" t="str">
            <v>CM3_M3</v>
          </cell>
        </row>
        <row r="27">
          <cell r="F27" t="str">
            <v>Micropore Volume (cm3/g):</v>
          </cell>
        </row>
        <row r="28">
          <cell r="F28" t="str">
            <v>Micropore Area (m2/g):</v>
          </cell>
        </row>
        <row r="29">
          <cell r="F29" t="str">
            <v>External Surface Area (m2/g)</v>
          </cell>
        </row>
        <row r="30">
          <cell r="F30" t="str">
            <v>Molecular CSA (nm2)</v>
          </cell>
          <cell r="H30" t="str">
            <v>Nitrogen</v>
          </cell>
        </row>
        <row r="31">
          <cell r="F31" t="str">
            <v>Molecular DCF</v>
          </cell>
        </row>
        <row r="32">
          <cell r="F32" t="str">
            <v>Surface Area Correction Factor</v>
          </cell>
        </row>
        <row r="33">
          <cell r="F33" t="str">
            <v>Total Surface Area (m2/g)</v>
          </cell>
        </row>
        <row r="34">
          <cell r="F34" t="str">
            <v>Thickness Curve</v>
          </cell>
          <cell r="H34" t="str">
            <v>Broekoff-de Boer</v>
          </cell>
        </row>
        <row r="35">
          <cell r="F35" t="str">
            <v>t-Plot Surface Area (m2/g)</v>
          </cell>
        </row>
        <row r="36">
          <cell r="F36" t="str">
            <v>Slope (cm3/g-A STP)</v>
          </cell>
        </row>
        <row r="37">
          <cell r="F37" t="str">
            <v>Y-Intercept (cm3/g STP)</v>
          </cell>
        </row>
        <row r="38">
          <cell r="F38" t="str">
            <v>Correlation</v>
          </cell>
        </row>
        <row r="42">
          <cell r="F42" t="str">
            <v>t-Plot Data</v>
          </cell>
        </row>
        <row r="43">
          <cell r="F43" t="str">
            <v>Relative Pressure 
(p/p°)</v>
          </cell>
        </row>
        <row r="44">
          <cell r="F44" t="str">
            <v>RP</v>
          </cell>
        </row>
        <row r="45">
          <cell r="F45">
            <v>8.253793287265547E-3</v>
          </cell>
        </row>
        <row r="46">
          <cell r="E46">
            <v>1</v>
          </cell>
          <cell r="F46">
            <v>6.2762706910167818E-2</v>
          </cell>
        </row>
        <row r="47">
          <cell r="E47">
            <v>3</v>
          </cell>
          <cell r="F47">
            <v>0.15368327462981243</v>
          </cell>
        </row>
        <row r="48">
          <cell r="F48">
            <v>0.25229604</v>
          </cell>
        </row>
        <row r="49">
          <cell r="F49">
            <v>0.37039034916090824</v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  <row r="536">
          <cell r="F536" t="str">
            <v/>
          </cell>
        </row>
        <row r="537">
          <cell r="F537" t="str">
            <v/>
          </cell>
        </row>
        <row r="538">
          <cell r="F538" t="str">
            <v/>
          </cell>
        </row>
        <row r="539">
          <cell r="F539" t="str">
            <v/>
          </cell>
        </row>
        <row r="540">
          <cell r="F540" t="str">
            <v/>
          </cell>
        </row>
        <row r="541">
          <cell r="F541" t="str">
            <v/>
          </cell>
        </row>
        <row r="542">
          <cell r="F542" t="str">
            <v/>
          </cell>
        </row>
        <row r="543">
          <cell r="F543" t="str">
            <v/>
          </cell>
        </row>
        <row r="544">
          <cell r="F544" t="str">
            <v/>
          </cell>
        </row>
      </sheetData>
      <sheetData sheetId="8">
        <row r="1">
          <cell r="B1" t="str">
            <v>www.micromeritics.com</v>
          </cell>
          <cell r="Q1" t="str">
            <v>User Defined Thickness</v>
          </cell>
        </row>
        <row r="2">
          <cell r="B2" t="str">
            <v>Name of Gas</v>
          </cell>
          <cell r="G2" t="str">
            <v>ISO Data Worksheets</v>
          </cell>
          <cell r="I2" t="str">
            <v>All Worksheets</v>
          </cell>
          <cell r="J2" t="str">
            <v>Show Worksheets</v>
          </cell>
          <cell r="K2" t="str">
            <v>key sheets</v>
          </cell>
          <cell r="L2" t="str">
            <v>Type:</v>
          </cell>
          <cell r="M2" t="str">
            <v>Prm1</v>
          </cell>
          <cell r="N2" t="str">
            <v>Prm2</v>
          </cell>
          <cell r="O2" t="str">
            <v>Prm3</v>
          </cell>
          <cell r="Q2" t="str">
            <v>Relative Pressure (p/p°)</v>
          </cell>
        </row>
        <row r="3">
          <cell r="B3" t="str">
            <v>Argon</v>
          </cell>
          <cell r="G3" t="str">
            <v>n/a</v>
          </cell>
          <cell r="I3" t="str">
            <v>LAN Overlays</v>
          </cell>
          <cell r="J3" t="str">
            <v>Instructions</v>
          </cell>
          <cell r="K3" t="str">
            <v>Isotherm Data</v>
          </cell>
          <cell r="L3" t="str">
            <v>Halsey</v>
          </cell>
          <cell r="M3">
            <v>3.54</v>
          </cell>
          <cell r="N3">
            <v>-5</v>
          </cell>
          <cell r="O3">
            <v>0.33300000000000002</v>
          </cell>
          <cell r="Q3">
            <v>9.9882779999999997E-3</v>
          </cell>
        </row>
        <row r="4">
          <cell r="B4" t="str">
            <v>Nitrogen</v>
          </cell>
          <cell r="G4" t="str">
            <v>ISO_MCM41</v>
          </cell>
          <cell r="I4" t="str">
            <v>t-Plot Overlays</v>
          </cell>
          <cell r="J4" t="str">
            <v>Isotherm Data</v>
          </cell>
          <cell r="K4" t="str">
            <v>t-Plot</v>
          </cell>
          <cell r="L4" t="str">
            <v>Harkin-Jura</v>
          </cell>
          <cell r="M4">
            <v>13.99</v>
          </cell>
          <cell r="N4">
            <v>3.4000000000000002E-2</v>
          </cell>
          <cell r="O4">
            <v>0.5</v>
          </cell>
          <cell r="Q4">
            <v>1.5255688E-2</v>
          </cell>
        </row>
        <row r="5">
          <cell r="B5" t="str">
            <v>Carbon Dioxide</v>
          </cell>
          <cell r="I5" t="str">
            <v>Instructions</v>
          </cell>
          <cell r="J5" t="str">
            <v>BET Surface Area Report</v>
          </cell>
          <cell r="K5" t="str">
            <v>BET Surface Area Report</v>
          </cell>
          <cell r="L5" t="str">
            <v>Broekoff-de Boer</v>
          </cell>
          <cell r="M5">
            <v>-16.11</v>
          </cell>
          <cell r="N5">
            <v>0.16819999999999999</v>
          </cell>
          <cell r="O5">
            <v>-0.1137</v>
          </cell>
          <cell r="Q5">
            <v>2.0162657E-2</v>
          </cell>
        </row>
        <row r="6">
          <cell r="B6" t="str">
            <v>Krypton</v>
          </cell>
          <cell r="I6" t="str">
            <v>Isotherm Data</v>
          </cell>
          <cell r="J6" t="str">
            <v>Langmuir</v>
          </cell>
          <cell r="K6" t="str">
            <v>Langmuir</v>
          </cell>
          <cell r="L6" t="str">
            <v>Carbon Black STSA</v>
          </cell>
          <cell r="M6">
            <v>2.98</v>
          </cell>
          <cell r="N6">
            <v>6.45</v>
          </cell>
          <cell r="O6">
            <v>0.88</v>
          </cell>
          <cell r="Q6">
            <v>2.5311861000000001E-2</v>
          </cell>
        </row>
        <row r="7">
          <cell r="I7" t="str">
            <v>BET Surface Area Report</v>
          </cell>
          <cell r="J7" t="str">
            <v>t-Plot</v>
          </cell>
          <cell r="L7" t="str">
            <v>User Defined</v>
          </cell>
          <cell r="Q7">
            <v>2.965112E-2</v>
          </cell>
        </row>
        <row r="8">
          <cell r="I8" t="str">
            <v>Langmuir</v>
          </cell>
          <cell r="J8" t="str">
            <v>Parameters</v>
          </cell>
          <cell r="Q8">
            <v>3.4921001E-2</v>
          </cell>
        </row>
        <row r="9">
          <cell r="I9" t="str">
            <v>t-Plot</v>
          </cell>
          <cell r="J9" t="str">
            <v>Techniques</v>
          </cell>
          <cell r="Q9">
            <v>4.0035932000000003E-2</v>
          </cell>
        </row>
        <row r="10">
          <cell r="I10" t="str">
            <v>Parameters</v>
          </cell>
          <cell r="J10" t="str">
            <v>ISO_Primary</v>
          </cell>
          <cell r="Q10">
            <v>4.4959910999999998E-2</v>
          </cell>
        </row>
        <row r="11">
          <cell r="I11" t="str">
            <v>Techniques</v>
          </cell>
          <cell r="J11" t="str">
            <v>ISO_MCM41</v>
          </cell>
          <cell r="Q11">
            <v>5.0010122999999997E-2</v>
          </cell>
        </row>
        <row r="12">
          <cell r="I12" t="str">
            <v>License</v>
          </cell>
          <cell r="Q12">
            <v>7.5176831E-2</v>
          </cell>
        </row>
        <row r="13">
          <cell r="I13" t="str">
            <v>ISO_MCM41</v>
          </cell>
          <cell r="Q13">
            <v>0.103959526</v>
          </cell>
        </row>
        <row r="14">
          <cell r="I14" t="str">
            <v>ISO_Primary</v>
          </cell>
          <cell r="Q14">
            <v>0.13007400599999999</v>
          </cell>
        </row>
        <row r="15">
          <cell r="I15" t="str">
            <v>BET Overlays</v>
          </cell>
          <cell r="Q15">
            <v>0.15694949599999999</v>
          </cell>
        </row>
        <row r="16">
          <cell r="I16" t="str">
            <v>zISO Overlays</v>
          </cell>
          <cell r="Q16">
            <v>0.179572335</v>
          </cell>
        </row>
        <row r="17">
          <cell r="Q17">
            <v>0.20354256200000001</v>
          </cell>
        </row>
        <row r="18">
          <cell r="Q18">
            <v>0.22713504700000001</v>
          </cell>
        </row>
        <row r="19">
          <cell r="Q19">
            <v>0.25189668799999998</v>
          </cell>
        </row>
        <row r="20">
          <cell r="Q20">
            <v>0.276709661</v>
          </cell>
        </row>
        <row r="21">
          <cell r="Q21">
            <v>0.30165506600000003</v>
          </cell>
        </row>
        <row r="22">
          <cell r="Q22">
            <v>0.326554552</v>
          </cell>
        </row>
        <row r="23">
          <cell r="Q23">
            <v>0.35141766000000002</v>
          </cell>
        </row>
        <row r="24">
          <cell r="Q24">
            <v>0.37556135699999998</v>
          </cell>
        </row>
        <row r="25">
          <cell r="Q25">
            <v>0.40056323100000002</v>
          </cell>
        </row>
        <row r="26">
          <cell r="Q26">
            <v>0.42511147700000002</v>
          </cell>
        </row>
        <row r="27">
          <cell r="Q27">
            <v>0.45037894899999997</v>
          </cell>
        </row>
        <row r="28">
          <cell r="Q28">
            <v>0.47519604199999999</v>
          </cell>
        </row>
        <row r="29">
          <cell r="Q29">
            <v>0.49970869600000001</v>
          </cell>
        </row>
        <row r="30">
          <cell r="Q30">
            <v>0.52549695399999996</v>
          </cell>
        </row>
        <row r="31">
          <cell r="Q31">
            <v>0.55011793499999995</v>
          </cell>
        </row>
        <row r="32">
          <cell r="Q32">
            <v>0.57496686900000005</v>
          </cell>
        </row>
        <row r="33">
          <cell r="Q33">
            <v>0.600147659</v>
          </cell>
        </row>
        <row r="34">
          <cell r="Q34">
            <v>0.62507379500000004</v>
          </cell>
        </row>
      </sheetData>
      <sheetData sheetId="9"/>
      <sheetData sheetId="10"/>
      <sheetData sheetId="11"/>
      <sheetData sheetId="12"/>
      <sheetData sheetId="13">
        <row r="11">
          <cell r="C11">
            <v>0</v>
          </cell>
          <cell r="D11">
            <v>4.6413831690277226E-5</v>
          </cell>
          <cell r="I11">
            <v>0</v>
          </cell>
          <cell r="J11">
            <v>0</v>
          </cell>
          <cell r="O11">
            <v>0</v>
          </cell>
          <cell r="P11">
            <v>0</v>
          </cell>
          <cell r="U11">
            <v>0</v>
          </cell>
          <cell r="V11">
            <v>0</v>
          </cell>
          <cell r="AA11">
            <v>0</v>
          </cell>
          <cell r="AB11">
            <v>0</v>
          </cell>
        </row>
        <row r="14">
          <cell r="C14" t="str">
            <v>ISO_MCM41</v>
          </cell>
          <cell r="I14" t="str">
            <v>ISO_CARBSV-G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103</v>
          </cell>
          <cell r="G17">
            <v>1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55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14">
        <row r="15">
          <cell r="C15" t="str">
            <v>ISO_MCM41</v>
          </cell>
          <cell r="I15" t="str">
            <v>ISO_CARBSV-G</v>
          </cell>
          <cell r="O15" t="str">
            <v>ISO_ZSM5_B</v>
          </cell>
          <cell r="U15" t="str">
            <v>ISO_CBV600</v>
          </cell>
          <cell r="AA15" t="str">
            <v>ISO_MCM41_1</v>
          </cell>
        </row>
        <row r="18">
          <cell r="A18">
            <v>282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10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1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1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1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1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1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16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6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7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8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9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9.xml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0.xml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8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5:A35"/>
  <sheetViews>
    <sheetView workbookViewId="0">
      <selection activeCell="A15" sqref="A15"/>
    </sheetView>
  </sheetViews>
  <sheetFormatPr defaultColWidth="9.1328125" defaultRowHeight="13.5" x14ac:dyDescent="0.35"/>
  <cols>
    <col min="1" max="1" width="178.73046875" style="1" customWidth="1"/>
    <col min="2" max="2" width="49" style="1" customWidth="1"/>
    <col min="3" max="16384" width="9.1328125" style="1"/>
  </cols>
  <sheetData>
    <row r="5" spans="1:1" ht="20.65" x14ac:dyDescent="0.35">
      <c r="A5" s="64" t="s">
        <v>23</v>
      </c>
    </row>
    <row r="6" spans="1:1" ht="20.65" x14ac:dyDescent="0.35">
      <c r="A6" s="2"/>
    </row>
    <row r="7" spans="1:1" ht="25.15" x14ac:dyDescent="0.35">
      <c r="A7" s="3"/>
    </row>
    <row r="8" spans="1:1" ht="25.15" x14ac:dyDescent="0.35">
      <c r="A8" s="3"/>
    </row>
    <row r="9" spans="1:1" ht="19.899999999999999" x14ac:dyDescent="0.35">
      <c r="A9" s="63" t="s">
        <v>24</v>
      </c>
    </row>
    <row r="10" spans="1:1" ht="20.25" x14ac:dyDescent="0.35">
      <c r="A10" s="4"/>
    </row>
    <row r="11" spans="1:1" ht="17.649999999999999" x14ac:dyDescent="0.35">
      <c r="A11" s="5" t="s">
        <v>26</v>
      </c>
    </row>
    <row r="12" spans="1:1" ht="17.649999999999999" x14ac:dyDescent="0.35">
      <c r="A12" s="5"/>
    </row>
    <row r="13" spans="1:1" ht="17.649999999999999" x14ac:dyDescent="0.35">
      <c r="A13" s="5"/>
    </row>
    <row r="14" spans="1:1" ht="17.649999999999999" x14ac:dyDescent="0.35">
      <c r="A14" s="5"/>
    </row>
    <row r="15" spans="1:1" ht="20.25" x14ac:dyDescent="0.55000000000000004">
      <c r="A15" s="6" t="s">
        <v>0</v>
      </c>
    </row>
    <row r="16" spans="1:1" ht="17.649999999999999" x14ac:dyDescent="0.35">
      <c r="A16" s="5"/>
    </row>
    <row r="17" spans="1:1" ht="17.649999999999999" x14ac:dyDescent="0.35">
      <c r="A17" s="5"/>
    </row>
    <row r="18" spans="1:1" ht="17.649999999999999" x14ac:dyDescent="0.35">
      <c r="A18" s="7" t="s">
        <v>25</v>
      </c>
    </row>
    <row r="21" spans="1:1" ht="17.25" x14ac:dyDescent="0.35">
      <c r="A21" s="8"/>
    </row>
    <row r="35" spans="1:1" ht="15" x14ac:dyDescent="0.35">
      <c r="A35" s="9"/>
    </row>
  </sheetData>
  <pageMargins left="0.7" right="0.7" top="0.75" bottom="0.75" header="0.3" footer="0.3"/>
  <pageSetup paperSize="9" orientation="portrait" horizontalDpi="90" verticalDpi="90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D0491F-12F1-42FE-B4B6-F05AF488CF5E}">
  <dimension ref="B4:AC76"/>
  <sheetViews>
    <sheetView zoomScale="77" zoomScaleNormal="77" workbookViewId="0">
      <selection activeCell="B54" sqref="B54"/>
    </sheetView>
  </sheetViews>
  <sheetFormatPr defaultRowHeight="14.25" x14ac:dyDescent="0.45"/>
  <cols>
    <col min="1" max="2" width="9.06640625" style="51"/>
    <col min="3" max="8" width="9.1328125" style="51" bestFit="1" customWidth="1"/>
    <col min="9" max="9" width="11.6640625" style="51" bestFit="1" customWidth="1"/>
    <col min="10" max="10" width="9.19921875" style="51" bestFit="1" customWidth="1"/>
    <col min="11" max="16384" width="9.06640625" style="51"/>
  </cols>
  <sheetData>
    <row r="4" spans="2:25" x14ac:dyDescent="0.45">
      <c r="B4" s="24" t="s">
        <v>30</v>
      </c>
      <c r="C4" s="67">
        <v>313</v>
      </c>
    </row>
    <row r="5" spans="2:25" x14ac:dyDescent="0.45">
      <c r="B5" s="24" t="s">
        <v>37</v>
      </c>
      <c r="C5" s="67" t="s">
        <v>17</v>
      </c>
    </row>
    <row r="6" spans="2:25" x14ac:dyDescent="0.45">
      <c r="B6" s="24" t="s">
        <v>19</v>
      </c>
      <c r="C6" s="40" t="s">
        <v>4</v>
      </c>
      <c r="D6" s="40"/>
      <c r="E6" s="50" t="s">
        <v>7</v>
      </c>
      <c r="F6" s="50"/>
      <c r="G6" s="50" t="s">
        <v>8</v>
      </c>
      <c r="H6" s="50"/>
      <c r="I6" s="50" t="s">
        <v>9</v>
      </c>
      <c r="J6" s="50"/>
    </row>
    <row r="7" spans="2:25" x14ac:dyDescent="0.45">
      <c r="C7" s="32" t="s">
        <v>35</v>
      </c>
      <c r="D7" s="32" t="s">
        <v>36</v>
      </c>
      <c r="E7" s="32" t="s">
        <v>35</v>
      </c>
      <c r="F7" s="32" t="s">
        <v>36</v>
      </c>
      <c r="G7" s="32" t="s">
        <v>35</v>
      </c>
      <c r="H7" s="32" t="s">
        <v>36</v>
      </c>
      <c r="I7" s="32" t="s">
        <v>35</v>
      </c>
      <c r="J7" s="32" t="s">
        <v>36</v>
      </c>
    </row>
    <row r="8" spans="2:25" x14ac:dyDescent="0.45">
      <c r="C8" s="15">
        <v>1.5584391900000001</v>
      </c>
      <c r="D8" s="52">
        <v>7.1312500000000004E-3</v>
      </c>
      <c r="E8" s="52">
        <v>0.72012967999999999</v>
      </c>
      <c r="F8" s="52">
        <v>4.7248660714285719E-2</v>
      </c>
      <c r="G8" s="52">
        <v>7.249092E-2</v>
      </c>
      <c r="H8" s="52">
        <v>8.3383035714285722E-2</v>
      </c>
      <c r="I8" s="52">
        <v>3.9515410000000001E-2</v>
      </c>
      <c r="J8" s="52">
        <v>0.19788750000000002</v>
      </c>
    </row>
    <row r="9" spans="2:25" x14ac:dyDescent="0.45">
      <c r="C9" s="52">
        <v>3.4668151100000002</v>
      </c>
      <c r="D9" s="52">
        <v>1.3897321428571431E-2</v>
      </c>
      <c r="E9" s="52">
        <v>1.5380940299999999</v>
      </c>
      <c r="F9" s="52">
        <v>6.4988392857142863E-2</v>
      </c>
      <c r="G9" s="52">
        <v>0.41081821000000002</v>
      </c>
      <c r="H9" s="52">
        <v>0.16793080357142859</v>
      </c>
      <c r="I9" s="52">
        <v>0.13587504</v>
      </c>
      <c r="J9" s="52">
        <v>0.25242544642857145</v>
      </c>
    </row>
    <row r="10" spans="2:25" x14ac:dyDescent="0.45">
      <c r="C10" s="52">
        <v>6.0608228899999999</v>
      </c>
      <c r="D10" s="52">
        <v>2.3015178571428572E-2</v>
      </c>
      <c r="E10" s="52">
        <v>3.8920289299999999</v>
      </c>
      <c r="F10" s="52">
        <v>9.6836607142857148E-2</v>
      </c>
      <c r="G10" s="52">
        <v>1.1372943900000001</v>
      </c>
      <c r="H10" s="52">
        <v>0.23767991071428571</v>
      </c>
      <c r="I10" s="52">
        <v>0.30090034999999998</v>
      </c>
      <c r="J10" s="52">
        <v>0.302925</v>
      </c>
    </row>
    <row r="11" spans="2:25" x14ac:dyDescent="0.45">
      <c r="C11" s="52">
        <v>8.2235133000000005</v>
      </c>
      <c r="D11" s="52">
        <v>3.042544642857143E-2</v>
      </c>
      <c r="E11" s="52">
        <v>6.2276531899999998</v>
      </c>
      <c r="F11" s="52">
        <v>0.1198232142857143</v>
      </c>
      <c r="G11" s="52">
        <v>2.0568955799999999</v>
      </c>
      <c r="H11" s="52">
        <v>0.28940580357142859</v>
      </c>
      <c r="I11" s="52">
        <v>0.52885373000000002</v>
      </c>
      <c r="J11" s="52">
        <v>0.34948883928571428</v>
      </c>
      <c r="X11" s="14">
        <v>0.72012967999999999</v>
      </c>
      <c r="Y11" s="14">
        <v>4.7248660714285719E-2</v>
      </c>
    </row>
    <row r="12" spans="2:25" x14ac:dyDescent="0.45">
      <c r="C12" s="52">
        <v>11.26308006</v>
      </c>
      <c r="D12" s="52">
        <v>4.056383928571429E-2</v>
      </c>
      <c r="E12" s="52">
        <v>8.5958297100000003</v>
      </c>
      <c r="F12" s="52">
        <v>0.13854553571428571</v>
      </c>
      <c r="G12" s="52">
        <v>3.0843261200000001</v>
      </c>
      <c r="H12" s="52">
        <v>0.32798482142857149</v>
      </c>
      <c r="I12" s="52">
        <v>0.84831743999999998</v>
      </c>
      <c r="J12" s="52">
        <v>0.39165982142857148</v>
      </c>
      <c r="X12" s="14">
        <v>1.5380940299999999</v>
      </c>
      <c r="Y12" s="14">
        <v>6.4988392857142863E-2</v>
      </c>
    </row>
    <row r="13" spans="2:25" x14ac:dyDescent="0.45">
      <c r="C13" s="52">
        <v>20.12136233</v>
      </c>
      <c r="D13" s="52">
        <v>6.1441071428571428E-2</v>
      </c>
      <c r="E13" s="52">
        <v>13.258940170000001</v>
      </c>
      <c r="F13" s="52">
        <v>0.16609508928571431</v>
      </c>
      <c r="G13" s="52">
        <v>4.1361708400000001</v>
      </c>
      <c r="H13" s="52">
        <v>0.35729598214285718</v>
      </c>
      <c r="I13" s="52">
        <v>1.2837795400000001</v>
      </c>
      <c r="J13" s="52">
        <v>0.42739241071428569</v>
      </c>
      <c r="X13" s="14"/>
      <c r="Y13" s="14"/>
    </row>
    <row r="14" spans="2:25" x14ac:dyDescent="0.45">
      <c r="C14" s="52">
        <v>23.722455480000001</v>
      </c>
      <c r="D14" s="52">
        <v>6.9531696428571432E-2</v>
      </c>
      <c r="E14" s="52">
        <v>16.731858819999999</v>
      </c>
      <c r="F14" s="52">
        <v>0.18440580357142861</v>
      </c>
      <c r="G14" s="52">
        <v>5.1229110599999998</v>
      </c>
      <c r="H14" s="52">
        <v>0.38543348214285722</v>
      </c>
      <c r="I14" s="52">
        <v>1.7110278800000001</v>
      </c>
      <c r="J14" s="52">
        <v>0.46213035714285716</v>
      </c>
      <c r="X14" s="14">
        <v>3.8920289299999999</v>
      </c>
      <c r="Y14" s="14">
        <v>9.6836607142857148E-2</v>
      </c>
    </row>
    <row r="15" spans="2:25" x14ac:dyDescent="0.45">
      <c r="C15" s="52">
        <v>28.151596609999999</v>
      </c>
      <c r="D15" s="52">
        <v>8.3895089285714292E-2</v>
      </c>
      <c r="E15" s="52">
        <v>18.719580870000001</v>
      </c>
      <c r="F15" s="52">
        <v>0.19591517857142857</v>
      </c>
      <c r="G15" s="52">
        <v>6.2093425499999997</v>
      </c>
      <c r="H15" s="52">
        <v>0.40538883928571429</v>
      </c>
      <c r="I15" s="52">
        <v>2.2583126600000001</v>
      </c>
      <c r="J15" s="52">
        <v>0.48841160714285714</v>
      </c>
      <c r="X15" s="14"/>
      <c r="Y15" s="14"/>
    </row>
    <row r="16" spans="2:25" x14ac:dyDescent="0.45">
      <c r="C16" s="52">
        <v>33.646824080000002</v>
      </c>
      <c r="D16" s="52">
        <v>0.10130044642857144</v>
      </c>
      <c r="E16" s="52">
        <v>22.591264639999999</v>
      </c>
      <c r="F16" s="52">
        <v>0.2141486607142857</v>
      </c>
      <c r="G16" s="52">
        <v>8.0159926800000001</v>
      </c>
      <c r="H16" s="52">
        <v>0.43336339285714287</v>
      </c>
      <c r="I16" s="52">
        <v>3.39153802</v>
      </c>
      <c r="J16" s="52">
        <v>0.5347303571428571</v>
      </c>
      <c r="X16" s="14">
        <v>6.2276531899999998</v>
      </c>
      <c r="Y16" s="14">
        <v>0.1198232142857143</v>
      </c>
    </row>
    <row r="17" spans="3:29" x14ac:dyDescent="0.45">
      <c r="C17" s="52">
        <v>38.659871269999996</v>
      </c>
      <c r="D17" s="52">
        <v>0.11844642857142858</v>
      </c>
      <c r="E17" s="52">
        <v>26.106908130000001</v>
      </c>
      <c r="F17" s="52">
        <v>0.2303558035714286</v>
      </c>
      <c r="G17" s="52">
        <v>10.87855656</v>
      </c>
      <c r="H17" s="52">
        <v>0.47614151785714293</v>
      </c>
      <c r="I17" s="52">
        <v>4.7139733599999998</v>
      </c>
      <c r="J17" s="52">
        <v>0.57089866071428574</v>
      </c>
      <c r="X17" s="14"/>
      <c r="Y17" s="14"/>
    </row>
    <row r="18" spans="3:29" x14ac:dyDescent="0.45">
      <c r="C18" s="52">
        <v>43.247704650000003</v>
      </c>
      <c r="D18" s="52">
        <v>0.13707276785714287</v>
      </c>
      <c r="E18" s="52">
        <v>30.049799950000001</v>
      </c>
      <c r="F18" s="52">
        <v>0.248275</v>
      </c>
      <c r="G18" s="52">
        <v>13.74112044</v>
      </c>
      <c r="H18" s="52">
        <v>0.50954241071428574</v>
      </c>
      <c r="I18" s="52">
        <v>5.9875803200000002</v>
      </c>
      <c r="J18" s="52">
        <v>0.60610044642857153</v>
      </c>
      <c r="X18" s="14">
        <v>8.5958297100000003</v>
      </c>
      <c r="Y18" s="14">
        <v>0.13854553571428571</v>
      </c>
    </row>
    <row r="19" spans="3:29" x14ac:dyDescent="0.45">
      <c r="C19" s="52">
        <v>48.106128630000001</v>
      </c>
      <c r="D19" s="52">
        <v>0.15719642857142857</v>
      </c>
      <c r="E19" s="52">
        <v>33.4189583</v>
      </c>
      <c r="F19" s="52">
        <v>0.26268750000000002</v>
      </c>
      <c r="G19" s="52">
        <v>16.229333390000001</v>
      </c>
      <c r="H19" s="52">
        <v>0.53293660714285718</v>
      </c>
      <c r="I19" s="52">
        <v>8.0729591200000002</v>
      </c>
      <c r="J19" s="52">
        <v>0.6414013392857143</v>
      </c>
      <c r="X19" s="14"/>
      <c r="Y19" s="14"/>
    </row>
    <row r="20" spans="3:29" x14ac:dyDescent="0.45">
      <c r="C20" s="52">
        <v>51.434596659999997</v>
      </c>
      <c r="D20" s="52">
        <v>0.17038705357142858</v>
      </c>
      <c r="E20" s="52">
        <v>37.21129595</v>
      </c>
      <c r="F20" s="52">
        <v>0.27634687500000005</v>
      </c>
      <c r="G20" s="52">
        <v>19.732769789999999</v>
      </c>
      <c r="H20" s="52">
        <v>0.56263526785714291</v>
      </c>
      <c r="I20" s="52">
        <v>9.4828786399999991</v>
      </c>
      <c r="J20" s="52">
        <v>0.66310446428571435</v>
      </c>
      <c r="X20" s="14">
        <v>13.258940170000001</v>
      </c>
      <c r="Y20" s="14">
        <v>0.16609508928571431</v>
      </c>
    </row>
    <row r="21" spans="3:29" x14ac:dyDescent="0.45">
      <c r="C21" s="52">
        <v>54.683718560000003</v>
      </c>
      <c r="D21" s="52">
        <v>0.18271562500000002</v>
      </c>
      <c r="E21" s="52">
        <v>40.045376609999998</v>
      </c>
      <c r="F21" s="52">
        <v>0.29302366071428571</v>
      </c>
      <c r="G21" s="52">
        <v>22.786578160000001</v>
      </c>
      <c r="H21" s="52">
        <v>0.58663883928571436</v>
      </c>
      <c r="I21" s="52">
        <v>12.94562472</v>
      </c>
      <c r="J21" s="52">
        <v>0.69924732142857149</v>
      </c>
      <c r="X21" s="14">
        <v>16.731858819999999</v>
      </c>
      <c r="Y21" s="14">
        <v>0.18440580357142861</v>
      </c>
    </row>
    <row r="22" spans="3:29" x14ac:dyDescent="0.45">
      <c r="C22" s="52">
        <v>59.497383200000002</v>
      </c>
      <c r="D22" s="52">
        <v>0.19852276785714287</v>
      </c>
      <c r="E22" s="52">
        <v>43.304671089999999</v>
      </c>
      <c r="F22" s="52">
        <v>0.30445714285714287</v>
      </c>
      <c r="G22" s="52">
        <v>25.295136280000001</v>
      </c>
      <c r="H22" s="52">
        <v>0.60469910714285724</v>
      </c>
      <c r="I22" s="52">
        <v>15.330077360000001</v>
      </c>
      <c r="J22" s="52">
        <v>0.71843750000000006</v>
      </c>
      <c r="X22" s="14"/>
      <c r="Y22" s="14"/>
    </row>
    <row r="23" spans="3:29" x14ac:dyDescent="0.45">
      <c r="C23" s="52">
        <v>62.850265419999999</v>
      </c>
      <c r="D23" s="52">
        <v>0.2104830357142857</v>
      </c>
      <c r="E23" s="52">
        <v>47.56291289</v>
      </c>
      <c r="F23" s="52">
        <v>0.31890491071428573</v>
      </c>
      <c r="G23" s="52">
        <v>28.62767333</v>
      </c>
      <c r="H23" s="52">
        <v>0.62992098214285719</v>
      </c>
      <c r="I23" s="53">
        <v>17.40935262</v>
      </c>
      <c r="J23" s="53">
        <v>0.74181205357142854</v>
      </c>
      <c r="X23" s="14">
        <v>18.719580870000001</v>
      </c>
      <c r="Y23" s="14">
        <v>0.19591517857142857</v>
      </c>
    </row>
    <row r="24" spans="3:29" x14ac:dyDescent="0.45">
      <c r="C24" s="52">
        <v>66.306907940000002</v>
      </c>
      <c r="D24" s="52">
        <v>0.22283526785714286</v>
      </c>
      <c r="E24" s="52">
        <v>47.7439848</v>
      </c>
      <c r="F24" s="52">
        <v>0.32025580357142858</v>
      </c>
      <c r="G24" s="52">
        <v>31.563479789999999</v>
      </c>
      <c r="H24" s="52">
        <v>0.64761294642857148</v>
      </c>
      <c r="I24" s="53">
        <v>19.72666624</v>
      </c>
      <c r="J24" s="53">
        <v>0.75867812499999998</v>
      </c>
      <c r="X24" s="14">
        <v>22.591264639999999</v>
      </c>
      <c r="Y24" s="14">
        <v>0.2141486607142857</v>
      </c>
      <c r="AB24" s="54"/>
    </row>
    <row r="25" spans="3:29" x14ac:dyDescent="0.45">
      <c r="C25" s="52">
        <v>68.36583804</v>
      </c>
      <c r="D25" s="52">
        <v>0.23174955357142857</v>
      </c>
      <c r="E25" s="52">
        <v>51.64822083</v>
      </c>
      <c r="F25" s="52">
        <v>0.33456383928571432</v>
      </c>
      <c r="G25" s="52">
        <v>34.041520159999997</v>
      </c>
      <c r="H25" s="52">
        <v>0.66127857142857149</v>
      </c>
      <c r="I25" s="55">
        <v>22.45698659</v>
      </c>
      <c r="J25" s="53">
        <v>0.78077098214285723</v>
      </c>
      <c r="X25" s="14">
        <v>26.106908130000001</v>
      </c>
      <c r="Y25" s="14">
        <v>0.2303558035714286</v>
      </c>
    </row>
    <row r="26" spans="3:29" x14ac:dyDescent="0.45">
      <c r="C26" s="52">
        <v>73.140846879999998</v>
      </c>
      <c r="D26" s="52">
        <v>0.24691428571428573</v>
      </c>
      <c r="E26" s="52">
        <v>54.49247407</v>
      </c>
      <c r="F26" s="52">
        <v>0.34372232142857145</v>
      </c>
      <c r="G26" s="52">
        <v>37.138053380000002</v>
      </c>
      <c r="H26" s="52">
        <v>0.67819553571428581</v>
      </c>
      <c r="I26" s="53">
        <v>24.725471819999999</v>
      </c>
      <c r="J26" s="53">
        <v>0.79747276785714283</v>
      </c>
      <c r="X26" s="14">
        <v>30.049799950000001</v>
      </c>
      <c r="Y26" s="14">
        <v>0.248275</v>
      </c>
    </row>
    <row r="27" spans="3:29" x14ac:dyDescent="0.45">
      <c r="C27" s="52">
        <v>78.253585349999994</v>
      </c>
      <c r="D27" s="52">
        <v>0.26351428571428576</v>
      </c>
      <c r="E27" s="52">
        <v>58.9094081</v>
      </c>
      <c r="F27" s="52">
        <v>0.36110267857142858</v>
      </c>
      <c r="G27" s="52">
        <v>40.204068849999999</v>
      </c>
      <c r="H27" s="52">
        <v>0.70201785714285714</v>
      </c>
      <c r="I27" s="53">
        <v>27.52903474</v>
      </c>
      <c r="J27" s="53">
        <v>0.81464642857142866</v>
      </c>
      <c r="X27" s="14">
        <v>33.4189583</v>
      </c>
      <c r="Y27" s="14">
        <v>0.26268750000000002</v>
      </c>
    </row>
    <row r="28" spans="3:29" x14ac:dyDescent="0.45">
      <c r="C28" s="52">
        <v>83.645052509999999</v>
      </c>
      <c r="D28" s="52">
        <v>0.27913125</v>
      </c>
      <c r="E28" s="52">
        <v>59.009099380000002</v>
      </c>
      <c r="F28" s="52">
        <v>0.36221116071428577</v>
      </c>
      <c r="G28" s="52">
        <v>43.300602060000003</v>
      </c>
      <c r="H28" s="52">
        <v>0.71693482142857146</v>
      </c>
      <c r="I28" s="53">
        <v>29.746657079999999</v>
      </c>
      <c r="J28" s="53">
        <v>0.82984910714285709</v>
      </c>
      <c r="X28" s="14">
        <v>37.21129595</v>
      </c>
      <c r="Y28" s="14">
        <v>0.27634687500000005</v>
      </c>
      <c r="AB28" s="56"/>
      <c r="AC28" s="31"/>
    </row>
    <row r="29" spans="3:29" x14ac:dyDescent="0.45">
      <c r="C29" s="52">
        <v>88.816791940000002</v>
      </c>
      <c r="D29" s="52">
        <v>0.29401964285714288</v>
      </c>
      <c r="E29" s="52">
        <v>66.514428559999999</v>
      </c>
      <c r="F29" s="52">
        <v>0.38635758928571434</v>
      </c>
      <c r="G29" s="52">
        <v>46.057371109999998</v>
      </c>
      <c r="H29" s="52">
        <v>0.73168125000000006</v>
      </c>
      <c r="I29" s="57">
        <v>34.489113660000001</v>
      </c>
      <c r="J29" s="44">
        <v>0.85709151785714288</v>
      </c>
      <c r="X29" s="14"/>
      <c r="Y29" s="14"/>
      <c r="AB29" s="56"/>
      <c r="AC29" s="31"/>
    </row>
    <row r="30" spans="3:29" x14ac:dyDescent="0.45">
      <c r="C30" s="52">
        <v>93.886805580000001</v>
      </c>
      <c r="D30" s="52">
        <v>0.31058973214285718</v>
      </c>
      <c r="E30" s="52">
        <v>70.101280110000005</v>
      </c>
      <c r="F30" s="52">
        <v>0.39936830357142861</v>
      </c>
      <c r="G30" s="52">
        <v>49.190525610000002</v>
      </c>
      <c r="H30" s="52">
        <v>0.74524375000000009</v>
      </c>
      <c r="I30" s="57">
        <v>36.651804069999997</v>
      </c>
      <c r="J30" s="44">
        <v>0.87396071428571442</v>
      </c>
      <c r="X30" s="14"/>
      <c r="Y30" s="14"/>
      <c r="AB30" s="56"/>
      <c r="AC30" s="31"/>
    </row>
    <row r="31" spans="3:29" x14ac:dyDescent="0.45">
      <c r="C31" s="52">
        <v>96.403501759999997</v>
      </c>
      <c r="D31" s="52">
        <v>0.31887946428571429</v>
      </c>
      <c r="E31" s="52">
        <v>74.469385759999994</v>
      </c>
      <c r="F31" s="52">
        <v>0.41265535714285717</v>
      </c>
      <c r="G31" s="52">
        <v>52.321645590000003</v>
      </c>
      <c r="H31" s="52">
        <v>0.7605312500000001</v>
      </c>
      <c r="I31" s="57">
        <v>38.857219319999999</v>
      </c>
      <c r="J31" s="44">
        <v>0.88783973214285716</v>
      </c>
      <c r="X31" s="14">
        <v>40.045376609999998</v>
      </c>
      <c r="Y31" s="14">
        <v>0.29302366071428571</v>
      </c>
      <c r="AB31" s="56"/>
      <c r="AC31" s="31"/>
    </row>
    <row r="32" spans="3:29" x14ac:dyDescent="0.45">
      <c r="C32" s="52">
        <v>99.9</v>
      </c>
      <c r="D32" s="52">
        <v>0.33068571428571431</v>
      </c>
      <c r="E32" s="52">
        <v>78.298344700000001</v>
      </c>
      <c r="F32" s="52">
        <v>0.42501919642857144</v>
      </c>
      <c r="G32" s="52">
        <v>55.269659140000002</v>
      </c>
      <c r="H32" s="52">
        <v>0.77467098214285723</v>
      </c>
      <c r="I32" s="57">
        <v>41.013806180000003</v>
      </c>
      <c r="J32" s="44">
        <v>0.90380580357142859</v>
      </c>
      <c r="X32" s="14">
        <v>43.304671089999999</v>
      </c>
      <c r="Y32" s="14">
        <v>0.30445714285714287</v>
      </c>
      <c r="AB32" s="56"/>
      <c r="AC32" s="31"/>
    </row>
    <row r="33" spans="3:29" x14ac:dyDescent="0.45">
      <c r="C33" s="58"/>
      <c r="D33" s="58"/>
      <c r="E33" s="52">
        <v>81.891299790000005</v>
      </c>
      <c r="F33" s="52">
        <v>0.43592410714285712</v>
      </c>
      <c r="G33" s="52">
        <v>58.905339069999997</v>
      </c>
      <c r="H33" s="52">
        <v>0.79007723214285719</v>
      </c>
      <c r="I33" s="57">
        <v>44.494862900000001</v>
      </c>
      <c r="J33" s="44">
        <v>0.92560848214285729</v>
      </c>
      <c r="X33" s="14">
        <v>47.56291289</v>
      </c>
      <c r="Y33" s="14">
        <v>0.31890491071428573</v>
      </c>
      <c r="AB33" s="56"/>
      <c r="AC33" s="31"/>
    </row>
    <row r="34" spans="3:29" x14ac:dyDescent="0.45">
      <c r="C34" s="58"/>
      <c r="D34" s="58"/>
      <c r="E34" s="52">
        <v>85.720258729999998</v>
      </c>
      <c r="F34" s="52">
        <v>0.44547500000000007</v>
      </c>
      <c r="G34" s="52">
        <v>62.156495489999998</v>
      </c>
      <c r="H34" s="52">
        <v>0.80407589285714287</v>
      </c>
      <c r="I34" s="57">
        <v>47.430669350000002</v>
      </c>
      <c r="J34" s="44">
        <v>0.93994285714285719</v>
      </c>
      <c r="X34" s="14">
        <v>47.7439848</v>
      </c>
      <c r="Y34" s="14">
        <v>0.32025580357142858</v>
      </c>
      <c r="AB34" s="56"/>
      <c r="AC34" s="31"/>
    </row>
    <row r="35" spans="3:29" x14ac:dyDescent="0.45">
      <c r="C35" s="58"/>
      <c r="D35" s="58"/>
      <c r="E35" s="52">
        <v>89.543114119999998</v>
      </c>
      <c r="F35" s="52">
        <v>0.455746875</v>
      </c>
      <c r="G35" s="52">
        <v>64.797297139999998</v>
      </c>
      <c r="H35" s="52">
        <v>0.81439285714285714</v>
      </c>
      <c r="I35" s="57">
        <v>51.467148909999999</v>
      </c>
      <c r="J35" s="44">
        <v>0.96285669642857152</v>
      </c>
      <c r="X35" s="14"/>
      <c r="Y35" s="14"/>
      <c r="AB35" s="56"/>
      <c r="AC35" s="31"/>
    </row>
    <row r="36" spans="3:29" x14ac:dyDescent="0.45">
      <c r="C36" s="58"/>
      <c r="D36" s="58"/>
      <c r="E36" s="52">
        <v>93.640629160000003</v>
      </c>
      <c r="F36" s="52">
        <v>0.46617142857142863</v>
      </c>
      <c r="G36" s="52">
        <v>68.009797759999998</v>
      </c>
      <c r="H36" s="52">
        <v>0.82858928571428581</v>
      </c>
      <c r="I36" s="57">
        <v>53.572872879999998</v>
      </c>
      <c r="J36" s="44">
        <v>0.97629419642857151</v>
      </c>
      <c r="X36" s="14">
        <v>51.64822083</v>
      </c>
      <c r="Y36" s="14">
        <v>0.33456383928571432</v>
      </c>
      <c r="AB36" s="56"/>
      <c r="AC36" s="31"/>
    </row>
    <row r="37" spans="3:29" x14ac:dyDescent="0.45">
      <c r="C37" s="58"/>
      <c r="D37" s="58"/>
      <c r="E37" s="52">
        <v>97.892767410000005</v>
      </c>
      <c r="F37" s="52">
        <v>0.47712544642857141</v>
      </c>
      <c r="G37" s="52">
        <v>70.774704880000002</v>
      </c>
      <c r="H37" s="52">
        <v>0.83870714285714298</v>
      </c>
      <c r="I37" s="57">
        <v>56.451712890000003</v>
      </c>
      <c r="J37" s="44">
        <v>0.9877040178571429</v>
      </c>
      <c r="X37" s="14">
        <v>54.49247407</v>
      </c>
      <c r="Y37" s="14">
        <v>0.34372232142857145</v>
      </c>
    </row>
    <row r="38" spans="3:29" x14ac:dyDescent="0.45">
      <c r="C38" s="58"/>
      <c r="D38" s="58"/>
      <c r="E38" s="52">
        <v>99.9</v>
      </c>
      <c r="F38" s="52">
        <v>0.48706696428571428</v>
      </c>
      <c r="G38" s="52">
        <v>73.464334910000005</v>
      </c>
      <c r="H38" s="52">
        <v>0.85147410714285721</v>
      </c>
      <c r="I38" s="53">
        <v>58.506573950000003</v>
      </c>
      <c r="J38" s="53">
        <v>1.0020129464285714</v>
      </c>
      <c r="X38" s="14"/>
      <c r="Y38" s="14"/>
    </row>
    <row r="39" spans="3:29" x14ac:dyDescent="0.45">
      <c r="C39" s="52"/>
      <c r="D39" s="52"/>
      <c r="E39" s="52"/>
      <c r="F39" s="52"/>
      <c r="G39" s="52">
        <v>76.743974550000004</v>
      </c>
      <c r="H39" s="52">
        <v>0.86275625</v>
      </c>
      <c r="I39" s="53">
        <v>62.65495189</v>
      </c>
      <c r="J39" s="53">
        <v>1.0179522321428571</v>
      </c>
      <c r="X39" s="14">
        <v>58.9094081</v>
      </c>
      <c r="Y39" s="14">
        <v>0.36110267857142858</v>
      </c>
    </row>
    <row r="40" spans="3:29" x14ac:dyDescent="0.45">
      <c r="C40" s="52"/>
      <c r="D40" s="52"/>
      <c r="E40" s="52"/>
      <c r="F40" s="52"/>
      <c r="G40" s="52">
        <v>79.805920990000004</v>
      </c>
      <c r="H40" s="52">
        <v>0.8759785714285715</v>
      </c>
      <c r="I40" s="53">
        <v>65.442238680000003</v>
      </c>
      <c r="J40" s="53">
        <v>1.0307575892857144</v>
      </c>
      <c r="K40" s="59"/>
      <c r="L40" s="59"/>
      <c r="M40" s="59"/>
      <c r="X40" s="14">
        <v>59.009099380000002</v>
      </c>
      <c r="Y40" s="14">
        <v>0.36221116071428577</v>
      </c>
    </row>
    <row r="41" spans="3:29" x14ac:dyDescent="0.45">
      <c r="C41" s="52"/>
      <c r="D41" s="52"/>
      <c r="E41" s="52"/>
      <c r="F41" s="52"/>
      <c r="G41" s="52">
        <v>83.020456120000006</v>
      </c>
      <c r="H41" s="52">
        <v>0.88612901785714293</v>
      </c>
      <c r="I41" s="53">
        <v>67.484892650000006</v>
      </c>
      <c r="J41" s="53">
        <v>1.0413116071428572</v>
      </c>
      <c r="X41" s="14">
        <v>66.514428559999999</v>
      </c>
      <c r="Y41" s="14">
        <v>0.38635758928571434</v>
      </c>
    </row>
    <row r="42" spans="3:29" x14ac:dyDescent="0.45">
      <c r="C42" s="52"/>
      <c r="D42" s="52"/>
      <c r="E42" s="52"/>
      <c r="F42" s="52"/>
      <c r="G42" s="52">
        <v>86.552375740000002</v>
      </c>
      <c r="H42" s="52">
        <v>0.89718214285714282</v>
      </c>
      <c r="I42" s="53">
        <v>73.759339710000006</v>
      </c>
      <c r="J42" s="53">
        <v>1.0652580357142858</v>
      </c>
      <c r="X42" s="14">
        <v>70.101280110000005</v>
      </c>
      <c r="Y42" s="14">
        <v>0.39936830357142861</v>
      </c>
    </row>
    <row r="43" spans="3:29" x14ac:dyDescent="0.45">
      <c r="C43" s="52"/>
      <c r="D43" s="52"/>
      <c r="E43" s="52"/>
      <c r="F43" s="52"/>
      <c r="G43" s="52">
        <v>89.465802519999997</v>
      </c>
      <c r="H43" s="52">
        <v>0.90650803571428573</v>
      </c>
      <c r="I43" s="53">
        <v>75.087878599999996</v>
      </c>
      <c r="J43" s="53">
        <v>1.0713258928571427</v>
      </c>
      <c r="X43" s="14"/>
      <c r="Y43" s="14"/>
    </row>
    <row r="44" spans="3:29" x14ac:dyDescent="0.45">
      <c r="C44" s="52"/>
      <c r="D44" s="52"/>
      <c r="E44" s="52"/>
      <c r="F44" s="52"/>
      <c r="G44" s="52">
        <v>92.751545710000002</v>
      </c>
      <c r="H44" s="52">
        <v>0.91681428571428569</v>
      </c>
      <c r="I44" s="53">
        <v>77.83040604</v>
      </c>
      <c r="J44" s="53">
        <v>1.0803843750000002</v>
      </c>
      <c r="X44" s="14">
        <v>74.469385759999994</v>
      </c>
      <c r="Y44" s="14">
        <v>0.41265535714285717</v>
      </c>
    </row>
    <row r="45" spans="3:29" x14ac:dyDescent="0.45">
      <c r="C45" s="52"/>
      <c r="D45" s="52"/>
      <c r="E45" s="52"/>
      <c r="F45" s="52"/>
      <c r="G45" s="52">
        <v>96.495054980000006</v>
      </c>
      <c r="H45" s="52">
        <v>0.92798169642857153</v>
      </c>
      <c r="I45" s="53">
        <v>81.291117600000007</v>
      </c>
      <c r="J45" s="53">
        <v>1.0902616071428572</v>
      </c>
      <c r="X45" s="14"/>
      <c r="Y45" s="14"/>
    </row>
    <row r="46" spans="3:29" x14ac:dyDescent="0.45">
      <c r="C46" s="52"/>
      <c r="D46" s="52"/>
      <c r="E46" s="52"/>
      <c r="F46" s="52"/>
      <c r="G46" s="52">
        <v>99.727900759999997</v>
      </c>
      <c r="H46" s="52">
        <v>0.93791026785714293</v>
      </c>
      <c r="I46" s="53">
        <v>85.988814829999995</v>
      </c>
      <c r="J46" s="53">
        <v>1.1056696428571429</v>
      </c>
      <c r="X46" s="14">
        <v>78.298344700000001</v>
      </c>
      <c r="Y46" s="14">
        <v>0.42501919642857144</v>
      </c>
    </row>
    <row r="47" spans="3:29" x14ac:dyDescent="0.45">
      <c r="C47" s="52"/>
      <c r="D47" s="52"/>
      <c r="E47" s="52"/>
      <c r="F47" s="52"/>
      <c r="G47" s="52"/>
      <c r="H47" s="52"/>
      <c r="I47" s="52">
        <v>93.046550510000003</v>
      </c>
      <c r="J47" s="52">
        <v>1.1301495535714285</v>
      </c>
      <c r="X47" s="14">
        <v>81.891299790000005</v>
      </c>
      <c r="Y47" s="14">
        <v>0.43592410714285712</v>
      </c>
    </row>
    <row r="48" spans="3:29" x14ac:dyDescent="0.45">
      <c r="C48" s="52"/>
      <c r="D48" s="52"/>
      <c r="E48" s="52"/>
      <c r="F48" s="52"/>
      <c r="G48" s="52"/>
      <c r="H48" s="52"/>
      <c r="I48" s="52">
        <v>96.159359850000001</v>
      </c>
      <c r="J48" s="52">
        <v>1.1378428571428572</v>
      </c>
      <c r="X48" s="14">
        <v>85.720258729999998</v>
      </c>
      <c r="Y48" s="14">
        <v>0.44547500000000007</v>
      </c>
    </row>
    <row r="49" spans="2:25" x14ac:dyDescent="0.45">
      <c r="C49" s="52"/>
      <c r="D49" s="52"/>
      <c r="E49" s="52"/>
      <c r="F49" s="52"/>
      <c r="G49" s="52"/>
      <c r="H49" s="52"/>
      <c r="I49" s="52">
        <v>99.506138519999993</v>
      </c>
      <c r="J49" s="52">
        <v>1.1467169642857145</v>
      </c>
      <c r="X49" s="14">
        <v>89.543114119999998</v>
      </c>
      <c r="Y49" s="14">
        <v>0.455746875</v>
      </c>
    </row>
    <row r="50" spans="2:25" x14ac:dyDescent="0.45">
      <c r="C50" s="52"/>
      <c r="D50" s="52"/>
      <c r="E50" s="52"/>
      <c r="F50" s="52"/>
      <c r="G50" s="52"/>
      <c r="H50" s="52"/>
      <c r="I50" s="52"/>
      <c r="J50" s="52"/>
      <c r="X50" s="14">
        <v>93.640629160000003</v>
      </c>
      <c r="Y50" s="14">
        <v>0.46617142857142863</v>
      </c>
    </row>
    <row r="51" spans="2:25" x14ac:dyDescent="0.45">
      <c r="C51" s="52"/>
      <c r="D51" s="52"/>
      <c r="E51" s="52"/>
      <c r="F51" s="52"/>
      <c r="G51" s="52"/>
      <c r="H51" s="52"/>
      <c r="I51" s="52"/>
      <c r="J51" s="52"/>
      <c r="X51" s="14">
        <v>97.892767410000005</v>
      </c>
      <c r="Y51" s="14">
        <v>0.47712544642857141</v>
      </c>
    </row>
    <row r="52" spans="2:25" x14ac:dyDescent="0.45">
      <c r="B52" s="24" t="s">
        <v>30</v>
      </c>
      <c r="C52" s="67">
        <v>313</v>
      </c>
      <c r="D52" s="52"/>
      <c r="E52" s="52"/>
      <c r="F52" s="52"/>
      <c r="G52" s="52"/>
      <c r="H52" s="52"/>
      <c r="I52" s="52"/>
      <c r="J52" s="52"/>
      <c r="X52" s="14">
        <v>99.9</v>
      </c>
      <c r="Y52" s="14">
        <v>0.48706696428571428</v>
      </c>
    </row>
    <row r="53" spans="2:25" x14ac:dyDescent="0.45">
      <c r="B53" s="24" t="s">
        <v>37</v>
      </c>
      <c r="C53" s="67" t="s">
        <v>18</v>
      </c>
      <c r="D53" s="58"/>
      <c r="E53" s="52"/>
      <c r="F53" s="52"/>
      <c r="G53" s="58"/>
      <c r="H53" s="58"/>
      <c r="I53" s="58"/>
      <c r="J53" s="58"/>
      <c r="X53" s="61"/>
      <c r="Y53" s="31"/>
    </row>
    <row r="54" spans="2:25" x14ac:dyDescent="0.45">
      <c r="B54" s="24" t="s">
        <v>19</v>
      </c>
      <c r="C54" s="60" t="s">
        <v>4</v>
      </c>
      <c r="D54" s="60"/>
      <c r="E54" s="60" t="s">
        <v>7</v>
      </c>
      <c r="F54" s="60"/>
      <c r="G54" s="60" t="s">
        <v>8</v>
      </c>
      <c r="H54" s="60"/>
      <c r="I54" s="60" t="s">
        <v>9</v>
      </c>
      <c r="J54" s="60"/>
      <c r="X54" s="61"/>
      <c r="Y54" s="31"/>
    </row>
    <row r="55" spans="2:25" x14ac:dyDescent="0.45">
      <c r="C55" s="60" t="s">
        <v>21</v>
      </c>
      <c r="D55" s="39" t="s">
        <v>28</v>
      </c>
      <c r="E55" s="60" t="s">
        <v>21</v>
      </c>
      <c r="F55" s="39" t="s">
        <v>28</v>
      </c>
      <c r="G55" s="60" t="s">
        <v>21</v>
      </c>
      <c r="H55" s="39" t="s">
        <v>28</v>
      </c>
      <c r="I55" s="60" t="s">
        <v>21</v>
      </c>
      <c r="J55" s="39" t="s">
        <v>28</v>
      </c>
      <c r="X55" s="61"/>
      <c r="Y55" s="31"/>
    </row>
    <row r="56" spans="2:25" x14ac:dyDescent="0.45">
      <c r="C56" s="58">
        <v>6.9763550499999996</v>
      </c>
      <c r="D56" s="58">
        <v>3.3080357142857139E-3</v>
      </c>
      <c r="E56" s="15">
        <v>6.9315956999999999</v>
      </c>
      <c r="F56" s="15">
        <v>3.3620535714285718E-3</v>
      </c>
      <c r="G56" s="52">
        <v>3.1189128899999998</v>
      </c>
      <c r="H56" s="52">
        <v>1.5674107142857143E-3</v>
      </c>
      <c r="I56" s="52">
        <v>11.67405228</v>
      </c>
      <c r="J56" s="52">
        <v>3.6691964285714283E-3</v>
      </c>
      <c r="X56" s="61"/>
      <c r="Y56" s="31"/>
    </row>
    <row r="57" spans="2:25" x14ac:dyDescent="0.45">
      <c r="C57" s="58">
        <v>13.52546175</v>
      </c>
      <c r="D57" s="58">
        <v>7.0558035714285705E-3</v>
      </c>
      <c r="E57" s="15">
        <v>14.07274653</v>
      </c>
      <c r="F57" s="15">
        <v>5.8709821428571431E-3</v>
      </c>
      <c r="G57" s="52">
        <v>6.1544106200000002</v>
      </c>
      <c r="H57" s="52">
        <v>3.8004464285714282E-3</v>
      </c>
      <c r="I57" s="52">
        <v>22.501745939999999</v>
      </c>
      <c r="J57" s="52">
        <v>6.663839285714286E-3</v>
      </c>
      <c r="X57" s="61"/>
      <c r="Y57" s="31"/>
    </row>
    <row r="58" spans="2:25" x14ac:dyDescent="0.45">
      <c r="C58" s="58">
        <v>20.074568459999998</v>
      </c>
      <c r="D58" s="58">
        <v>1.1599553571428571E-2</v>
      </c>
      <c r="E58" s="15">
        <v>21.099964480000001</v>
      </c>
      <c r="F58" s="15">
        <v>8.635267857142857E-3</v>
      </c>
      <c r="G58" s="52">
        <v>11.348529729999999</v>
      </c>
      <c r="H58" s="52">
        <v>5.8281250000000008E-3</v>
      </c>
      <c r="I58" s="52">
        <v>33.282645729999999</v>
      </c>
      <c r="J58" s="52">
        <v>9.3370535714285725E-3</v>
      </c>
      <c r="X58" s="61"/>
      <c r="Y58" s="31"/>
    </row>
    <row r="59" spans="2:25" x14ac:dyDescent="0.45">
      <c r="C59" s="58">
        <v>26.84747192</v>
      </c>
      <c r="D59" s="58">
        <v>1.6769642857142858E-2</v>
      </c>
      <c r="E59" s="15">
        <v>28.106837259999999</v>
      </c>
      <c r="F59" s="15">
        <v>1.1086160714285715E-2</v>
      </c>
      <c r="G59" s="52">
        <v>16.06657212</v>
      </c>
      <c r="H59" s="52">
        <v>7.633928571428571E-3</v>
      </c>
      <c r="I59" s="52">
        <v>44.173409380000002</v>
      </c>
      <c r="J59" s="52">
        <v>1.2891517857142858E-2</v>
      </c>
      <c r="X59" s="61"/>
      <c r="Y59" s="31"/>
    </row>
    <row r="60" spans="2:25" x14ac:dyDescent="0.45">
      <c r="C60" s="58">
        <v>33.492200869999998</v>
      </c>
      <c r="D60" s="58">
        <v>2.1271428571428573E-2</v>
      </c>
      <c r="E60" s="15">
        <v>34.920431039999997</v>
      </c>
      <c r="F60" s="15">
        <v>1.3321428571428573E-2</v>
      </c>
      <c r="G60" s="52">
        <v>20.570990340000002</v>
      </c>
      <c r="H60" s="52">
        <v>9.7531249999999996E-3</v>
      </c>
      <c r="I60" s="52">
        <v>55.06417304</v>
      </c>
      <c r="J60" s="52">
        <v>1.6703571428571429E-2</v>
      </c>
      <c r="X60" s="61"/>
      <c r="Y60" s="31"/>
    </row>
    <row r="61" spans="2:25" x14ac:dyDescent="0.45">
      <c r="C61" s="58">
        <v>39.878546299999996</v>
      </c>
      <c r="D61" s="58">
        <v>2.5776785714285714E-2</v>
      </c>
      <c r="E61" s="15">
        <v>41.573298049999998</v>
      </c>
      <c r="F61" s="15">
        <v>1.5939732142857144E-2</v>
      </c>
      <c r="G61" s="52">
        <v>25.47417368</v>
      </c>
      <c r="H61" s="52">
        <v>1.2027232142857142E-2</v>
      </c>
      <c r="I61" s="52">
        <v>66.402530189999993</v>
      </c>
      <c r="J61" s="52">
        <v>1.9976785714285714E-2</v>
      </c>
      <c r="X61" s="61"/>
      <c r="Y61" s="31"/>
    </row>
    <row r="62" spans="2:25" x14ac:dyDescent="0.45">
      <c r="C62" s="58">
        <v>46.399169790000002</v>
      </c>
      <c r="D62" s="58">
        <v>3.0244642857142859E-2</v>
      </c>
      <c r="E62" s="15">
        <v>47.870124789999998</v>
      </c>
      <c r="F62" s="15">
        <v>1.842544642857143E-2</v>
      </c>
      <c r="G62" s="52">
        <v>30.200354130000001</v>
      </c>
      <c r="H62" s="52">
        <v>1.3790178571428573E-2</v>
      </c>
      <c r="I62" s="52">
        <v>77.77750863</v>
      </c>
      <c r="J62" s="52">
        <v>2.3406696428571429E-2</v>
      </c>
      <c r="X62" s="61"/>
      <c r="Y62" s="31"/>
    </row>
    <row r="63" spans="2:25" x14ac:dyDescent="0.45">
      <c r="C63" s="58">
        <v>53.064243900000001</v>
      </c>
      <c r="D63" s="58">
        <v>3.5544196428571428E-2</v>
      </c>
      <c r="E63" s="15">
        <v>53.900429940000002</v>
      </c>
      <c r="F63" s="15">
        <v>2.1145982142857143E-2</v>
      </c>
      <c r="G63" s="52">
        <v>34.865499110000002</v>
      </c>
      <c r="H63" s="52">
        <v>1.5725446428571429E-2</v>
      </c>
      <c r="I63" s="52">
        <v>92.721027969999994</v>
      </c>
      <c r="J63" s="52">
        <v>2.7541964285714288E-2</v>
      </c>
      <c r="X63" s="61"/>
      <c r="Y63" s="31"/>
    </row>
    <row r="64" spans="2:25" x14ac:dyDescent="0.45">
      <c r="C64" s="58">
        <v>59.951080249999997</v>
      </c>
      <c r="D64" s="58">
        <v>4.1508928571428572E-2</v>
      </c>
      <c r="E64" s="15">
        <v>60.305086019999997</v>
      </c>
      <c r="F64" s="15">
        <v>2.3395982142857145E-2</v>
      </c>
      <c r="G64" s="52">
        <v>39.310916370000001</v>
      </c>
      <c r="H64" s="52">
        <v>1.7346428571428572E-2</v>
      </c>
      <c r="I64" s="52">
        <v>99.9</v>
      </c>
      <c r="J64" s="52">
        <v>3.1293303571428573E-2</v>
      </c>
      <c r="X64" s="61"/>
      <c r="Y64" s="31"/>
    </row>
    <row r="65" spans="3:25" x14ac:dyDescent="0.45">
      <c r="C65" s="58">
        <v>66.195009569999996</v>
      </c>
      <c r="D65" s="58">
        <v>4.5795089285714297E-2</v>
      </c>
      <c r="E65" s="15">
        <v>66.459496639999998</v>
      </c>
      <c r="F65" s="15">
        <v>2.5610714285714285E-2</v>
      </c>
      <c r="G65" s="52">
        <v>44.244617439999999</v>
      </c>
      <c r="H65" s="52">
        <v>1.9586160714285716E-2</v>
      </c>
      <c r="I65" s="52"/>
      <c r="J65" s="52"/>
      <c r="X65" s="61"/>
      <c r="Y65" s="31"/>
    </row>
    <row r="66" spans="3:25" x14ac:dyDescent="0.45">
      <c r="C66" s="58">
        <v>72.630183380000005</v>
      </c>
      <c r="D66" s="58">
        <v>5.1288839285714288E-2</v>
      </c>
      <c r="E66" s="15">
        <v>72.573216939999995</v>
      </c>
      <c r="F66" s="15">
        <v>2.7731249999999999E-2</v>
      </c>
      <c r="G66" s="52">
        <v>50.193541949999997</v>
      </c>
      <c r="H66" s="52">
        <v>2.1997767857142858E-2</v>
      </c>
      <c r="I66" s="52"/>
      <c r="J66" s="52"/>
      <c r="Y66" s="62"/>
    </row>
    <row r="67" spans="3:25" x14ac:dyDescent="0.45">
      <c r="C67" s="58">
        <v>81.706158849999994</v>
      </c>
      <c r="D67" s="58">
        <v>5.7325446428571424E-2</v>
      </c>
      <c r="E67" s="15">
        <v>82.153752350000005</v>
      </c>
      <c r="F67" s="15">
        <v>3.095982142857143E-2</v>
      </c>
      <c r="G67" s="52">
        <v>56.231985170000002</v>
      </c>
      <c r="H67" s="52">
        <v>2.4181250000000005E-2</v>
      </c>
      <c r="I67" s="52"/>
      <c r="J67" s="52"/>
      <c r="Y67" s="62"/>
    </row>
    <row r="68" spans="3:25" x14ac:dyDescent="0.45">
      <c r="C68" s="58">
        <v>91.323315539999996</v>
      </c>
      <c r="D68" s="58">
        <v>6.3580357142857133E-2</v>
      </c>
      <c r="E68" s="15">
        <v>93.302899519999997</v>
      </c>
      <c r="F68" s="15">
        <v>3.4941071428571432E-2</v>
      </c>
      <c r="G68" s="52">
        <v>62.007975829999999</v>
      </c>
      <c r="H68" s="52">
        <v>2.6626339285714288E-2</v>
      </c>
      <c r="I68" s="52"/>
      <c r="J68" s="52"/>
      <c r="Y68" s="62"/>
    </row>
    <row r="69" spans="3:25" x14ac:dyDescent="0.45">
      <c r="C69" s="58">
        <v>99.9</v>
      </c>
      <c r="D69" s="58">
        <v>7.0330803571428568E-2</v>
      </c>
      <c r="E69" s="15">
        <v>97.609969699999994</v>
      </c>
      <c r="F69" s="15">
        <v>3.7113839285714288E-2</v>
      </c>
      <c r="G69" s="52">
        <v>67.600860060000002</v>
      </c>
      <c r="H69" s="52">
        <v>2.945357142857143E-2</v>
      </c>
      <c r="I69" s="52"/>
      <c r="J69" s="52"/>
      <c r="Y69" s="62"/>
    </row>
    <row r="70" spans="3:25" x14ac:dyDescent="0.45">
      <c r="C70" s="59"/>
      <c r="D70" s="59"/>
      <c r="E70" s="15">
        <v>103.20692296</v>
      </c>
      <c r="F70" s="15">
        <v>4.0649107142857147E-2</v>
      </c>
      <c r="G70" s="52">
        <v>73.283262989999997</v>
      </c>
      <c r="H70" s="52">
        <v>3.2039732142857144E-2</v>
      </c>
      <c r="Y70" s="62"/>
    </row>
    <row r="71" spans="3:25" x14ac:dyDescent="0.45">
      <c r="C71" s="59"/>
      <c r="D71" s="59"/>
      <c r="E71" s="52"/>
      <c r="F71" s="52"/>
      <c r="G71" s="52">
        <v>78.760179809999997</v>
      </c>
      <c r="H71" s="52">
        <v>3.4597767857142858E-2</v>
      </c>
      <c r="Y71" s="62"/>
    </row>
    <row r="72" spans="3:25" x14ac:dyDescent="0.45">
      <c r="C72" s="40"/>
      <c r="D72" s="59"/>
      <c r="E72" s="52"/>
      <c r="F72" s="52"/>
      <c r="G72" s="52">
        <v>84.58703337</v>
      </c>
      <c r="H72" s="52">
        <v>3.6460267857142861E-2</v>
      </c>
    </row>
    <row r="73" spans="3:25" x14ac:dyDescent="0.45">
      <c r="C73" s="59"/>
      <c r="D73" s="59"/>
      <c r="E73" s="52"/>
      <c r="F73" s="52"/>
      <c r="G73" s="52">
        <v>89.964258920000006</v>
      </c>
      <c r="H73" s="52">
        <v>3.8253571428571428E-2</v>
      </c>
    </row>
    <row r="74" spans="3:25" x14ac:dyDescent="0.45">
      <c r="C74" s="59"/>
      <c r="D74" s="59"/>
      <c r="E74" s="52"/>
      <c r="F74" s="52"/>
      <c r="G74" s="52">
        <v>95.610040560000002</v>
      </c>
      <c r="H74" s="52">
        <v>4.0207142857142858E-2</v>
      </c>
    </row>
    <row r="75" spans="3:25" x14ac:dyDescent="0.45">
      <c r="C75" s="59"/>
      <c r="D75" s="59"/>
      <c r="E75" s="52"/>
      <c r="F75" s="52"/>
      <c r="G75" s="52">
        <v>99.9</v>
      </c>
      <c r="H75" s="52">
        <v>4.2659374999999999E-2</v>
      </c>
    </row>
    <row r="76" spans="3:25" x14ac:dyDescent="0.45">
      <c r="C76" s="59"/>
      <c r="D76" s="59"/>
    </row>
  </sheetData>
  <pageMargins left="0.7" right="0.7" top="0.75" bottom="0.75" header="0.3" footer="0.3"/>
  <drawing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0F4E94-FD6C-49E7-9EE6-D8A3AD1B88E6}">
  <dimension ref="B4:AA81"/>
  <sheetViews>
    <sheetView zoomScale="77" zoomScaleNormal="77" workbookViewId="0">
      <selection activeCell="B45" sqref="B45"/>
    </sheetView>
  </sheetViews>
  <sheetFormatPr defaultRowHeight="14.25" x14ac:dyDescent="0.45"/>
  <cols>
    <col min="1" max="16384" width="9.06640625" style="27"/>
  </cols>
  <sheetData>
    <row r="4" spans="2:27" x14ac:dyDescent="0.45">
      <c r="B4" s="24" t="s">
        <v>30</v>
      </c>
      <c r="C4" s="67">
        <v>298</v>
      </c>
    </row>
    <row r="5" spans="2:27" x14ac:dyDescent="0.45">
      <c r="B5" s="24" t="s">
        <v>37</v>
      </c>
      <c r="C5" s="67" t="s">
        <v>17</v>
      </c>
    </row>
    <row r="6" spans="2:27" ht="14.65" thickBot="1" x14ac:dyDescent="0.5">
      <c r="B6" s="24" t="s">
        <v>19</v>
      </c>
      <c r="C6" s="30" t="s">
        <v>4</v>
      </c>
      <c r="D6" s="30"/>
      <c r="E6" s="24" t="s">
        <v>10</v>
      </c>
      <c r="F6" s="24"/>
      <c r="G6" s="24" t="s">
        <v>11</v>
      </c>
      <c r="H6" s="24"/>
      <c r="I6" s="24" t="s">
        <v>12</v>
      </c>
    </row>
    <row r="7" spans="2:27" ht="14.65" thickBot="1" x14ac:dyDescent="0.5">
      <c r="C7" s="32" t="s">
        <v>33</v>
      </c>
      <c r="D7" s="32" t="s">
        <v>34</v>
      </c>
      <c r="E7" s="32" t="s">
        <v>33</v>
      </c>
      <c r="F7" s="32" t="s">
        <v>34</v>
      </c>
      <c r="G7" s="32" t="s">
        <v>33</v>
      </c>
      <c r="H7" s="32" t="s">
        <v>34</v>
      </c>
      <c r="I7" s="32" t="s">
        <v>33</v>
      </c>
      <c r="J7" s="32" t="s">
        <v>34</v>
      </c>
      <c r="Z7" s="28"/>
      <c r="AA7" s="29"/>
    </row>
    <row r="8" spans="2:27" x14ac:dyDescent="0.45">
      <c r="C8" s="41">
        <v>1.45467887</v>
      </c>
      <c r="D8" s="41">
        <v>9.9714285714285721E-3</v>
      </c>
      <c r="E8" s="42">
        <v>1.9144794700000001</v>
      </c>
      <c r="F8" s="42">
        <v>0.12195</v>
      </c>
      <c r="G8" s="42">
        <v>0.49832879000000002</v>
      </c>
      <c r="H8" s="42">
        <v>0.13187455357142858</v>
      </c>
      <c r="I8" s="42">
        <v>2.0723289999999998E-2</v>
      </c>
      <c r="J8" s="42">
        <v>8.281875000000001E-2</v>
      </c>
    </row>
    <row r="9" spans="2:27" x14ac:dyDescent="0.45">
      <c r="C9" s="41">
        <v>7.8410243099999999</v>
      </c>
      <c r="D9" s="41">
        <v>4.5137946428571434E-2</v>
      </c>
      <c r="E9" s="42">
        <v>5.0496684800000002</v>
      </c>
      <c r="F9" s="42">
        <v>0.1760120535714286</v>
      </c>
      <c r="G9" s="42">
        <v>2.0263778399999999</v>
      </c>
      <c r="H9" s="42">
        <v>0.21069910714285717</v>
      </c>
      <c r="I9" s="42">
        <v>3.9515410000000001E-2</v>
      </c>
      <c r="J9" s="42">
        <v>0.15181562500000001</v>
      </c>
    </row>
    <row r="10" spans="2:27" x14ac:dyDescent="0.45">
      <c r="C10" s="41">
        <v>23.407105520000002</v>
      </c>
      <c r="D10" s="41">
        <v>0.12148794642857144</v>
      </c>
      <c r="E10" s="42">
        <v>9.7677108700000002</v>
      </c>
      <c r="F10" s="42">
        <v>0.22285491071428573</v>
      </c>
      <c r="G10" s="42">
        <v>4.1931372900000001</v>
      </c>
      <c r="H10" s="42">
        <v>0.26240669642857145</v>
      </c>
      <c r="I10" s="42">
        <v>4.3659950000000003E-2</v>
      </c>
      <c r="J10" s="42">
        <v>0.22121473214285717</v>
      </c>
    </row>
    <row r="11" spans="2:27" x14ac:dyDescent="0.45">
      <c r="C11" s="41">
        <v>38.063758110000002</v>
      </c>
      <c r="D11" s="41">
        <v>0.18909107142857146</v>
      </c>
      <c r="E11" s="42">
        <v>14.432855849999999</v>
      </c>
      <c r="F11" s="42">
        <v>0.2646</v>
      </c>
      <c r="G11" s="42">
        <v>6.4758641299999997</v>
      </c>
      <c r="H11" s="42">
        <v>0.29471383928571432</v>
      </c>
      <c r="I11" s="42">
        <v>6.8385840000000003E-2</v>
      </c>
      <c r="J11" s="42">
        <v>0.28975401785714289</v>
      </c>
    </row>
    <row r="12" spans="2:27" x14ac:dyDescent="0.45">
      <c r="C12" s="41">
        <v>47.145837129999997</v>
      </c>
      <c r="D12" s="41">
        <v>0.23028348214285718</v>
      </c>
      <c r="E12" s="42">
        <v>19.44386853</v>
      </c>
      <c r="F12" s="42">
        <v>0.28635357142857143</v>
      </c>
      <c r="G12" s="42">
        <v>9.8206082899999991</v>
      </c>
      <c r="H12" s="42">
        <v>0.33262187500000001</v>
      </c>
      <c r="I12" s="42">
        <v>9.9112939999999997E-2</v>
      </c>
      <c r="J12" s="42">
        <v>0.35854241071428572</v>
      </c>
    </row>
    <row r="13" spans="2:27" x14ac:dyDescent="0.45">
      <c r="C13" s="41">
        <v>63.942800460000001</v>
      </c>
      <c r="D13" s="41">
        <v>0.30231116071428571</v>
      </c>
      <c r="E13" s="42">
        <v>23.852664499999999</v>
      </c>
      <c r="F13" s="42">
        <v>0.32037276785714291</v>
      </c>
      <c r="G13" s="42">
        <v>13.147041789999999</v>
      </c>
      <c r="H13" s="42">
        <v>0.36255892857142863</v>
      </c>
      <c r="I13" s="42">
        <v>0.17665885000000001</v>
      </c>
      <c r="J13" s="42">
        <v>0.42510267857142858</v>
      </c>
    </row>
    <row r="14" spans="2:27" x14ac:dyDescent="0.45">
      <c r="C14" s="41">
        <v>68.548944469999995</v>
      </c>
      <c r="D14" s="41">
        <v>0.32261071428571431</v>
      </c>
      <c r="E14" s="42">
        <v>28.481188190000001</v>
      </c>
      <c r="F14" s="42">
        <v>0.34996294642857145</v>
      </c>
      <c r="G14" s="42">
        <v>17.659598079999999</v>
      </c>
      <c r="H14" s="42">
        <v>0.39908571428571432</v>
      </c>
      <c r="I14" s="42">
        <v>0.29072079000000001</v>
      </c>
      <c r="J14" s="42">
        <v>0.4891879464285715</v>
      </c>
    </row>
    <row r="15" spans="2:27" x14ac:dyDescent="0.45">
      <c r="C15" s="41">
        <v>71.944551520000005</v>
      </c>
      <c r="D15" s="41">
        <v>0.33580446428571431</v>
      </c>
      <c r="E15" s="42">
        <v>33.439303459999998</v>
      </c>
      <c r="F15" s="42">
        <v>0.3647897321428572</v>
      </c>
      <c r="G15" s="42">
        <v>22.355260789999999</v>
      </c>
      <c r="H15" s="42">
        <v>0.43486294642857148</v>
      </c>
      <c r="I15" s="42">
        <v>0.70995585000000005</v>
      </c>
      <c r="J15" s="42">
        <v>0.60622366071428568</v>
      </c>
    </row>
    <row r="16" spans="2:27" x14ac:dyDescent="0.45">
      <c r="C16" s="41">
        <v>88.059952030000005</v>
      </c>
      <c r="D16" s="41">
        <v>0.39740982142857145</v>
      </c>
      <c r="E16" s="42">
        <v>38.446247100000001</v>
      </c>
      <c r="F16" s="42">
        <v>0.39262098214285718</v>
      </c>
      <c r="G16" s="42">
        <v>27.083475759999999</v>
      </c>
      <c r="H16" s="42">
        <v>0.46482589285714293</v>
      </c>
      <c r="I16" s="42">
        <v>1.1535705199999999</v>
      </c>
      <c r="J16" s="42">
        <v>0.65181383928571435</v>
      </c>
    </row>
    <row r="17" spans="3:10" x14ac:dyDescent="0.45">
      <c r="C17" s="41">
        <v>94.8857529</v>
      </c>
      <c r="D17" s="41">
        <v>0.42307678571428575</v>
      </c>
      <c r="E17" s="42">
        <v>43.36570657</v>
      </c>
      <c r="F17" s="42">
        <v>0.41404910714285714</v>
      </c>
      <c r="G17" s="42">
        <v>31.62451527</v>
      </c>
      <c r="H17" s="42">
        <v>0.49003571428571435</v>
      </c>
      <c r="I17" s="42">
        <v>2.2867958800000001</v>
      </c>
      <c r="J17" s="42">
        <v>0.72953750000000017</v>
      </c>
    </row>
    <row r="18" spans="3:10" x14ac:dyDescent="0.45">
      <c r="C18" s="41">
        <v>99.9</v>
      </c>
      <c r="D18" s="41">
        <v>0.45380491071428569</v>
      </c>
      <c r="E18" s="42">
        <v>48.433685689999997</v>
      </c>
      <c r="F18" s="42">
        <v>0.44026607142857144</v>
      </c>
      <c r="G18" s="42">
        <v>36.493111829999997</v>
      </c>
      <c r="H18" s="42">
        <v>0.52004642857142858</v>
      </c>
      <c r="I18" s="42">
        <v>4.0263069800000002</v>
      </c>
      <c r="J18" s="42">
        <v>0.81278839285714288</v>
      </c>
    </row>
    <row r="19" spans="3:10" x14ac:dyDescent="0.45">
      <c r="C19" s="41"/>
      <c r="D19" s="41"/>
      <c r="E19" s="42">
        <v>53.180211309999997</v>
      </c>
      <c r="F19" s="42">
        <v>0.46108348214285716</v>
      </c>
      <c r="G19" s="42">
        <v>41.209119710000003</v>
      </c>
      <c r="H19" s="42">
        <v>0.54238526785714292</v>
      </c>
      <c r="I19" s="42">
        <v>6.2296877100000003</v>
      </c>
      <c r="J19" s="42">
        <v>0.86428482142857144</v>
      </c>
    </row>
    <row r="20" spans="3:10" x14ac:dyDescent="0.45">
      <c r="C20" s="41"/>
      <c r="D20" s="41"/>
      <c r="E20" s="42">
        <v>57.631732110000002</v>
      </c>
      <c r="F20" s="42">
        <v>0.48925803571428572</v>
      </c>
      <c r="G20" s="42">
        <v>46.250650129999997</v>
      </c>
      <c r="H20" s="42">
        <v>0.56967410714285716</v>
      </c>
      <c r="I20" s="42">
        <v>8.4595171400000009</v>
      </c>
      <c r="J20" s="42">
        <v>0.90807455357142863</v>
      </c>
    </row>
    <row r="21" spans="3:10" x14ac:dyDescent="0.45">
      <c r="C21" s="41"/>
      <c r="D21" s="41"/>
      <c r="E21" s="42">
        <v>62.388430300000003</v>
      </c>
      <c r="F21" s="42">
        <v>0.51461919642857146</v>
      </c>
      <c r="G21" s="42">
        <v>51.330836349999998</v>
      </c>
      <c r="H21" s="42">
        <v>0.59043258928571429</v>
      </c>
      <c r="I21" s="42">
        <v>12.38206381</v>
      </c>
      <c r="J21" s="42">
        <v>0.95394241071428587</v>
      </c>
    </row>
    <row r="22" spans="3:10" x14ac:dyDescent="0.45">
      <c r="C22" s="41"/>
      <c r="D22" s="41"/>
      <c r="E22" s="42">
        <v>67.608998119999995</v>
      </c>
      <c r="F22" s="42">
        <v>0.53108616071428583</v>
      </c>
      <c r="G22" s="42">
        <v>57.361141500000002</v>
      </c>
      <c r="H22" s="42">
        <v>0.61964553571428571</v>
      </c>
      <c r="I22" s="42">
        <v>16.82544656</v>
      </c>
      <c r="J22" s="42">
        <v>1.0044200892857142</v>
      </c>
    </row>
    <row r="23" spans="3:10" x14ac:dyDescent="0.45">
      <c r="C23" s="41"/>
      <c r="D23" s="41"/>
      <c r="E23" s="42">
        <v>72.363661800000003</v>
      </c>
      <c r="F23" s="42">
        <v>0.55270714285714284</v>
      </c>
      <c r="G23" s="42">
        <v>63.582691140000001</v>
      </c>
      <c r="H23" s="42">
        <v>0.64237232142857148</v>
      </c>
      <c r="I23" s="42">
        <v>20.522161959999998</v>
      </c>
      <c r="J23" s="42">
        <v>1.0377285714285716</v>
      </c>
    </row>
    <row r="24" spans="3:10" x14ac:dyDescent="0.45">
      <c r="C24" s="41"/>
      <c r="D24" s="41"/>
      <c r="E24" s="42">
        <v>76.923011950000003</v>
      </c>
      <c r="F24" s="42">
        <v>0.56843526785714293</v>
      </c>
      <c r="G24" s="42">
        <v>69.783895630000004</v>
      </c>
      <c r="H24" s="42">
        <v>0.66863794642857144</v>
      </c>
      <c r="I24" s="42">
        <v>27.754866010000001</v>
      </c>
      <c r="J24" s="42">
        <v>1.0995816964285714</v>
      </c>
    </row>
    <row r="25" spans="3:10" x14ac:dyDescent="0.45">
      <c r="C25" s="41"/>
      <c r="D25" s="41"/>
      <c r="E25" s="42">
        <v>86.678515719999993</v>
      </c>
      <c r="F25" s="42">
        <v>0.60883214285714293</v>
      </c>
      <c r="G25" s="42">
        <v>75.726716589999995</v>
      </c>
      <c r="H25" s="42">
        <v>0.69109017857142863</v>
      </c>
      <c r="I25" s="42">
        <v>8.4595171400000009</v>
      </c>
      <c r="J25" s="42">
        <v>0.90807455357142863</v>
      </c>
    </row>
    <row r="26" spans="3:10" x14ac:dyDescent="0.45">
      <c r="C26" s="41"/>
      <c r="D26" s="41"/>
      <c r="E26" s="42">
        <v>90.95099913</v>
      </c>
      <c r="F26" s="42">
        <v>0.63701830357142863</v>
      </c>
      <c r="G26" s="42">
        <v>81.903506890000003</v>
      </c>
      <c r="H26" s="42">
        <v>0.71016428571428569</v>
      </c>
      <c r="I26" s="42">
        <v>12.38206381</v>
      </c>
      <c r="J26" s="42">
        <v>0.95394241071428587</v>
      </c>
    </row>
    <row r="27" spans="3:10" x14ac:dyDescent="0.45">
      <c r="C27" s="41"/>
      <c r="D27" s="41"/>
      <c r="E27" s="42">
        <v>99.9</v>
      </c>
      <c r="F27" s="42">
        <v>0.67671339285714283</v>
      </c>
      <c r="G27" s="42">
        <v>87.77715431</v>
      </c>
      <c r="H27" s="42">
        <v>0.7297584821428571</v>
      </c>
      <c r="I27" s="42">
        <v>32.306078100000001</v>
      </c>
      <c r="J27" s="42">
        <v>1.145428125</v>
      </c>
    </row>
    <row r="28" spans="3:10" x14ac:dyDescent="0.45">
      <c r="C28" s="41"/>
      <c r="D28" s="41"/>
      <c r="E28" s="42"/>
      <c r="F28" s="42"/>
      <c r="G28" s="42">
        <v>93.925461389999995</v>
      </c>
      <c r="H28" s="42">
        <v>0.75082142857142864</v>
      </c>
      <c r="I28" s="42">
        <v>36.474801190000001</v>
      </c>
      <c r="J28" s="42">
        <v>1.172863392857143</v>
      </c>
    </row>
    <row r="29" spans="3:10" x14ac:dyDescent="0.45">
      <c r="C29" s="41"/>
      <c r="D29" s="41"/>
      <c r="E29" s="42"/>
      <c r="F29" s="42"/>
      <c r="G29" s="42">
        <v>99.970008149999998</v>
      </c>
      <c r="H29" s="42">
        <v>0.77238303571428579</v>
      </c>
      <c r="I29" s="42">
        <v>40.411589470000003</v>
      </c>
      <c r="J29" s="42">
        <v>1.1968504464285714</v>
      </c>
    </row>
    <row r="30" spans="3:10" x14ac:dyDescent="0.45">
      <c r="C30" s="41"/>
      <c r="D30" s="41"/>
      <c r="E30" s="42"/>
      <c r="F30" s="42"/>
      <c r="G30" s="42"/>
      <c r="H30" s="42"/>
      <c r="I30" s="42">
        <v>44.382964520000002</v>
      </c>
      <c r="J30" s="42">
        <v>1.2174441964285714</v>
      </c>
    </row>
    <row r="31" spans="3:10" x14ac:dyDescent="0.45">
      <c r="C31" s="41"/>
      <c r="D31" s="41"/>
      <c r="E31" s="42"/>
      <c r="F31" s="42"/>
      <c r="G31" s="42"/>
      <c r="H31" s="42"/>
      <c r="I31" s="42">
        <v>48.27092442</v>
      </c>
      <c r="J31" s="42">
        <v>1.2381933035714288</v>
      </c>
    </row>
    <row r="32" spans="3:10" x14ac:dyDescent="0.45">
      <c r="C32" s="41"/>
      <c r="D32" s="41"/>
      <c r="E32" s="42"/>
      <c r="F32" s="42"/>
      <c r="G32" s="42"/>
      <c r="H32" s="42"/>
      <c r="I32" s="42">
        <v>52.553580410000002</v>
      </c>
      <c r="J32" s="42">
        <v>1.2670852678571429</v>
      </c>
    </row>
    <row r="33" spans="2:13" x14ac:dyDescent="0.45">
      <c r="C33" s="41"/>
      <c r="D33" s="41"/>
      <c r="E33" s="42"/>
      <c r="F33" s="42"/>
      <c r="G33" s="42"/>
      <c r="H33" s="42"/>
      <c r="I33" s="42">
        <v>56.372366769999999</v>
      </c>
      <c r="J33" s="42">
        <v>1.2818892857142858</v>
      </c>
    </row>
    <row r="34" spans="2:13" x14ac:dyDescent="0.45">
      <c r="C34" s="41"/>
      <c r="D34" s="41"/>
      <c r="E34" s="42"/>
      <c r="F34" s="42"/>
      <c r="G34" s="42"/>
      <c r="H34" s="42"/>
      <c r="I34" s="42">
        <v>60.006012179999999</v>
      </c>
      <c r="J34" s="42">
        <v>1.3034441964285715</v>
      </c>
    </row>
    <row r="35" spans="2:13" x14ac:dyDescent="0.45">
      <c r="C35" s="41"/>
      <c r="D35" s="41"/>
      <c r="E35" s="42"/>
      <c r="F35" s="42"/>
      <c r="G35" s="42"/>
      <c r="H35" s="42"/>
      <c r="I35" s="42">
        <v>67.383166860000003</v>
      </c>
      <c r="J35" s="42">
        <v>1.3420964285714287</v>
      </c>
    </row>
    <row r="36" spans="2:13" x14ac:dyDescent="0.45">
      <c r="C36" s="41"/>
      <c r="D36" s="41"/>
      <c r="E36" s="42"/>
      <c r="F36" s="42"/>
      <c r="G36" s="42"/>
      <c r="H36" s="42"/>
      <c r="I36" s="42">
        <v>70.793015519999997</v>
      </c>
      <c r="J36" s="42">
        <v>1.3529209821428574</v>
      </c>
    </row>
    <row r="37" spans="2:13" x14ac:dyDescent="0.45">
      <c r="C37" s="41"/>
      <c r="D37" s="41"/>
      <c r="E37" s="42"/>
      <c r="F37" s="42"/>
      <c r="G37" s="42"/>
      <c r="H37" s="42"/>
      <c r="I37" s="42">
        <v>74.860012819999994</v>
      </c>
      <c r="J37" s="42">
        <v>1.3735553571428571</v>
      </c>
    </row>
    <row r="38" spans="2:13" x14ac:dyDescent="0.45">
      <c r="C38" s="41"/>
      <c r="D38" s="41"/>
      <c r="E38" s="42"/>
      <c r="F38" s="42"/>
      <c r="G38" s="42"/>
      <c r="H38" s="42"/>
      <c r="I38" s="42">
        <v>78.784593999999998</v>
      </c>
      <c r="J38" s="42">
        <v>1.385507142857143</v>
      </c>
    </row>
    <row r="39" spans="2:13" x14ac:dyDescent="0.45">
      <c r="C39" s="42"/>
      <c r="D39" s="42"/>
      <c r="E39" s="42"/>
      <c r="F39" s="42"/>
      <c r="G39" s="42"/>
      <c r="H39" s="42"/>
      <c r="I39" s="42">
        <v>86.784310550000001</v>
      </c>
      <c r="J39" s="42">
        <v>1.4071982142857142</v>
      </c>
    </row>
    <row r="40" spans="2:13" x14ac:dyDescent="0.45">
      <c r="C40" s="42"/>
      <c r="D40" s="42"/>
      <c r="E40" s="42"/>
      <c r="F40" s="42"/>
      <c r="G40" s="42"/>
      <c r="H40" s="42"/>
      <c r="I40" s="42">
        <v>90.837066239999999</v>
      </c>
      <c r="J40" s="42">
        <v>1.4223625000000002</v>
      </c>
      <c r="K40" s="26"/>
      <c r="L40" s="26"/>
      <c r="M40" s="26"/>
    </row>
    <row r="41" spans="2:13" x14ac:dyDescent="0.45">
      <c r="C41" s="42"/>
      <c r="D41" s="42"/>
      <c r="E41" s="42"/>
      <c r="F41" s="42"/>
      <c r="G41" s="42"/>
      <c r="H41" s="42"/>
      <c r="I41" s="42">
        <v>94.244880379999998</v>
      </c>
      <c r="J41" s="42">
        <v>1.4313714285714285</v>
      </c>
    </row>
    <row r="42" spans="2:13" x14ac:dyDescent="0.45">
      <c r="C42" s="42"/>
      <c r="D42" s="42"/>
      <c r="E42" s="42"/>
      <c r="F42" s="42"/>
      <c r="G42" s="42"/>
      <c r="H42" s="42"/>
      <c r="I42" s="42">
        <v>99.9</v>
      </c>
      <c r="J42" s="42">
        <v>1.4575366071428573</v>
      </c>
    </row>
    <row r="43" spans="2:13" x14ac:dyDescent="0.45">
      <c r="B43" s="24" t="s">
        <v>30</v>
      </c>
      <c r="C43" s="67">
        <v>298</v>
      </c>
      <c r="D43" s="42"/>
      <c r="E43" s="42"/>
      <c r="F43" s="42"/>
      <c r="G43" s="42"/>
      <c r="H43" s="42"/>
      <c r="I43" s="42"/>
      <c r="J43" s="42"/>
    </row>
    <row r="44" spans="2:13" x14ac:dyDescent="0.45">
      <c r="B44" s="24" t="s">
        <v>37</v>
      </c>
      <c r="C44" s="67" t="s">
        <v>18</v>
      </c>
      <c r="D44" s="41"/>
      <c r="E44" s="42"/>
      <c r="F44" s="42"/>
      <c r="G44" s="41"/>
      <c r="H44" s="41"/>
      <c r="I44" s="41"/>
      <c r="J44" s="41"/>
    </row>
    <row r="45" spans="2:13" x14ac:dyDescent="0.45">
      <c r="B45" s="24" t="s">
        <v>19</v>
      </c>
      <c r="C45" s="39" t="s">
        <v>4</v>
      </c>
      <c r="D45" s="39"/>
      <c r="E45" s="43" t="s">
        <v>10</v>
      </c>
      <c r="F45" s="43"/>
      <c r="G45" s="43" t="s">
        <v>11</v>
      </c>
      <c r="H45" s="43"/>
      <c r="I45" s="43" t="s">
        <v>12</v>
      </c>
      <c r="J45" s="41"/>
    </row>
    <row r="46" spans="2:13" x14ac:dyDescent="0.45">
      <c r="C46" s="39" t="s">
        <v>22</v>
      </c>
      <c r="D46" s="39" t="s">
        <v>20</v>
      </c>
      <c r="E46" s="39" t="s">
        <v>22</v>
      </c>
      <c r="F46" s="39" t="s">
        <v>20</v>
      </c>
      <c r="G46" s="39" t="s">
        <v>22</v>
      </c>
      <c r="H46" s="39" t="s">
        <v>20</v>
      </c>
      <c r="I46" s="39" t="s">
        <v>22</v>
      </c>
      <c r="J46" s="39" t="s">
        <v>20</v>
      </c>
    </row>
    <row r="47" spans="2:13" x14ac:dyDescent="0.45">
      <c r="C47" s="41">
        <v>6.9763550499999996</v>
      </c>
      <c r="D47" s="41">
        <v>3.3080357142857139E-3</v>
      </c>
      <c r="E47" s="42">
        <v>4.0527556899999997</v>
      </c>
      <c r="F47" s="42">
        <v>3.9160714285714293E-3</v>
      </c>
      <c r="G47" s="42">
        <v>3.4017105999999999</v>
      </c>
      <c r="H47" s="42">
        <v>3.2566964285714287E-3</v>
      </c>
      <c r="I47" s="42">
        <v>5.0903587999999997</v>
      </c>
      <c r="J47" s="42">
        <v>1.8977678571428572E-3</v>
      </c>
    </row>
    <row r="48" spans="2:13" x14ac:dyDescent="0.45">
      <c r="C48" s="41">
        <v>13.52546175</v>
      </c>
      <c r="D48" s="41">
        <v>7.0558035714285705E-3</v>
      </c>
      <c r="E48" s="42">
        <v>7.3181537199999998</v>
      </c>
      <c r="F48" s="42">
        <v>6.1968750000000001E-3</v>
      </c>
      <c r="G48" s="42">
        <v>6.6508324999999999</v>
      </c>
      <c r="H48" s="42">
        <v>5.1441964285714285E-3</v>
      </c>
      <c r="I48" s="42">
        <v>10.740209480000001</v>
      </c>
      <c r="J48" s="42">
        <v>4.5526785714285721E-3</v>
      </c>
    </row>
    <row r="49" spans="3:10" x14ac:dyDescent="0.45">
      <c r="C49" s="41">
        <v>20.074568459999998</v>
      </c>
      <c r="D49" s="41">
        <v>1.1599553571428571E-2</v>
      </c>
      <c r="E49" s="42">
        <v>13.112455020000001</v>
      </c>
      <c r="F49" s="42">
        <v>9.6562499999999999E-3</v>
      </c>
      <c r="G49" s="42">
        <v>11.311908450000001</v>
      </c>
      <c r="H49" s="42">
        <v>8.3187499999999998E-3</v>
      </c>
      <c r="I49" s="42">
        <v>16.774583660000001</v>
      </c>
      <c r="J49" s="42">
        <v>6.9857142857142869E-3</v>
      </c>
    </row>
    <row r="50" spans="3:10" x14ac:dyDescent="0.45">
      <c r="C50" s="41">
        <v>26.84747192</v>
      </c>
      <c r="D50" s="41">
        <v>1.6769642857142858E-2</v>
      </c>
      <c r="E50" s="42">
        <v>19.708355600000001</v>
      </c>
      <c r="F50" s="42">
        <v>1.4484374999999999E-2</v>
      </c>
      <c r="G50" s="42">
        <v>16.803066879999999</v>
      </c>
      <c r="H50" s="42">
        <v>1.1063392857142858E-2</v>
      </c>
      <c r="I50" s="42">
        <v>22.31457047</v>
      </c>
      <c r="J50" s="42">
        <v>9.1250000000000012E-3</v>
      </c>
    </row>
    <row r="51" spans="3:10" x14ac:dyDescent="0.45">
      <c r="C51" s="41">
        <v>33.492200869999998</v>
      </c>
      <c r="D51" s="41">
        <v>2.1271428571428573E-2</v>
      </c>
      <c r="E51" s="42">
        <v>24.83533568</v>
      </c>
      <c r="F51" s="42">
        <v>1.7447321428571427E-2</v>
      </c>
      <c r="G51" s="42">
        <v>21.958530190000001</v>
      </c>
      <c r="H51" s="42">
        <v>1.4298660714285715E-2</v>
      </c>
      <c r="I51" s="42">
        <v>27.539207319999999</v>
      </c>
      <c r="J51" s="42">
        <v>1.1696428571428573E-2</v>
      </c>
    </row>
    <row r="52" spans="3:10" x14ac:dyDescent="0.45">
      <c r="C52" s="41">
        <v>39.878546299999996</v>
      </c>
      <c r="D52" s="41">
        <v>2.5776785714285714E-2</v>
      </c>
      <c r="E52" s="42">
        <v>32.782154820000002</v>
      </c>
      <c r="F52" s="42">
        <v>2.1362946428571429E-2</v>
      </c>
      <c r="G52" s="42">
        <v>27.842350190000001</v>
      </c>
      <c r="H52" s="42">
        <v>1.8035714285714287E-2</v>
      </c>
      <c r="I52" s="42">
        <v>33.162609289999999</v>
      </c>
      <c r="J52" s="42">
        <v>1.4101339285714286E-2</v>
      </c>
    </row>
    <row r="53" spans="3:10" x14ac:dyDescent="0.45">
      <c r="C53" s="41">
        <v>46.399169790000002</v>
      </c>
      <c r="D53" s="41">
        <v>3.0244642857142859E-2</v>
      </c>
      <c r="E53" s="42">
        <v>40.592661390000004</v>
      </c>
      <c r="F53" s="42">
        <v>2.5774999999999999E-2</v>
      </c>
      <c r="G53" s="42">
        <v>32.641773219999997</v>
      </c>
      <c r="H53" s="42">
        <v>2.0808928571428572E-2</v>
      </c>
      <c r="I53" s="42">
        <v>38.421832909999999</v>
      </c>
      <c r="J53" s="42">
        <v>1.5865178571428572E-2</v>
      </c>
    </row>
    <row r="54" spans="3:10" x14ac:dyDescent="0.45">
      <c r="C54" s="41">
        <v>53.064243900000001</v>
      </c>
      <c r="D54" s="41">
        <v>3.5544196428571428E-2</v>
      </c>
      <c r="E54" s="42">
        <v>47.945401879999999</v>
      </c>
      <c r="F54" s="42">
        <v>2.9402232142857143E-2</v>
      </c>
      <c r="G54" s="42">
        <v>37.327263360000003</v>
      </c>
      <c r="H54" s="42">
        <v>2.3226785714285714E-2</v>
      </c>
      <c r="I54" s="42">
        <v>43.99030295</v>
      </c>
      <c r="J54" s="42">
        <v>1.8952678571428572E-2</v>
      </c>
    </row>
    <row r="55" spans="3:10" x14ac:dyDescent="0.45">
      <c r="C55" s="41">
        <v>59.951080249999997</v>
      </c>
      <c r="D55" s="41">
        <v>4.1508928571428572E-2</v>
      </c>
      <c r="E55" s="42">
        <v>55.277797210000003</v>
      </c>
      <c r="F55" s="42">
        <v>3.3041964285714286E-2</v>
      </c>
      <c r="G55" s="42">
        <v>41.953752530000003</v>
      </c>
      <c r="H55" s="42">
        <v>2.6164285714285716E-2</v>
      </c>
      <c r="I55" s="42">
        <v>49.96364166</v>
      </c>
      <c r="J55" s="42">
        <v>2.1380357142857145E-2</v>
      </c>
    </row>
    <row r="56" spans="3:10" x14ac:dyDescent="0.45">
      <c r="C56" s="41">
        <v>66.195009569999996</v>
      </c>
      <c r="D56" s="41">
        <v>4.5795089285714297E-2</v>
      </c>
      <c r="E56" s="42">
        <v>62.532880929999997</v>
      </c>
      <c r="F56" s="42">
        <v>3.6778124999999995E-2</v>
      </c>
      <c r="G56" s="42">
        <v>48.274993449999997</v>
      </c>
      <c r="H56" s="42">
        <v>2.9599553571428572E-2</v>
      </c>
      <c r="I56" s="42">
        <v>55.774219090000003</v>
      </c>
      <c r="J56" s="42">
        <v>2.4202678571428569E-2</v>
      </c>
    </row>
    <row r="57" spans="3:10" x14ac:dyDescent="0.45">
      <c r="C57" s="41">
        <v>72.630183380000005</v>
      </c>
      <c r="D57" s="41">
        <v>5.1288839285714288E-2</v>
      </c>
      <c r="E57" s="42">
        <v>69.901897550000001</v>
      </c>
      <c r="F57" s="42">
        <v>4.0526339285714287E-2</v>
      </c>
      <c r="G57" s="42">
        <v>54.449749230000002</v>
      </c>
      <c r="H57" s="42">
        <v>3.2556696428571424E-2</v>
      </c>
      <c r="I57" s="42">
        <v>61.084305610000001</v>
      </c>
      <c r="J57" s="42">
        <v>2.6689285714285717E-2</v>
      </c>
    </row>
    <row r="58" spans="3:10" x14ac:dyDescent="0.45">
      <c r="C58" s="41">
        <v>81.706158849999994</v>
      </c>
      <c r="D58" s="41">
        <v>5.7325446428571424E-2</v>
      </c>
      <c r="E58" s="42">
        <v>76.941322589999999</v>
      </c>
      <c r="F58" s="42">
        <v>4.5007142857142857E-2</v>
      </c>
      <c r="G58" s="42">
        <v>60.16470442</v>
      </c>
      <c r="H58" s="42">
        <v>3.540669642857143E-2</v>
      </c>
      <c r="I58" s="42">
        <v>67.136990429999997</v>
      </c>
      <c r="J58" s="42">
        <v>2.9280803571428572E-2</v>
      </c>
    </row>
    <row r="59" spans="3:10" x14ac:dyDescent="0.45">
      <c r="C59" s="41">
        <v>91.323315539999996</v>
      </c>
      <c r="D59" s="41">
        <v>6.3580357142857133E-2</v>
      </c>
      <c r="E59" s="42">
        <v>84.849485920000006</v>
      </c>
      <c r="F59" s="42">
        <v>4.8735714285714292E-2</v>
      </c>
      <c r="G59" s="42">
        <v>66.677189839999997</v>
      </c>
      <c r="H59" s="42">
        <v>3.9202232142857139E-2</v>
      </c>
      <c r="I59" s="42">
        <v>72.786841109999997</v>
      </c>
      <c r="J59" s="42">
        <v>3.1785714285714285E-2</v>
      </c>
    </row>
    <row r="60" spans="3:10" x14ac:dyDescent="0.45">
      <c r="C60" s="41">
        <v>99.9</v>
      </c>
      <c r="D60" s="41">
        <v>7.0330803571428568E-2</v>
      </c>
      <c r="E60" s="42">
        <v>91.744460329999995</v>
      </c>
      <c r="F60" s="42">
        <v>5.2126785714285716E-2</v>
      </c>
      <c r="G60" s="42">
        <v>70.418664590000006</v>
      </c>
      <c r="H60" s="42">
        <v>4.1812053571428573E-2</v>
      </c>
      <c r="I60" s="42">
        <v>80.542415750000004</v>
      </c>
      <c r="J60" s="42">
        <v>3.5224107142857147E-2</v>
      </c>
    </row>
    <row r="61" spans="3:10" x14ac:dyDescent="0.45">
      <c r="C61" s="41"/>
      <c r="D61" s="41"/>
      <c r="E61" s="42">
        <v>98.51939831</v>
      </c>
      <c r="F61" s="42">
        <v>5.5451339285714295E-2</v>
      </c>
      <c r="G61" s="42">
        <v>76.746009060000006</v>
      </c>
      <c r="H61" s="42">
        <v>4.5461160714285714E-2</v>
      </c>
      <c r="I61" s="42">
        <v>88.574684550000001</v>
      </c>
      <c r="J61" s="42">
        <v>3.8764732142857146E-2</v>
      </c>
    </row>
    <row r="62" spans="3:10" x14ac:dyDescent="0.45">
      <c r="C62" s="41"/>
      <c r="D62" s="41"/>
      <c r="E62" s="42">
        <v>99.9</v>
      </c>
      <c r="F62" s="42">
        <v>5.9237053571428576E-2</v>
      </c>
      <c r="G62" s="42">
        <v>82.603380360000003</v>
      </c>
      <c r="H62" s="42">
        <v>4.868928571428572E-2</v>
      </c>
      <c r="I62" s="42">
        <v>96.254982100000007</v>
      </c>
      <c r="J62" s="42">
        <v>4.2240625000000004E-2</v>
      </c>
    </row>
    <row r="63" spans="3:10" x14ac:dyDescent="0.45">
      <c r="C63" s="39"/>
      <c r="D63" s="41"/>
      <c r="E63" s="42"/>
      <c r="F63" s="42"/>
      <c r="G63" s="42">
        <v>88.987691280000007</v>
      </c>
      <c r="H63" s="42">
        <v>5.1981696428571436E-2</v>
      </c>
      <c r="I63" s="42">
        <v>99.9</v>
      </c>
      <c r="J63" s="42">
        <v>4.5216964285714291E-2</v>
      </c>
    </row>
    <row r="64" spans="3:10" x14ac:dyDescent="0.45">
      <c r="C64" s="41"/>
      <c r="D64" s="41"/>
      <c r="E64" s="42"/>
      <c r="F64" s="42"/>
      <c r="G64" s="42">
        <v>94.891856439999998</v>
      </c>
      <c r="H64" s="42">
        <v>5.5098214285714285E-2</v>
      </c>
      <c r="I64" s="42"/>
      <c r="J64" s="42"/>
    </row>
    <row r="65" spans="3:10" x14ac:dyDescent="0.45">
      <c r="C65" s="41"/>
      <c r="D65" s="41"/>
      <c r="E65" s="42"/>
      <c r="F65" s="42"/>
      <c r="G65" s="42">
        <v>99.9</v>
      </c>
      <c r="H65" s="42">
        <v>5.8783035714285711E-2</v>
      </c>
      <c r="I65" s="42"/>
      <c r="J65" s="42"/>
    </row>
    <row r="66" spans="3:10" x14ac:dyDescent="0.45">
      <c r="C66" s="41"/>
      <c r="D66" s="41"/>
      <c r="E66" s="42"/>
      <c r="F66" s="42"/>
      <c r="G66" s="42"/>
      <c r="H66" s="42"/>
      <c r="I66" s="42"/>
      <c r="J66" s="42"/>
    </row>
    <row r="67" spans="3:10" x14ac:dyDescent="0.45">
      <c r="C67" s="26"/>
      <c r="D67" s="26"/>
    </row>
    <row r="81" spans="3:8" x14ac:dyDescent="0.45">
      <c r="C81" s="26"/>
      <c r="D81" s="26"/>
      <c r="E81" s="26"/>
      <c r="F81" s="26"/>
      <c r="G81" s="26"/>
      <c r="H81" s="26"/>
    </row>
  </sheetData>
  <pageMargins left="0.7" right="0.7" top="0.75" bottom="0.75" header="0.3" footer="0.3"/>
  <drawing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A8300E8-5EB7-4400-B691-50A5E35A0DDB}">
  <dimension ref="B4:AA81"/>
  <sheetViews>
    <sheetView zoomScale="77" zoomScaleNormal="77" workbookViewId="0">
      <selection activeCell="G40" sqref="G40"/>
    </sheetView>
  </sheetViews>
  <sheetFormatPr defaultRowHeight="14.25" x14ac:dyDescent="0.45"/>
  <cols>
    <col min="1" max="9" width="9.06640625" style="27"/>
    <col min="10" max="10" width="10.53125" style="27" customWidth="1"/>
    <col min="11" max="16384" width="9.06640625" style="27"/>
  </cols>
  <sheetData>
    <row r="4" spans="2:27" x14ac:dyDescent="0.45">
      <c r="B4" s="24" t="s">
        <v>30</v>
      </c>
      <c r="C4" s="67">
        <v>313</v>
      </c>
    </row>
    <row r="5" spans="2:27" x14ac:dyDescent="0.45">
      <c r="B5" s="24" t="s">
        <v>37</v>
      </c>
      <c r="C5" s="67" t="s">
        <v>17</v>
      </c>
      <c r="D5" s="24"/>
      <c r="E5" s="24"/>
      <c r="F5" s="24"/>
      <c r="G5" s="24"/>
      <c r="H5" s="24"/>
      <c r="I5" s="24"/>
      <c r="J5" s="24"/>
      <c r="K5" s="24"/>
      <c r="L5" s="24"/>
    </row>
    <row r="6" spans="2:27" ht="14.65" thickBot="1" x14ac:dyDescent="0.5">
      <c r="B6" s="24" t="s">
        <v>19</v>
      </c>
      <c r="C6" s="30" t="s">
        <v>4</v>
      </c>
      <c r="D6" s="30"/>
      <c r="E6" s="24" t="s">
        <v>10</v>
      </c>
      <c r="F6" s="24"/>
      <c r="G6" s="24" t="s">
        <v>11</v>
      </c>
      <c r="H6" s="24"/>
      <c r="I6" s="24" t="s">
        <v>12</v>
      </c>
      <c r="J6" s="24"/>
      <c r="K6" s="24"/>
      <c r="L6" s="24"/>
    </row>
    <row r="7" spans="2:27" ht="14.65" thickBot="1" x14ac:dyDescent="0.5">
      <c r="C7" s="32" t="s">
        <v>35</v>
      </c>
      <c r="D7" s="32" t="s">
        <v>36</v>
      </c>
      <c r="E7" s="32" t="s">
        <v>35</v>
      </c>
      <c r="F7" s="32" t="s">
        <v>36</v>
      </c>
      <c r="G7" s="32" t="s">
        <v>35</v>
      </c>
      <c r="H7" s="32" t="s">
        <v>36</v>
      </c>
      <c r="I7" s="32" t="s">
        <v>35</v>
      </c>
      <c r="J7" s="32" t="s">
        <v>36</v>
      </c>
      <c r="AA7" s="29"/>
    </row>
    <row r="8" spans="2:27" x14ac:dyDescent="0.45">
      <c r="C8" s="17">
        <v>1.5584391900000001</v>
      </c>
      <c r="D8" s="42">
        <v>7.1312500000000004E-3</v>
      </c>
      <c r="E8" s="42">
        <v>1.59099144</v>
      </c>
      <c r="F8" s="42">
        <v>7.8089285714285722E-2</v>
      </c>
      <c r="G8" s="42">
        <v>0.88087245999999997</v>
      </c>
      <c r="H8" s="42">
        <v>0.10499375</v>
      </c>
      <c r="I8" s="42">
        <v>8.7734E-4</v>
      </c>
      <c r="J8" s="42">
        <v>9.4090178571428568E-2</v>
      </c>
    </row>
    <row r="9" spans="2:27" x14ac:dyDescent="0.45">
      <c r="C9" s="42">
        <v>3.4668151100000002</v>
      </c>
      <c r="D9" s="42">
        <v>1.3897321428571431E-2</v>
      </c>
      <c r="E9" s="42">
        <v>3.9957892400000001</v>
      </c>
      <c r="F9" s="42">
        <v>0.11102232142857144</v>
      </c>
      <c r="G9" s="42">
        <v>2.9887038700000002</v>
      </c>
      <c r="H9" s="42">
        <v>0.16200401785714288</v>
      </c>
      <c r="I9" s="42">
        <v>2.2824299999999999E-2</v>
      </c>
      <c r="J9" s="42">
        <v>0.1517513392857143</v>
      </c>
    </row>
    <row r="10" spans="2:27" x14ac:dyDescent="0.45">
      <c r="C10" s="42">
        <v>6.0608228899999999</v>
      </c>
      <c r="D10" s="42">
        <v>2.3015178571428572E-2</v>
      </c>
      <c r="E10" s="42">
        <v>6.8664911899999996</v>
      </c>
      <c r="F10" s="42">
        <v>0.13794107142857143</v>
      </c>
      <c r="G10" s="42">
        <v>5.4016397300000003</v>
      </c>
      <c r="H10" s="42">
        <v>0.19524910714285715</v>
      </c>
      <c r="I10" s="42">
        <v>6.4277260000000003E-2</v>
      </c>
      <c r="J10" s="42">
        <v>0.20964955357142859</v>
      </c>
    </row>
    <row r="11" spans="2:27" x14ac:dyDescent="0.45">
      <c r="C11" s="42">
        <v>8.2235133000000005</v>
      </c>
      <c r="D11" s="42">
        <v>3.042544642857143E-2</v>
      </c>
      <c r="E11" s="42">
        <v>11.745260330000001</v>
      </c>
      <c r="F11" s="42">
        <v>0.17262678571428572</v>
      </c>
      <c r="G11" s="42">
        <v>7.8613694699999996</v>
      </c>
      <c r="H11" s="42">
        <v>0.22270133928571428</v>
      </c>
      <c r="I11" s="42">
        <v>0.15015461999999999</v>
      </c>
      <c r="J11" s="42">
        <v>0.26472857142857142</v>
      </c>
    </row>
    <row r="12" spans="2:27" x14ac:dyDescent="0.45">
      <c r="C12" s="42">
        <v>11.26308006</v>
      </c>
      <c r="D12" s="42">
        <v>4.056383928571429E-2</v>
      </c>
      <c r="E12" s="42">
        <v>16.459233690000001</v>
      </c>
      <c r="F12" s="42">
        <v>0.201790625</v>
      </c>
      <c r="G12" s="42">
        <v>11.497049390000001</v>
      </c>
      <c r="H12" s="42">
        <v>0.25194285714285714</v>
      </c>
      <c r="I12" s="42">
        <v>0.23981461000000001</v>
      </c>
      <c r="J12" s="42">
        <v>0.31867366071428571</v>
      </c>
    </row>
    <row r="13" spans="2:27" x14ac:dyDescent="0.45">
      <c r="C13" s="42">
        <v>20.12136233</v>
      </c>
      <c r="D13" s="42">
        <v>6.1441071428571428E-2</v>
      </c>
      <c r="E13" s="42">
        <v>20.89651289</v>
      </c>
      <c r="F13" s="42">
        <v>0.22738839285714285</v>
      </c>
      <c r="G13" s="42">
        <v>15.88550021</v>
      </c>
      <c r="H13" s="42">
        <v>0.28373616071428576</v>
      </c>
      <c r="I13" s="42">
        <v>0.41081821000000002</v>
      </c>
      <c r="J13" s="42">
        <v>0.36852723214285721</v>
      </c>
    </row>
    <row r="14" spans="2:27" x14ac:dyDescent="0.45">
      <c r="C14" s="42">
        <v>23.722455480000001</v>
      </c>
      <c r="D14" s="42">
        <v>6.9531696428571432E-2</v>
      </c>
      <c r="E14" s="42">
        <v>25.537243669999999</v>
      </c>
      <c r="F14" s="42">
        <v>0.25108616071428569</v>
      </c>
      <c r="G14" s="42">
        <v>20.61371518</v>
      </c>
      <c r="H14" s="42">
        <v>0.31268080357142858</v>
      </c>
      <c r="I14" s="42">
        <v>0.66722534</v>
      </c>
      <c r="J14" s="42">
        <v>0.41314642857142858</v>
      </c>
    </row>
    <row r="15" spans="2:27" x14ac:dyDescent="0.45">
      <c r="C15" s="42">
        <v>28.151596609999999</v>
      </c>
      <c r="D15" s="42">
        <v>8.3895089285714292E-2</v>
      </c>
      <c r="E15" s="42">
        <v>30.198319619999999</v>
      </c>
      <c r="F15" s="42">
        <v>0.27242723214285713</v>
      </c>
      <c r="G15" s="42">
        <v>25.089650169999999</v>
      </c>
      <c r="H15" s="42">
        <v>0.33356562500000003</v>
      </c>
      <c r="I15" s="42">
        <v>1.0050508600000001</v>
      </c>
      <c r="J15" s="42">
        <v>0.45203303571428577</v>
      </c>
    </row>
    <row r="16" spans="2:27" x14ac:dyDescent="0.45">
      <c r="C16" s="42">
        <v>33.646824080000002</v>
      </c>
      <c r="D16" s="42">
        <v>0.10130044642857144</v>
      </c>
      <c r="E16" s="42">
        <v>34.99163909</v>
      </c>
      <c r="F16" s="42">
        <v>0.29314508928571431</v>
      </c>
      <c r="G16" s="42">
        <v>29.649000319999999</v>
      </c>
      <c r="H16" s="42">
        <v>0.3569633928571429</v>
      </c>
      <c r="I16" s="42">
        <v>1.3468495300000001</v>
      </c>
      <c r="J16" s="42">
        <v>0.48908214285714285</v>
      </c>
    </row>
    <row r="17" spans="3:10" x14ac:dyDescent="0.45">
      <c r="C17" s="42">
        <v>38.659871269999996</v>
      </c>
      <c r="D17" s="42">
        <v>0.11844642857142858</v>
      </c>
      <c r="E17" s="42">
        <v>39.939581779999997</v>
      </c>
      <c r="F17" s="42">
        <v>0.31269866071428576</v>
      </c>
      <c r="G17" s="42">
        <v>34.635598809999998</v>
      </c>
      <c r="H17" s="42">
        <v>0.37857053571428573</v>
      </c>
      <c r="I17" s="42">
        <v>1.7781669</v>
      </c>
      <c r="J17" s="42">
        <v>0.52013526785714292</v>
      </c>
    </row>
    <row r="18" spans="3:10" x14ac:dyDescent="0.45">
      <c r="C18" s="42">
        <v>43.247704650000003</v>
      </c>
      <c r="D18" s="42">
        <v>0.13707276785714287</v>
      </c>
      <c r="E18" s="42">
        <v>44.916007690000001</v>
      </c>
      <c r="F18" s="42">
        <v>0.33007008928571435</v>
      </c>
      <c r="G18" s="42">
        <v>39.664922130000001</v>
      </c>
      <c r="H18" s="42">
        <v>0.39749598214285714</v>
      </c>
      <c r="I18" s="42">
        <v>2.2623816899999998</v>
      </c>
      <c r="J18" s="42">
        <v>0.54578437499999999</v>
      </c>
    </row>
    <row r="19" spans="3:10" x14ac:dyDescent="0.45">
      <c r="C19" s="42">
        <v>48.106128630000001</v>
      </c>
      <c r="D19" s="42">
        <v>0.15719642857142857</v>
      </c>
      <c r="E19" s="42">
        <v>49.809018450000003</v>
      </c>
      <c r="F19" s="42">
        <v>0.34749732142857148</v>
      </c>
      <c r="G19" s="42">
        <v>44.364653879999999</v>
      </c>
      <c r="H19" s="42">
        <v>0.41649508928571433</v>
      </c>
      <c r="I19" s="42">
        <v>3.20639707</v>
      </c>
      <c r="J19" s="42">
        <v>0.58958660714285716</v>
      </c>
    </row>
    <row r="20" spans="3:10" x14ac:dyDescent="0.45">
      <c r="C20" s="42">
        <v>51.434596659999997</v>
      </c>
      <c r="D20" s="42">
        <v>0.17038705357142858</v>
      </c>
      <c r="E20" s="42">
        <v>54.826134680000003</v>
      </c>
      <c r="F20" s="42">
        <v>0.36628616071428577</v>
      </c>
      <c r="G20" s="42">
        <v>49.341079790000002</v>
      </c>
      <c r="H20" s="42">
        <v>0.43753660714285714</v>
      </c>
      <c r="I20" s="42">
        <v>4.3172427600000001</v>
      </c>
      <c r="J20" s="42">
        <v>0.62411607142857151</v>
      </c>
    </row>
    <row r="21" spans="3:10" x14ac:dyDescent="0.45">
      <c r="C21" s="42">
        <v>54.683718560000003</v>
      </c>
      <c r="D21" s="42">
        <v>0.18271562500000002</v>
      </c>
      <c r="E21" s="42">
        <v>59.542142550000001</v>
      </c>
      <c r="F21" s="42">
        <v>0.38604062499999997</v>
      </c>
      <c r="G21" s="42">
        <v>53.902464449999997</v>
      </c>
      <c r="H21" s="42">
        <v>0.45807455357142862</v>
      </c>
      <c r="I21" s="42">
        <v>5.4138468299999998</v>
      </c>
      <c r="J21" s="42">
        <v>0.65968660714285721</v>
      </c>
    </row>
    <row r="22" spans="3:10" x14ac:dyDescent="0.45">
      <c r="C22" s="42">
        <v>59.497383200000002</v>
      </c>
      <c r="D22" s="42">
        <v>0.19852276785714287</v>
      </c>
      <c r="E22" s="42">
        <v>64.359876220000004</v>
      </c>
      <c r="F22" s="42">
        <v>0.40131562500000006</v>
      </c>
      <c r="G22" s="42">
        <v>59.936838639999998</v>
      </c>
      <c r="H22" s="42">
        <v>0.48052187500000004</v>
      </c>
      <c r="I22" s="42">
        <v>6.6060731500000003</v>
      </c>
      <c r="J22" s="42">
        <v>0.68715133928571426</v>
      </c>
    </row>
    <row r="23" spans="3:10" x14ac:dyDescent="0.45">
      <c r="C23" s="42">
        <v>62.850265419999999</v>
      </c>
      <c r="D23" s="42">
        <v>0.2104830357142857</v>
      </c>
      <c r="E23" s="42">
        <v>69.360716319999995</v>
      </c>
      <c r="F23" s="42">
        <v>0.41750000000000004</v>
      </c>
      <c r="G23" s="42">
        <v>65.971212820000005</v>
      </c>
      <c r="H23" s="42">
        <v>0.49856383928571435</v>
      </c>
      <c r="I23" s="42">
        <v>8.4595171400000009</v>
      </c>
      <c r="J23" s="42">
        <v>0.71953348214285728</v>
      </c>
    </row>
    <row r="24" spans="3:10" x14ac:dyDescent="0.45">
      <c r="C24" s="42">
        <v>66.306907940000002</v>
      </c>
      <c r="D24" s="42">
        <v>0.22283526785714286</v>
      </c>
      <c r="E24" s="42">
        <v>74.259830620000002</v>
      </c>
      <c r="F24" s="42">
        <v>0.43296919642857146</v>
      </c>
      <c r="G24" s="42">
        <v>71.952689590000006</v>
      </c>
      <c r="H24" s="42">
        <v>0.51897991071428573</v>
      </c>
      <c r="I24" s="42">
        <v>12.390201879999999</v>
      </c>
      <c r="J24" s="42">
        <v>0.76755580357142861</v>
      </c>
    </row>
    <row r="25" spans="3:10" x14ac:dyDescent="0.45">
      <c r="C25" s="42">
        <v>68.36583804</v>
      </c>
      <c r="D25" s="42">
        <v>0.23174955357142857</v>
      </c>
      <c r="E25" s="42">
        <v>79.108082030000006</v>
      </c>
      <c r="F25" s="42">
        <v>0.44735758928571434</v>
      </c>
      <c r="G25" s="42">
        <v>78.058271820000002</v>
      </c>
      <c r="H25" s="42">
        <v>0.53595937500000002</v>
      </c>
      <c r="I25" s="42">
        <v>16.170332429999998</v>
      </c>
      <c r="J25" s="42">
        <v>0.81575312500000008</v>
      </c>
    </row>
    <row r="26" spans="3:10" x14ac:dyDescent="0.45">
      <c r="C26" s="42">
        <v>73.140846879999998</v>
      </c>
      <c r="D26" s="42">
        <v>0.24691428571428573</v>
      </c>
      <c r="E26" s="42">
        <v>84.161819550000004</v>
      </c>
      <c r="F26" s="42">
        <v>0.4608522321428572</v>
      </c>
      <c r="G26" s="42">
        <v>84.265579860000003</v>
      </c>
      <c r="H26" s="42">
        <v>0.55028616071428571</v>
      </c>
      <c r="I26" s="42">
        <v>20.752062259999999</v>
      </c>
      <c r="J26" s="42">
        <v>0.8576933035714287</v>
      </c>
    </row>
    <row r="27" spans="3:10" x14ac:dyDescent="0.45">
      <c r="C27" s="42">
        <v>78.253585349999994</v>
      </c>
      <c r="D27" s="42">
        <v>0.26351428571428576</v>
      </c>
      <c r="E27" s="42">
        <v>89.242005770000006</v>
      </c>
      <c r="F27" s="42">
        <v>0.47539598214285722</v>
      </c>
      <c r="G27" s="42">
        <v>90.470853379999994</v>
      </c>
      <c r="H27" s="42">
        <v>0.56513749999999996</v>
      </c>
      <c r="I27" s="42">
        <v>25.614555280000001</v>
      </c>
      <c r="J27" s="42">
        <v>0.89036026785714295</v>
      </c>
    </row>
    <row r="28" spans="3:10" x14ac:dyDescent="0.45">
      <c r="C28" s="42">
        <v>83.645052509999999</v>
      </c>
      <c r="D28" s="42">
        <v>0.27913125</v>
      </c>
      <c r="E28" s="42">
        <v>94.198086520000004</v>
      </c>
      <c r="F28" s="42">
        <v>0.48878660714285715</v>
      </c>
      <c r="G28" s="42">
        <v>96.515400139999997</v>
      </c>
      <c r="H28" s="42">
        <v>0.58108169642857144</v>
      </c>
      <c r="I28" s="42">
        <v>27.801659879999999</v>
      </c>
      <c r="J28" s="42">
        <v>0.9101977678571429</v>
      </c>
    </row>
    <row r="29" spans="3:10" x14ac:dyDescent="0.45">
      <c r="C29" s="42">
        <v>88.816791940000002</v>
      </c>
      <c r="D29" s="42">
        <v>0.29401964285714288</v>
      </c>
      <c r="E29" s="42">
        <v>99.178581460000004</v>
      </c>
      <c r="F29" s="42">
        <v>0.50240803571428572</v>
      </c>
      <c r="G29" s="42">
        <v>99.9</v>
      </c>
      <c r="H29" s="42">
        <v>0.59816250000000004</v>
      </c>
      <c r="I29" s="42">
        <v>31.701826870000001</v>
      </c>
      <c r="J29" s="42">
        <v>0.93144196428571435</v>
      </c>
    </row>
    <row r="30" spans="3:10" x14ac:dyDescent="0.45">
      <c r="C30" s="42">
        <v>93.886805580000001</v>
      </c>
      <c r="D30" s="42">
        <v>0.31058973214285718</v>
      </c>
      <c r="E30" s="42"/>
      <c r="F30" s="42"/>
      <c r="G30" s="42"/>
      <c r="H30" s="42"/>
      <c r="I30" s="42">
        <v>36.05975995</v>
      </c>
      <c r="J30" s="42">
        <v>0.95432589285714287</v>
      </c>
    </row>
    <row r="31" spans="3:10" x14ac:dyDescent="0.45">
      <c r="C31" s="42">
        <v>96.403501759999997</v>
      </c>
      <c r="D31" s="42">
        <v>0.31887946428571429</v>
      </c>
      <c r="E31" s="42"/>
      <c r="F31" s="42"/>
      <c r="G31" s="42"/>
      <c r="H31" s="42"/>
      <c r="I31" s="42">
        <v>40.627248160000001</v>
      </c>
      <c r="J31" s="42">
        <v>0.9841267857142858</v>
      </c>
    </row>
    <row r="32" spans="3:10" x14ac:dyDescent="0.45">
      <c r="C32" s="42">
        <v>99.9</v>
      </c>
      <c r="D32" s="42">
        <v>0.33068571428571431</v>
      </c>
      <c r="E32" s="42"/>
      <c r="F32" s="42"/>
      <c r="G32" s="42"/>
      <c r="H32" s="42"/>
      <c r="I32" s="42">
        <v>44.212065189999997</v>
      </c>
      <c r="J32" s="42">
        <v>1.0048723214285715</v>
      </c>
    </row>
    <row r="33" spans="2:13" x14ac:dyDescent="0.45">
      <c r="C33" s="41"/>
      <c r="D33" s="41"/>
      <c r="E33" s="42"/>
      <c r="F33" s="42"/>
      <c r="G33" s="42"/>
      <c r="H33" s="42"/>
      <c r="I33" s="42">
        <v>46.362548500000003</v>
      </c>
      <c r="J33" s="42">
        <v>1.0205160714285715</v>
      </c>
    </row>
    <row r="34" spans="2:13" x14ac:dyDescent="0.45">
      <c r="C34" s="41"/>
      <c r="D34" s="41"/>
      <c r="E34" s="42"/>
      <c r="F34" s="42"/>
      <c r="G34" s="42"/>
      <c r="H34" s="42"/>
      <c r="I34" s="42">
        <v>49.603532340000001</v>
      </c>
      <c r="J34" s="42">
        <v>1.0421236607142859</v>
      </c>
    </row>
    <row r="35" spans="2:13" x14ac:dyDescent="0.45">
      <c r="C35" s="41"/>
      <c r="D35" s="41"/>
      <c r="E35" s="42"/>
      <c r="F35" s="42"/>
      <c r="G35" s="42"/>
      <c r="H35" s="42"/>
      <c r="I35" s="42">
        <v>54.445680199999998</v>
      </c>
      <c r="J35" s="42">
        <v>1.0609281250000002</v>
      </c>
    </row>
    <row r="36" spans="2:13" x14ac:dyDescent="0.45">
      <c r="C36" s="41"/>
      <c r="D36" s="41"/>
      <c r="E36" s="42"/>
      <c r="F36" s="42"/>
      <c r="G36" s="42"/>
      <c r="H36" s="42"/>
      <c r="I36" s="42">
        <v>56.53919707</v>
      </c>
      <c r="J36" s="42">
        <v>1.0745245535714287</v>
      </c>
    </row>
    <row r="37" spans="2:13" x14ac:dyDescent="0.45">
      <c r="C37" s="41"/>
      <c r="D37" s="41"/>
      <c r="E37" s="42"/>
      <c r="F37" s="42"/>
      <c r="G37" s="42"/>
      <c r="H37" s="42"/>
      <c r="I37" s="42">
        <v>61.942871320000002</v>
      </c>
      <c r="J37" s="42">
        <v>1.0948834821428572</v>
      </c>
    </row>
    <row r="38" spans="2:13" x14ac:dyDescent="0.45">
      <c r="C38" s="41"/>
      <c r="D38" s="41"/>
      <c r="E38" s="42"/>
      <c r="F38" s="42"/>
      <c r="G38" s="42"/>
      <c r="H38" s="42"/>
      <c r="I38" s="42">
        <v>65.861348960000001</v>
      </c>
      <c r="J38" s="42">
        <v>1.1091901785714287</v>
      </c>
    </row>
    <row r="39" spans="2:13" x14ac:dyDescent="0.45">
      <c r="C39" s="42"/>
      <c r="D39" s="42"/>
      <c r="E39" s="42"/>
      <c r="F39" s="42"/>
      <c r="G39" s="42"/>
      <c r="H39" s="42"/>
      <c r="I39" s="42">
        <v>70.662806500000002</v>
      </c>
      <c r="J39" s="42">
        <v>1.1315330357142859</v>
      </c>
    </row>
    <row r="40" spans="2:13" x14ac:dyDescent="0.45">
      <c r="C40" s="42"/>
      <c r="D40" s="42"/>
      <c r="E40" s="42"/>
      <c r="F40" s="42"/>
      <c r="G40" s="42"/>
      <c r="H40" s="42"/>
      <c r="I40" s="42">
        <v>74.495834470000005</v>
      </c>
      <c r="J40" s="42">
        <v>1.1480991071428572</v>
      </c>
      <c r="K40" s="26"/>
      <c r="L40" s="26"/>
      <c r="M40" s="26"/>
    </row>
    <row r="41" spans="2:13" x14ac:dyDescent="0.45">
      <c r="C41" s="42"/>
      <c r="D41" s="42"/>
      <c r="E41" s="42"/>
      <c r="F41" s="42"/>
      <c r="G41" s="42"/>
      <c r="H41" s="42"/>
      <c r="I41" s="42">
        <v>77.18342998</v>
      </c>
      <c r="J41" s="42">
        <v>1.1608339285714286</v>
      </c>
    </row>
    <row r="42" spans="2:13" x14ac:dyDescent="0.45">
      <c r="C42" s="42"/>
      <c r="D42" s="42"/>
      <c r="E42" s="42"/>
      <c r="F42" s="42"/>
      <c r="G42" s="42"/>
      <c r="H42" s="42"/>
      <c r="I42" s="42">
        <v>81.057148269999999</v>
      </c>
      <c r="J42" s="42">
        <v>1.1706799107142858</v>
      </c>
    </row>
    <row r="43" spans="2:13" x14ac:dyDescent="0.45">
      <c r="C43" s="42"/>
      <c r="D43" s="42"/>
      <c r="E43" s="42"/>
      <c r="F43" s="42"/>
      <c r="G43" s="42"/>
      <c r="H43" s="42"/>
      <c r="I43" s="42">
        <v>86.523892520000004</v>
      </c>
      <c r="J43" s="42">
        <v>1.1840276785714288</v>
      </c>
    </row>
    <row r="44" spans="2:13" x14ac:dyDescent="0.45">
      <c r="C44" s="42"/>
      <c r="D44" s="42"/>
      <c r="E44" s="42"/>
      <c r="F44" s="42"/>
      <c r="G44" s="42"/>
      <c r="H44" s="42"/>
      <c r="I44" s="42">
        <v>91.838048069999999</v>
      </c>
      <c r="J44" s="42">
        <v>1.1979290178571429</v>
      </c>
    </row>
    <row r="45" spans="2:13" x14ac:dyDescent="0.45">
      <c r="C45" s="42"/>
      <c r="D45" s="42"/>
      <c r="E45" s="42"/>
      <c r="F45" s="42"/>
      <c r="G45" s="42"/>
      <c r="H45" s="42"/>
      <c r="I45" s="42">
        <v>94.421883269999995</v>
      </c>
      <c r="J45" s="42">
        <v>1.2088459821428572</v>
      </c>
    </row>
    <row r="46" spans="2:13" x14ac:dyDescent="0.45">
      <c r="B46" s="24" t="s">
        <v>30</v>
      </c>
      <c r="C46" s="67">
        <v>313</v>
      </c>
      <c r="D46" s="42"/>
      <c r="E46" s="42"/>
      <c r="F46" s="42"/>
      <c r="G46" s="42"/>
      <c r="H46" s="42"/>
      <c r="I46" s="42">
        <v>99.514276589999994</v>
      </c>
      <c r="J46" s="42">
        <v>1.2212857142857143</v>
      </c>
    </row>
    <row r="47" spans="2:13" x14ac:dyDescent="0.45">
      <c r="B47" s="24" t="s">
        <v>37</v>
      </c>
      <c r="C47" s="67" t="s">
        <v>18</v>
      </c>
      <c r="D47" s="41"/>
      <c r="E47" s="42"/>
      <c r="F47" s="42"/>
      <c r="G47" s="41"/>
      <c r="H47" s="41"/>
      <c r="I47" s="41"/>
      <c r="J47" s="41"/>
    </row>
    <row r="48" spans="2:13" x14ac:dyDescent="0.45">
      <c r="B48" s="24" t="s">
        <v>19</v>
      </c>
      <c r="C48" s="39" t="s">
        <v>4</v>
      </c>
      <c r="D48" s="39"/>
      <c r="E48" s="43" t="s">
        <v>10</v>
      </c>
      <c r="F48" s="43"/>
      <c r="G48" s="43" t="s">
        <v>11</v>
      </c>
      <c r="H48" s="43"/>
      <c r="I48" s="43" t="s">
        <v>12</v>
      </c>
      <c r="J48" s="39"/>
    </row>
    <row r="49" spans="3:10" x14ac:dyDescent="0.45">
      <c r="C49" s="39" t="s">
        <v>21</v>
      </c>
      <c r="D49" s="39" t="s">
        <v>28</v>
      </c>
      <c r="E49" s="39" t="s">
        <v>21</v>
      </c>
      <c r="F49" s="39" t="s">
        <v>28</v>
      </c>
      <c r="G49" s="39" t="s">
        <v>21</v>
      </c>
      <c r="H49" s="39" t="s">
        <v>28</v>
      </c>
      <c r="I49" s="39" t="s">
        <v>21</v>
      </c>
      <c r="J49" s="39" t="s">
        <v>28</v>
      </c>
    </row>
    <row r="50" spans="3:10" x14ac:dyDescent="0.45">
      <c r="C50" s="41">
        <v>6.9763550499999996</v>
      </c>
      <c r="D50" s="41">
        <v>3.3080357142857139E-3</v>
      </c>
      <c r="E50" s="42">
        <v>12.815415700000001</v>
      </c>
      <c r="F50" s="42">
        <v>5.6187500000000005E-3</v>
      </c>
      <c r="G50" s="42">
        <v>5.0720481599999996</v>
      </c>
      <c r="H50" s="42">
        <v>2.5441964285714287E-3</v>
      </c>
      <c r="I50" s="42">
        <v>5.5705045499999999</v>
      </c>
      <c r="J50" s="42">
        <v>2.3325892857142859E-3</v>
      </c>
    </row>
    <row r="51" spans="3:10" x14ac:dyDescent="0.45">
      <c r="C51" s="41">
        <v>13.52546175</v>
      </c>
      <c r="D51" s="41">
        <v>7.0558035714285705E-3</v>
      </c>
      <c r="E51" s="42">
        <v>25.455863040000001</v>
      </c>
      <c r="F51" s="42">
        <v>1.0339285714285716E-2</v>
      </c>
      <c r="G51" s="42">
        <v>10.79107237</v>
      </c>
      <c r="H51" s="42">
        <v>3.9093749999999997E-3</v>
      </c>
      <c r="I51" s="42">
        <v>12.34544253</v>
      </c>
      <c r="J51" s="42">
        <v>4.7285714285714283E-3</v>
      </c>
    </row>
    <row r="52" spans="3:10" x14ac:dyDescent="0.45">
      <c r="C52" s="41">
        <v>20.074568459999998</v>
      </c>
      <c r="D52" s="41">
        <v>1.1599553571428571E-2</v>
      </c>
      <c r="E52" s="42">
        <v>37.992550059999999</v>
      </c>
      <c r="F52" s="42">
        <v>1.4763392857142859E-2</v>
      </c>
      <c r="G52" s="42">
        <v>21.352244450000001</v>
      </c>
      <c r="H52" s="42">
        <v>8.0598214285714301E-3</v>
      </c>
      <c r="I52" s="42">
        <v>18.776547310000002</v>
      </c>
      <c r="J52" s="42">
        <v>7.4357142857142859E-3</v>
      </c>
    </row>
    <row r="53" spans="3:10" x14ac:dyDescent="0.45">
      <c r="C53" s="41">
        <v>26.84747192</v>
      </c>
      <c r="D53" s="41">
        <v>1.6769642857142858E-2</v>
      </c>
      <c r="E53" s="42">
        <v>50.447856440000002</v>
      </c>
      <c r="F53" s="42">
        <v>1.8888839285714287E-2</v>
      </c>
      <c r="G53" s="42">
        <v>31.909347489999998</v>
      </c>
      <c r="H53" s="42">
        <v>1.1626785714285715E-2</v>
      </c>
      <c r="I53" s="42">
        <v>25.484346259999999</v>
      </c>
      <c r="J53" s="42">
        <v>9.7544642857142864E-3</v>
      </c>
    </row>
    <row r="54" spans="3:10" x14ac:dyDescent="0.45">
      <c r="C54" s="41">
        <v>33.492200869999998</v>
      </c>
      <c r="D54" s="41">
        <v>2.1271428571428573E-2</v>
      </c>
      <c r="E54" s="42">
        <v>69.558064360000003</v>
      </c>
      <c r="F54" s="42">
        <v>2.4357142857142858E-2</v>
      </c>
      <c r="G54" s="42">
        <v>42.952699840000001</v>
      </c>
      <c r="H54" s="42">
        <v>1.5323660714285715E-2</v>
      </c>
      <c r="I54" s="42">
        <v>31.913416529999999</v>
      </c>
      <c r="J54" s="42">
        <v>1.3153571428571428E-2</v>
      </c>
    </row>
    <row r="55" spans="3:10" x14ac:dyDescent="0.45">
      <c r="C55" s="41">
        <v>39.878546299999996</v>
      </c>
      <c r="D55" s="41">
        <v>2.5776785714285714E-2</v>
      </c>
      <c r="E55" s="42">
        <v>90.330471779999996</v>
      </c>
      <c r="F55" s="42">
        <v>3.0840625000000003E-2</v>
      </c>
      <c r="G55" s="42">
        <v>53.61966674</v>
      </c>
      <c r="H55" s="42">
        <v>1.874955357142857E-2</v>
      </c>
      <c r="I55" s="42">
        <v>38.27127874</v>
      </c>
      <c r="J55" s="42">
        <v>1.4296428571428571E-2</v>
      </c>
    </row>
    <row r="56" spans="3:10" x14ac:dyDescent="0.45">
      <c r="C56" s="41">
        <v>46.399169790000002</v>
      </c>
      <c r="D56" s="41">
        <v>3.0244642857142859E-2</v>
      </c>
      <c r="E56" s="42">
        <v>94.653818079999994</v>
      </c>
      <c r="F56" s="42">
        <v>3.2902678571428576E-2</v>
      </c>
      <c r="G56" s="42">
        <v>64.414808149999999</v>
      </c>
      <c r="H56" s="42">
        <v>2.257901785714286E-2</v>
      </c>
      <c r="I56" s="42">
        <v>44.830558019999998</v>
      </c>
      <c r="J56" s="42">
        <v>1.6608035714285718E-2</v>
      </c>
    </row>
    <row r="57" spans="3:10" x14ac:dyDescent="0.45">
      <c r="C57" s="41">
        <v>53.064243900000001</v>
      </c>
      <c r="D57" s="41">
        <v>3.5544196428571428E-2</v>
      </c>
      <c r="E57" s="42">
        <v>99.451206589999998</v>
      </c>
      <c r="F57" s="42">
        <v>3.5366071428571434E-2</v>
      </c>
      <c r="G57" s="42">
        <v>75.28726116</v>
      </c>
      <c r="H57" s="42">
        <v>2.6423214285714286E-2</v>
      </c>
      <c r="I57" s="42">
        <v>51.73977404</v>
      </c>
      <c r="J57" s="42">
        <v>1.9046428571428572E-2</v>
      </c>
    </row>
    <row r="58" spans="3:10" x14ac:dyDescent="0.45">
      <c r="C58" s="41">
        <v>59.951080249999997</v>
      </c>
      <c r="D58" s="41">
        <v>4.1508928571428572E-2</v>
      </c>
      <c r="E58" s="42">
        <v>102.43380691</v>
      </c>
      <c r="F58" s="42">
        <v>3.9573214285714288E-2</v>
      </c>
      <c r="G58" s="42">
        <v>85.769087110000001</v>
      </c>
      <c r="H58" s="42">
        <v>2.9694642857142857E-2</v>
      </c>
      <c r="I58" s="42">
        <v>58.797509730000002</v>
      </c>
      <c r="J58" s="42">
        <v>2.1075E-2</v>
      </c>
    </row>
    <row r="59" spans="3:10" x14ac:dyDescent="0.45">
      <c r="C59" s="41">
        <v>66.195009569999996</v>
      </c>
      <c r="D59" s="41">
        <v>4.5795089285714297E-2</v>
      </c>
      <c r="E59" s="42"/>
      <c r="F59" s="42"/>
      <c r="G59" s="42">
        <v>96.497089489999993</v>
      </c>
      <c r="H59" s="42">
        <v>3.3472767857142857E-2</v>
      </c>
      <c r="I59" s="42">
        <v>65.419859009999996</v>
      </c>
      <c r="J59" s="42">
        <v>2.3023214285714282E-2</v>
      </c>
    </row>
    <row r="60" spans="3:10" x14ac:dyDescent="0.45">
      <c r="C60" s="41">
        <v>72.630183380000005</v>
      </c>
      <c r="D60" s="41">
        <v>5.1288839285714288E-2</v>
      </c>
      <c r="E60" s="42"/>
      <c r="F60" s="42"/>
      <c r="G60" s="42">
        <v>99.9</v>
      </c>
      <c r="H60" s="42">
        <v>3.6421874999999999E-2</v>
      </c>
      <c r="I60" s="42">
        <v>72.35348922</v>
      </c>
      <c r="J60" s="42">
        <v>2.4974107142857145E-2</v>
      </c>
    </row>
    <row r="61" spans="3:10" x14ac:dyDescent="0.45">
      <c r="C61" s="41">
        <v>81.706158849999994</v>
      </c>
      <c r="D61" s="41">
        <v>5.7325446428571424E-2</v>
      </c>
      <c r="E61" s="42"/>
      <c r="F61" s="42"/>
      <c r="G61" s="42"/>
      <c r="H61" s="42"/>
      <c r="I61" s="42">
        <v>81.120218269999995</v>
      </c>
      <c r="J61" s="42">
        <v>2.7300446428571427E-2</v>
      </c>
    </row>
    <row r="62" spans="3:10" x14ac:dyDescent="0.45">
      <c r="C62" s="41">
        <v>91.323315539999996</v>
      </c>
      <c r="D62" s="41">
        <v>6.3580357142857133E-2</v>
      </c>
      <c r="E62" s="42"/>
      <c r="F62" s="42"/>
      <c r="G62" s="42"/>
      <c r="H62" s="42"/>
      <c r="I62" s="42">
        <v>90.212469859999999</v>
      </c>
      <c r="J62" s="42">
        <v>3.0114285714285718E-2</v>
      </c>
    </row>
    <row r="63" spans="3:10" x14ac:dyDescent="0.45">
      <c r="C63" s="41">
        <v>99.9</v>
      </c>
      <c r="D63" s="41">
        <v>7.0330803571428568E-2</v>
      </c>
      <c r="E63" s="42"/>
      <c r="F63" s="42"/>
      <c r="G63" s="42"/>
      <c r="H63" s="42"/>
      <c r="I63" s="42">
        <v>99.184685009999995</v>
      </c>
      <c r="J63" s="42">
        <v>3.2149999999999998E-2</v>
      </c>
    </row>
    <row r="64" spans="3:10" x14ac:dyDescent="0.45">
      <c r="C64" s="26"/>
      <c r="D64" s="26"/>
    </row>
    <row r="65" spans="3:4" x14ac:dyDescent="0.45">
      <c r="C65" s="26"/>
      <c r="D65" s="26"/>
    </row>
    <row r="66" spans="3:4" x14ac:dyDescent="0.45">
      <c r="C66" s="30"/>
      <c r="D66" s="26"/>
    </row>
    <row r="67" spans="3:4" x14ac:dyDescent="0.45">
      <c r="C67" s="26"/>
      <c r="D67" s="26"/>
    </row>
    <row r="68" spans="3:4" x14ac:dyDescent="0.45">
      <c r="C68" s="26"/>
      <c r="D68" s="26"/>
    </row>
    <row r="81" spans="3:8" x14ac:dyDescent="0.45">
      <c r="C81" s="26"/>
      <c r="D81" s="26"/>
      <c r="E81" s="26"/>
      <c r="F81" s="26"/>
      <c r="G81" s="26"/>
      <c r="H81" s="26"/>
    </row>
  </sheetData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A2730A-8D78-45D8-9536-3B4639F50F61}">
  <dimension ref="A5:L43"/>
  <sheetViews>
    <sheetView workbookViewId="0">
      <selection activeCell="A5" sqref="A5:B6"/>
    </sheetView>
  </sheetViews>
  <sheetFormatPr defaultRowHeight="14.25" x14ac:dyDescent="0.45"/>
  <cols>
    <col min="12" max="12" width="12.19921875" customWidth="1"/>
  </cols>
  <sheetData>
    <row r="5" spans="1:12" x14ac:dyDescent="0.45">
      <c r="A5" s="24" t="s">
        <v>29</v>
      </c>
    </row>
    <row r="6" spans="1:12" x14ac:dyDescent="0.45">
      <c r="A6" s="24" t="s">
        <v>30</v>
      </c>
      <c r="B6" s="65" t="s">
        <v>27</v>
      </c>
    </row>
    <row r="7" spans="1:12" x14ac:dyDescent="0.45">
      <c r="B7" s="24" t="s">
        <v>1</v>
      </c>
      <c r="C7" s="24"/>
      <c r="D7" s="24"/>
      <c r="E7" s="24" t="s">
        <v>2</v>
      </c>
      <c r="F7" s="24"/>
      <c r="G7" s="24"/>
      <c r="H7" s="24" t="s">
        <v>3</v>
      </c>
      <c r="I7" s="24"/>
      <c r="J7" s="24"/>
      <c r="K7" s="24" t="s">
        <v>4</v>
      </c>
      <c r="L7" s="24"/>
    </row>
    <row r="8" spans="1:12" x14ac:dyDescent="0.45">
      <c r="B8" s="24" t="s">
        <v>5</v>
      </c>
      <c r="C8" s="24" t="s">
        <v>6</v>
      </c>
      <c r="D8" s="24"/>
      <c r="E8" s="24" t="s">
        <v>5</v>
      </c>
      <c r="F8" s="24" t="s">
        <v>6</v>
      </c>
      <c r="G8" s="24"/>
      <c r="H8" s="24" t="s">
        <v>5</v>
      </c>
      <c r="I8" s="24" t="s">
        <v>6</v>
      </c>
      <c r="J8" s="24"/>
      <c r="K8" s="24" t="s">
        <v>5</v>
      </c>
      <c r="L8" s="24" t="s">
        <v>6</v>
      </c>
    </row>
    <row r="9" spans="1:12" x14ac:dyDescent="0.45">
      <c r="B9" s="16">
        <v>8.253793287265547E-3</v>
      </c>
      <c r="C9" s="16">
        <v>44.61168</v>
      </c>
      <c r="D9" s="16"/>
      <c r="E9" s="16">
        <v>2.4904242152023692E-2</v>
      </c>
      <c r="F9" s="16">
        <v>42.569229999999997</v>
      </c>
      <c r="G9" s="16"/>
      <c r="H9" s="16">
        <v>1.9937099999999999E-2</v>
      </c>
      <c r="I9" s="16">
        <v>34.383450000000003</v>
      </c>
      <c r="J9" s="16"/>
      <c r="K9" s="16">
        <v>8.7600000000000008E-6</v>
      </c>
      <c r="L9" s="16">
        <v>35.154620000000001</v>
      </c>
    </row>
    <row r="10" spans="1:12" x14ac:dyDescent="0.45">
      <c r="B10" s="16">
        <v>6.2762706910167818E-2</v>
      </c>
      <c r="C10" s="16">
        <v>77.600179999999995</v>
      </c>
      <c r="D10" s="16"/>
      <c r="E10" s="16">
        <v>0.11707002191510366</v>
      </c>
      <c r="F10" s="16">
        <v>71.144639999999995</v>
      </c>
      <c r="G10" s="16"/>
      <c r="H10" s="16">
        <v>0.10847608</v>
      </c>
      <c r="I10" s="16">
        <v>57.115589999999997</v>
      </c>
      <c r="J10" s="16"/>
      <c r="K10" s="16">
        <v>1.0750340000000001E-2</v>
      </c>
      <c r="L10" s="16">
        <v>69.614469999999997</v>
      </c>
    </row>
    <row r="11" spans="1:12" x14ac:dyDescent="0.45">
      <c r="B11" s="16">
        <v>0.15368327462981243</v>
      </c>
      <c r="C11" s="16">
        <v>100.97915999999999</v>
      </c>
      <c r="D11" s="16"/>
      <c r="E11" s="16">
        <v>0.32415682872655477</v>
      </c>
      <c r="F11" s="16">
        <v>101.10454</v>
      </c>
      <c r="G11" s="16"/>
      <c r="H11" s="16">
        <v>0.32052627</v>
      </c>
      <c r="I11" s="16">
        <v>82.790120000000002</v>
      </c>
      <c r="J11" s="16"/>
      <c r="K11" s="16">
        <v>4.9694660000000002E-2</v>
      </c>
      <c r="L11" s="16">
        <v>96.004109999999997</v>
      </c>
    </row>
    <row r="12" spans="1:12" x14ac:dyDescent="0.45">
      <c r="B12" s="16">
        <v>0.37039034916090824</v>
      </c>
      <c r="C12" s="16">
        <v>138.58114</v>
      </c>
      <c r="D12" s="16"/>
      <c r="E12" s="16">
        <v>0.56243419022704833</v>
      </c>
      <c r="F12" s="16">
        <v>138.2619</v>
      </c>
      <c r="G12" s="16"/>
      <c r="H12" s="16">
        <v>0.52983897999999996</v>
      </c>
      <c r="I12" s="16">
        <v>108.89124</v>
      </c>
      <c r="J12" s="16"/>
      <c r="K12" s="16">
        <v>0.11006498000000001</v>
      </c>
      <c r="L12" s="16">
        <v>114.66924</v>
      </c>
    </row>
    <row r="13" spans="1:12" x14ac:dyDescent="0.45">
      <c r="B13" s="16">
        <v>0.59422726712734453</v>
      </c>
      <c r="C13" s="16">
        <v>186.19488999999999</v>
      </c>
      <c r="D13" s="16"/>
      <c r="E13" s="16">
        <v>0.69713802240868716</v>
      </c>
      <c r="F13" s="16">
        <v>175.28444999999999</v>
      </c>
      <c r="G13" s="16"/>
      <c r="H13" s="16">
        <v>0.67268472999999995</v>
      </c>
      <c r="I13" s="16">
        <v>143.70419999999999</v>
      </c>
      <c r="J13" s="16"/>
      <c r="K13" s="16">
        <v>0.25054134</v>
      </c>
      <c r="L13" s="16">
        <v>143.49137999999999</v>
      </c>
    </row>
    <row r="14" spans="1:12" x14ac:dyDescent="0.45">
      <c r="B14" s="16">
        <v>0.71535427038499511</v>
      </c>
      <c r="C14" s="16">
        <v>234.95902000000001</v>
      </c>
      <c r="D14" s="16"/>
      <c r="E14" s="16">
        <v>0.74682600217176709</v>
      </c>
      <c r="F14" s="16">
        <v>216.27119999999999</v>
      </c>
      <c r="G14" s="16"/>
      <c r="H14" s="16">
        <v>0.71103928999999999</v>
      </c>
      <c r="I14" s="16">
        <v>185.68221</v>
      </c>
      <c r="J14" s="16"/>
      <c r="K14" s="16">
        <v>0.39675224999999997</v>
      </c>
      <c r="L14" s="16">
        <v>170.93628000000001</v>
      </c>
    </row>
    <row r="15" spans="1:12" x14ac:dyDescent="0.45">
      <c r="B15" s="16">
        <v>0.75584374787759123</v>
      </c>
      <c r="C15" s="16">
        <v>290.35599000000002</v>
      </c>
      <c r="D15" s="16"/>
      <c r="E15" s="16">
        <v>0.76512258647581455</v>
      </c>
      <c r="F15" s="16">
        <v>260.26715999999999</v>
      </c>
      <c r="G15" s="16"/>
      <c r="H15" s="16">
        <v>0.72893836999999995</v>
      </c>
      <c r="I15" s="16">
        <v>228.82066</v>
      </c>
      <c r="J15" s="16"/>
      <c r="K15" s="16">
        <v>0.58781611</v>
      </c>
      <c r="L15" s="16">
        <v>216.47926000000001</v>
      </c>
    </row>
    <row r="16" spans="1:12" x14ac:dyDescent="0.45">
      <c r="B16" s="16">
        <v>0.7705051162882528</v>
      </c>
      <c r="C16" s="16">
        <v>348.03717</v>
      </c>
      <c r="D16" s="16"/>
      <c r="E16" s="16">
        <v>0.77536546031589348</v>
      </c>
      <c r="F16" s="16">
        <v>303.46796000000001</v>
      </c>
      <c r="G16" s="16"/>
      <c r="H16" s="16">
        <v>0.74317443999999999</v>
      </c>
      <c r="I16" s="16">
        <v>270.84080999999998</v>
      </c>
      <c r="J16" s="16"/>
      <c r="K16" s="16">
        <v>0.72444114999999998</v>
      </c>
      <c r="L16" s="16">
        <v>275.23164000000003</v>
      </c>
    </row>
    <row r="17" spans="2:12" x14ac:dyDescent="0.45">
      <c r="B17" s="16">
        <v>0.77723327847976309</v>
      </c>
      <c r="C17" s="16">
        <v>405.49293999999998</v>
      </c>
      <c r="D17" s="16"/>
      <c r="E17" s="16">
        <v>0.7774742872655479</v>
      </c>
      <c r="F17" s="16">
        <v>346.86277000000001</v>
      </c>
      <c r="G17" s="16"/>
      <c r="H17" s="16">
        <v>0.76021768999999995</v>
      </c>
      <c r="I17" s="16">
        <v>311.41451999999998</v>
      </c>
      <c r="J17" s="16"/>
      <c r="K17" s="16">
        <v>0.77140105000000003</v>
      </c>
      <c r="L17" s="16">
        <v>344.65215000000001</v>
      </c>
    </row>
    <row r="18" spans="2:12" x14ac:dyDescent="0.45">
      <c r="B18" s="16">
        <v>0.78203337028627851</v>
      </c>
      <c r="C18" s="16">
        <v>462.90159999999997</v>
      </c>
      <c r="D18" s="16"/>
      <c r="E18" s="16">
        <v>0.78534724116485688</v>
      </c>
      <c r="F18" s="16">
        <v>389.25623999999999</v>
      </c>
      <c r="G18" s="16"/>
      <c r="H18" s="16">
        <v>0.8024384</v>
      </c>
      <c r="I18" s="16">
        <v>346.77062000000001</v>
      </c>
      <c r="J18" s="16"/>
      <c r="K18" s="16">
        <v>0.78720657000000005</v>
      </c>
      <c r="L18" s="16">
        <v>412.91631000000001</v>
      </c>
    </row>
    <row r="19" spans="2:12" x14ac:dyDescent="0.45">
      <c r="B19" s="16">
        <v>0.79167372201382036</v>
      </c>
      <c r="C19" s="16">
        <v>518.31586000000004</v>
      </c>
      <c r="D19" s="16"/>
      <c r="E19" s="16">
        <v>0.79800020286278384</v>
      </c>
      <c r="F19" s="16">
        <v>429.98959000000002</v>
      </c>
      <c r="G19" s="16"/>
      <c r="H19" s="16">
        <v>0.90942659000000003</v>
      </c>
      <c r="I19" s="16">
        <v>367.30070999999998</v>
      </c>
      <c r="J19" s="16"/>
      <c r="K19" s="16">
        <v>0.79330491999999997</v>
      </c>
      <c r="L19" s="16">
        <v>485.12223</v>
      </c>
    </row>
    <row r="20" spans="2:12" x14ac:dyDescent="0.45">
      <c r="B20" s="16">
        <v>0.79737759684106613</v>
      </c>
      <c r="C20" s="16">
        <v>574.11746000000005</v>
      </c>
      <c r="D20" s="16"/>
      <c r="E20" s="16">
        <v>0.81503149101678196</v>
      </c>
      <c r="F20" s="16">
        <v>469.28253999999998</v>
      </c>
      <c r="G20" s="16"/>
      <c r="H20" s="16">
        <v>0.97189420000000004</v>
      </c>
      <c r="I20" s="16">
        <v>384.04118999999997</v>
      </c>
      <c r="J20" s="16"/>
      <c r="K20" s="16">
        <v>0.79767094999999999</v>
      </c>
      <c r="L20" s="16">
        <v>556.43901000000005</v>
      </c>
    </row>
    <row r="21" spans="2:12" x14ac:dyDescent="0.45">
      <c r="B21" s="16">
        <v>0.82169940098716687</v>
      </c>
      <c r="C21" s="16">
        <v>623.58965999999998</v>
      </c>
      <c r="D21" s="16"/>
      <c r="E21" s="16">
        <v>0.89265640700888449</v>
      </c>
      <c r="F21" s="16">
        <v>493.41374999999999</v>
      </c>
      <c r="G21" s="16"/>
      <c r="H21" s="16">
        <v>0.99038117999999997</v>
      </c>
      <c r="I21" s="16">
        <v>407.29541</v>
      </c>
      <c r="J21" s="16"/>
      <c r="K21" s="16">
        <v>0.80550321000000003</v>
      </c>
      <c r="L21" s="16">
        <v>626.90580999999997</v>
      </c>
    </row>
    <row r="22" spans="2:12" x14ac:dyDescent="0.45">
      <c r="B22" s="16">
        <v>0.91077223464955581</v>
      </c>
      <c r="C22" s="16">
        <v>654.43708000000004</v>
      </c>
      <c r="D22" s="16"/>
      <c r="E22" s="16">
        <v>0.97257090641658439</v>
      </c>
      <c r="F22" s="16">
        <v>514.20592999999997</v>
      </c>
      <c r="G22" s="16"/>
      <c r="H22" s="16">
        <v>0.99038117999999997</v>
      </c>
      <c r="I22" s="16">
        <v>407.29541</v>
      </c>
      <c r="J22" s="16"/>
      <c r="K22" s="16">
        <v>0.81588835999999998</v>
      </c>
      <c r="L22" s="16">
        <v>697.79825000000005</v>
      </c>
    </row>
    <row r="23" spans="2:12" x14ac:dyDescent="0.45">
      <c r="B23" s="16">
        <v>0.97566385261599198</v>
      </c>
      <c r="C23" s="16">
        <v>682.16175999999996</v>
      </c>
      <c r="D23" s="16"/>
      <c r="E23" s="16">
        <v>0.99194521984205331</v>
      </c>
      <c r="F23" s="16">
        <v>538.55961000000002</v>
      </c>
      <c r="G23" s="16"/>
      <c r="H23" s="16">
        <v>0.96406959999999997</v>
      </c>
      <c r="I23" s="16">
        <v>385.00949000000003</v>
      </c>
      <c r="J23" s="16"/>
      <c r="K23" s="16">
        <v>0.88960406000000003</v>
      </c>
      <c r="L23" s="16">
        <v>744.62233000000003</v>
      </c>
    </row>
    <row r="24" spans="2:12" x14ac:dyDescent="0.45">
      <c r="B24" s="16">
        <v>0.9756638526159922</v>
      </c>
      <c r="C24" s="16">
        <v>682.16175999999996</v>
      </c>
      <c r="D24" s="16"/>
      <c r="E24" s="16">
        <v>0.99194521984205331</v>
      </c>
      <c r="F24" s="16">
        <v>538.55961000000002</v>
      </c>
      <c r="G24" s="16"/>
      <c r="H24" s="16">
        <v>0.89859855</v>
      </c>
      <c r="I24" s="16">
        <v>369.55489</v>
      </c>
      <c r="J24" s="16"/>
      <c r="K24" s="16">
        <v>0.96839934000000005</v>
      </c>
      <c r="L24" s="16">
        <v>780.17846999999995</v>
      </c>
    </row>
    <row r="25" spans="2:12" x14ac:dyDescent="0.45">
      <c r="B25" s="16">
        <v>0.80382458213228036</v>
      </c>
      <c r="C25" s="16">
        <v>625.16782999999998</v>
      </c>
      <c r="D25" s="16"/>
      <c r="E25" s="16">
        <v>0.82971294343534063</v>
      </c>
      <c r="F25" s="16">
        <v>486.33352000000002</v>
      </c>
      <c r="G25" s="16"/>
      <c r="H25" s="16">
        <v>0.81638197000000001</v>
      </c>
      <c r="I25" s="16">
        <v>357.05410000000001</v>
      </c>
      <c r="J25" s="16"/>
      <c r="K25" s="16">
        <v>0.99273073000000001</v>
      </c>
      <c r="L25" s="16">
        <v>870.37004000000002</v>
      </c>
    </row>
    <row r="26" spans="2:12" x14ac:dyDescent="0.45">
      <c r="B26" s="16">
        <v>0.74674566594274427</v>
      </c>
      <c r="C26" s="16">
        <v>550.52543000000003</v>
      </c>
      <c r="D26" s="16"/>
      <c r="E26" s="16">
        <v>0.73967607462981244</v>
      </c>
      <c r="F26" s="16">
        <v>433.64528000000001</v>
      </c>
      <c r="G26" s="16"/>
      <c r="H26" s="16">
        <v>0.74781445999999996</v>
      </c>
      <c r="I26" s="16">
        <v>342.21769</v>
      </c>
      <c r="J26" s="16"/>
      <c r="K26" s="16">
        <v>0.99273073000000001</v>
      </c>
      <c r="L26" s="16">
        <v>870.37004000000002</v>
      </c>
    </row>
    <row r="27" spans="2:12" x14ac:dyDescent="0.45">
      <c r="B27" s="16">
        <v>0.73479564649555784</v>
      </c>
      <c r="C27" s="16">
        <v>471.05423000000002</v>
      </c>
      <c r="D27" s="16"/>
      <c r="E27" s="16">
        <v>0.72382974639684106</v>
      </c>
      <c r="F27" s="16">
        <v>374.57929999999999</v>
      </c>
      <c r="G27" s="16"/>
      <c r="H27" s="16">
        <v>0.70757636000000002</v>
      </c>
      <c r="I27" s="16">
        <v>295.73576000000003</v>
      </c>
      <c r="J27" s="16"/>
      <c r="K27" s="16">
        <v>0.99273073000000001</v>
      </c>
      <c r="L27" s="16">
        <v>870.37004000000002</v>
      </c>
    </row>
    <row r="28" spans="2:12" x14ac:dyDescent="0.45">
      <c r="B28" s="16">
        <v>0.72844908163869693</v>
      </c>
      <c r="C28" s="16">
        <v>391.48746</v>
      </c>
      <c r="D28" s="16"/>
      <c r="E28" s="16">
        <v>0.71559527926949662</v>
      </c>
      <c r="F28" s="16">
        <v>315.39706999999999</v>
      </c>
      <c r="G28" s="16"/>
      <c r="H28" s="16">
        <v>0.69355230000000001</v>
      </c>
      <c r="I28" s="16">
        <v>247.87468000000001</v>
      </c>
      <c r="J28" s="16"/>
      <c r="K28" s="16">
        <v>0.94799049999999996</v>
      </c>
      <c r="L28" s="16">
        <v>775.43701999999996</v>
      </c>
    </row>
    <row r="29" spans="2:12" x14ac:dyDescent="0.45">
      <c r="B29" s="16">
        <v>0.72013427818361309</v>
      </c>
      <c r="C29" s="16">
        <v>313.09192999999999</v>
      </c>
      <c r="D29" s="16"/>
      <c r="E29" s="16">
        <v>0.70872652852912144</v>
      </c>
      <c r="F29" s="16">
        <v>256.60480999999999</v>
      </c>
      <c r="G29" s="16"/>
      <c r="H29" s="16">
        <v>0.68097152000000005</v>
      </c>
      <c r="I29" s="16">
        <v>200.84381999999999</v>
      </c>
      <c r="J29" s="16"/>
      <c r="K29" s="16">
        <v>0.79698614000000001</v>
      </c>
      <c r="L29" s="16">
        <v>715.19970000000001</v>
      </c>
    </row>
    <row r="30" spans="2:12" x14ac:dyDescent="0.45">
      <c r="B30" s="16">
        <v>0.70422769772951632</v>
      </c>
      <c r="C30" s="16">
        <v>237.47748999999999</v>
      </c>
      <c r="D30" s="16"/>
      <c r="E30" s="16">
        <v>0.69796146910167822</v>
      </c>
      <c r="F30" s="16">
        <v>199.04026999999999</v>
      </c>
      <c r="G30" s="16"/>
      <c r="H30" s="16">
        <v>0.66122060000000005</v>
      </c>
      <c r="I30" s="16">
        <v>156.01347000000001</v>
      </c>
      <c r="J30" s="16"/>
      <c r="K30" s="16">
        <v>0.75369271999999998</v>
      </c>
      <c r="L30" s="16">
        <v>623.33291999999994</v>
      </c>
    </row>
    <row r="31" spans="2:12" x14ac:dyDescent="0.45">
      <c r="B31" s="16">
        <v>0.59952946061204349</v>
      </c>
      <c r="C31" s="16">
        <v>188.69587999999999</v>
      </c>
      <c r="D31" s="16"/>
      <c r="E31" s="16">
        <v>0.62788816209279374</v>
      </c>
      <c r="F31" s="16">
        <v>154.9751</v>
      </c>
      <c r="G31" s="16"/>
      <c r="H31" s="16">
        <v>0.59597716000000001</v>
      </c>
      <c r="I31" s="16">
        <v>125.00979</v>
      </c>
      <c r="J31" s="16"/>
      <c r="K31" s="16">
        <v>0.74408169999999996</v>
      </c>
      <c r="L31" s="16">
        <v>521.00414000000001</v>
      </c>
    </row>
    <row r="32" spans="2:12" x14ac:dyDescent="0.45">
      <c r="B32" s="16">
        <v>0.46275696969397828</v>
      </c>
      <c r="C32" s="16">
        <v>158.28582</v>
      </c>
      <c r="D32" s="16"/>
      <c r="E32" s="16">
        <v>0.49559441786771963</v>
      </c>
      <c r="F32" s="16">
        <v>127.27579</v>
      </c>
      <c r="G32" s="16"/>
      <c r="H32" s="16">
        <v>0.47091229000000001</v>
      </c>
      <c r="I32" s="16">
        <v>101.54313</v>
      </c>
      <c r="J32" s="16"/>
      <c r="K32" s="16">
        <v>0.73950475000000004</v>
      </c>
      <c r="L32" s="16">
        <v>446.87331</v>
      </c>
    </row>
    <row r="33" spans="2:12" x14ac:dyDescent="0.45">
      <c r="B33" s="16">
        <v>0.34317643938795656</v>
      </c>
      <c r="C33" s="16">
        <v>133.92938000000001</v>
      </c>
      <c r="D33" s="16"/>
      <c r="E33" s="16">
        <v>0.37302136179664364</v>
      </c>
      <c r="F33" s="16">
        <v>108.26174</v>
      </c>
      <c r="G33" s="16"/>
      <c r="H33" s="16">
        <v>0.36051832</v>
      </c>
      <c r="I33" s="16">
        <v>87.777090000000001</v>
      </c>
      <c r="J33" s="16"/>
      <c r="K33" s="16">
        <v>0.73442081000000003</v>
      </c>
      <c r="L33" s="16">
        <v>374.35003</v>
      </c>
    </row>
    <row r="34" spans="2:12" x14ac:dyDescent="0.45">
      <c r="B34" s="16">
        <v>0.25229603978282333</v>
      </c>
      <c r="C34" s="16">
        <v>118.14485000000001</v>
      </c>
      <c r="D34" s="16"/>
      <c r="E34" s="16">
        <v>0.27589481757156958</v>
      </c>
      <c r="F34" s="16">
        <v>94.784620000000004</v>
      </c>
      <c r="G34" s="16"/>
      <c r="H34" s="16">
        <v>0.27610962</v>
      </c>
      <c r="I34" s="16">
        <v>78.358239999999995</v>
      </c>
      <c r="J34" s="16"/>
      <c r="K34" s="16">
        <v>0.72541931000000004</v>
      </c>
      <c r="L34" s="16">
        <v>302.95202</v>
      </c>
    </row>
    <row r="35" spans="2:12" x14ac:dyDescent="0.45">
      <c r="B35" s="16">
        <v>0.1873441696939783</v>
      </c>
      <c r="C35" s="16">
        <v>106.85028</v>
      </c>
      <c r="D35" s="16"/>
      <c r="E35" s="16">
        <v>0.20475705508390918</v>
      </c>
      <c r="F35" s="16">
        <v>85.457560000000001</v>
      </c>
      <c r="G35" s="16"/>
      <c r="H35" s="16">
        <v>0.21535951</v>
      </c>
      <c r="I35" s="16">
        <v>71.671059999999997</v>
      </c>
      <c r="J35" s="16"/>
      <c r="K35" s="16">
        <v>0.67595432</v>
      </c>
      <c r="L35" s="16">
        <v>254.38102000000001</v>
      </c>
    </row>
    <row r="36" spans="2:12" x14ac:dyDescent="0.45">
      <c r="B36" s="16">
        <v>0.14199434817374137</v>
      </c>
      <c r="C36" s="16">
        <v>98.011179999999996</v>
      </c>
      <c r="D36" s="16"/>
      <c r="E36" s="16">
        <v>0.15466739387956566</v>
      </c>
      <c r="F36" s="16">
        <v>78.216719999999995</v>
      </c>
      <c r="G36" s="16"/>
      <c r="H36" s="16">
        <v>0.17214652</v>
      </c>
      <c r="I36" s="16">
        <v>66.603449999999995</v>
      </c>
      <c r="J36" s="16"/>
      <c r="K36" s="16">
        <v>0.56821348999999999</v>
      </c>
      <c r="L36" s="16">
        <v>211.80667</v>
      </c>
    </row>
    <row r="37" spans="2:12" x14ac:dyDescent="0.45">
      <c r="B37" s="16">
        <v>0.11010085103652517</v>
      </c>
      <c r="C37" s="16">
        <v>89.982730000000004</v>
      </c>
      <c r="D37" s="16"/>
      <c r="E37" s="16">
        <v>0.11933952142152024</v>
      </c>
      <c r="F37" s="16">
        <v>72.453140000000005</v>
      </c>
      <c r="G37" s="16"/>
      <c r="H37" s="16">
        <v>0.14114473999999999</v>
      </c>
      <c r="I37" s="16">
        <v>62.64573</v>
      </c>
      <c r="J37" s="16"/>
      <c r="K37" s="16">
        <v>0.44162404999999999</v>
      </c>
      <c r="L37" s="16">
        <v>181.63215</v>
      </c>
    </row>
    <row r="38" spans="2:12" x14ac:dyDescent="0.45">
      <c r="B38" s="16">
        <v>8.7626780848963484E-2</v>
      </c>
      <c r="C38" s="16">
        <v>84.016019999999997</v>
      </c>
      <c r="D38" s="16"/>
      <c r="E38" s="16">
        <v>9.4415195261599208E-2</v>
      </c>
      <c r="F38" s="16">
        <v>67.746189999999999</v>
      </c>
      <c r="G38" s="16"/>
      <c r="H38" s="16">
        <v>0.1192199</v>
      </c>
      <c r="I38" s="16">
        <v>59.521259999999998</v>
      </c>
      <c r="J38" s="16"/>
      <c r="K38" s="16">
        <v>0.32223790000000002</v>
      </c>
      <c r="L38" s="16">
        <v>156.94936999999999</v>
      </c>
    </row>
    <row r="39" spans="2:12" x14ac:dyDescent="0.45">
      <c r="B39" s="16"/>
      <c r="C39" s="16"/>
      <c r="D39" s="16"/>
      <c r="E39" s="16"/>
      <c r="F39" s="16"/>
      <c r="G39" s="16"/>
      <c r="H39" s="16">
        <v>0.10296186</v>
      </c>
      <c r="I39" s="16">
        <v>57.030239999999999</v>
      </c>
      <c r="J39" s="16"/>
      <c r="K39" s="16">
        <v>0.23411851</v>
      </c>
      <c r="L39" s="16">
        <v>140.12183999999999</v>
      </c>
    </row>
    <row r="40" spans="2:12" x14ac:dyDescent="0.45">
      <c r="B40" s="16"/>
      <c r="C40" s="16"/>
      <c r="D40" s="16"/>
      <c r="E40" s="16"/>
      <c r="F40" s="16"/>
      <c r="G40" s="16"/>
      <c r="H40" s="16">
        <v>9.1117530000000002E-2</v>
      </c>
      <c r="I40" s="16">
        <v>55.013860000000001</v>
      </c>
      <c r="J40" s="16"/>
      <c r="K40" s="16">
        <v>0.17146713999999999</v>
      </c>
      <c r="L40" s="16">
        <v>127.26738</v>
      </c>
    </row>
    <row r="41" spans="2:12" x14ac:dyDescent="0.45">
      <c r="B41" s="16"/>
      <c r="C41" s="16"/>
      <c r="D41" s="16"/>
      <c r="E41" s="16"/>
      <c r="F41" s="16"/>
      <c r="G41" s="16"/>
      <c r="H41" s="16"/>
      <c r="I41" s="16"/>
      <c r="J41" s="16"/>
      <c r="K41" s="16">
        <v>0.12821883000000001</v>
      </c>
      <c r="L41" s="16">
        <v>118.39394</v>
      </c>
    </row>
    <row r="42" spans="2:12" x14ac:dyDescent="0.45">
      <c r="B42" s="16"/>
      <c r="C42" s="16"/>
      <c r="D42" s="16"/>
      <c r="E42" s="16"/>
      <c r="F42" s="16"/>
      <c r="G42" s="16"/>
      <c r="H42" s="16"/>
      <c r="I42" s="16"/>
      <c r="J42" s="16"/>
      <c r="K42" s="16">
        <v>9.8212610000000006E-2</v>
      </c>
      <c r="L42" s="16">
        <v>111.00476</v>
      </c>
    </row>
    <row r="43" spans="2:12" x14ac:dyDescent="0.45">
      <c r="B43" s="16"/>
      <c r="C43" s="16"/>
      <c r="D43" s="16"/>
      <c r="E43" s="16"/>
      <c r="F43" s="16"/>
      <c r="G43" s="16"/>
      <c r="H43" s="16"/>
      <c r="I43" s="16"/>
      <c r="J43" s="16"/>
      <c r="K43" s="16"/>
      <c r="L43" s="16"/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C3C7233-DEDA-4CE2-8E07-91EF24F5A86C}">
  <dimension ref="A5:L54"/>
  <sheetViews>
    <sheetView workbookViewId="0">
      <selection activeCell="A5" sqref="A5:B6"/>
    </sheetView>
  </sheetViews>
  <sheetFormatPr defaultRowHeight="14.25" x14ac:dyDescent="0.45"/>
  <cols>
    <col min="2" max="2" width="9.19921875" bestFit="1" customWidth="1"/>
    <col min="3" max="3" width="11.19921875" bestFit="1" customWidth="1"/>
    <col min="5" max="5" width="9.19921875" bestFit="1" customWidth="1"/>
    <col min="6" max="6" width="11.19921875" bestFit="1" customWidth="1"/>
    <col min="8" max="8" width="9.19921875" bestFit="1" customWidth="1"/>
    <col min="9" max="9" width="11.19921875" bestFit="1" customWidth="1"/>
    <col min="11" max="11" width="9.19921875" bestFit="1" customWidth="1"/>
    <col min="12" max="12" width="11.19921875" bestFit="1" customWidth="1"/>
  </cols>
  <sheetData>
    <row r="5" spans="1:12" x14ac:dyDescent="0.45">
      <c r="A5" s="24" t="s">
        <v>29</v>
      </c>
    </row>
    <row r="6" spans="1:12" x14ac:dyDescent="0.45">
      <c r="A6" s="24" t="s">
        <v>30</v>
      </c>
      <c r="B6" s="65" t="s">
        <v>27</v>
      </c>
    </row>
    <row r="7" spans="1:12" x14ac:dyDescent="0.45">
      <c r="B7" s="10" t="s">
        <v>7</v>
      </c>
      <c r="C7" s="24"/>
      <c r="D7" s="24"/>
      <c r="E7" s="24" t="s">
        <v>8</v>
      </c>
      <c r="F7" s="24"/>
      <c r="G7" s="24"/>
      <c r="H7" s="24" t="s">
        <v>9</v>
      </c>
      <c r="I7" s="24"/>
      <c r="J7" s="24"/>
      <c r="K7" s="24" t="s">
        <v>4</v>
      </c>
      <c r="L7" s="24"/>
    </row>
    <row r="8" spans="1:12" x14ac:dyDescent="0.45">
      <c r="B8" s="24" t="s">
        <v>5</v>
      </c>
      <c r="C8" s="24" t="s">
        <v>6</v>
      </c>
      <c r="D8" s="24"/>
      <c r="E8" s="24" t="s">
        <v>5</v>
      </c>
      <c r="F8" s="24" t="s">
        <v>6</v>
      </c>
      <c r="G8" s="24"/>
      <c r="H8" s="24" t="s">
        <v>5</v>
      </c>
      <c r="I8" s="24" t="s">
        <v>6</v>
      </c>
      <c r="J8" s="24"/>
      <c r="K8" s="24" t="s">
        <v>5</v>
      </c>
      <c r="L8" s="24" t="s">
        <v>6</v>
      </c>
    </row>
    <row r="9" spans="1:12" x14ac:dyDescent="0.45">
      <c r="B9" s="16">
        <v>4.7392600000000003E-3</v>
      </c>
      <c r="C9" s="16">
        <v>33.951549999999997</v>
      </c>
      <c r="D9" s="16"/>
      <c r="E9" s="16">
        <v>2.8398869595261601E-2</v>
      </c>
      <c r="F9" s="16">
        <v>46.973840000000003</v>
      </c>
      <c r="G9" s="16"/>
      <c r="H9" s="16">
        <v>9.0368700000000007E-3</v>
      </c>
      <c r="I9" s="16">
        <v>28.817589999999999</v>
      </c>
      <c r="J9" s="16"/>
      <c r="K9" s="16">
        <v>8.7600000000000008E-6</v>
      </c>
      <c r="L9" s="16">
        <v>35.154620000000001</v>
      </c>
    </row>
    <row r="10" spans="1:12" x14ac:dyDescent="0.45">
      <c r="B10" s="16">
        <v>4.75685E-2</v>
      </c>
      <c r="C10" s="16">
        <v>61.915190000000003</v>
      </c>
      <c r="D10" s="16"/>
      <c r="E10" s="16">
        <v>0.13598921233958539</v>
      </c>
      <c r="F10" s="16">
        <v>76.405349999999999</v>
      </c>
      <c r="G10" s="16"/>
      <c r="H10" s="16">
        <v>5.0044859999999997E-2</v>
      </c>
      <c r="I10" s="16">
        <v>49.515000000000001</v>
      </c>
      <c r="J10" s="16"/>
      <c r="K10" s="16">
        <v>1.0750340000000001E-2</v>
      </c>
      <c r="L10" s="16">
        <v>69.614469999999997</v>
      </c>
    </row>
    <row r="11" spans="1:12" x14ac:dyDescent="0.45">
      <c r="B11" s="16">
        <v>0.13214898999999999</v>
      </c>
      <c r="C11" s="16">
        <v>82.858130000000003</v>
      </c>
      <c r="D11" s="16"/>
      <c r="E11" s="16">
        <v>0.3546243571569595</v>
      </c>
      <c r="F11" s="16">
        <v>108.92448</v>
      </c>
      <c r="G11" s="16"/>
      <c r="H11" s="16">
        <v>0.11947377000000001</v>
      </c>
      <c r="I11" s="16">
        <v>64.870410000000007</v>
      </c>
      <c r="J11" s="16"/>
      <c r="K11" s="16">
        <v>4.9694660000000002E-2</v>
      </c>
      <c r="L11" s="16">
        <v>96.004109999999997</v>
      </c>
    </row>
    <row r="12" spans="1:12" x14ac:dyDescent="0.45">
      <c r="B12" s="16">
        <v>0.31270443999999997</v>
      </c>
      <c r="C12" s="16">
        <v>111.27654</v>
      </c>
      <c r="D12" s="16"/>
      <c r="E12" s="16">
        <v>0.59221886051332673</v>
      </c>
      <c r="F12" s="16">
        <v>150.12620999999999</v>
      </c>
      <c r="G12" s="16"/>
      <c r="H12" s="16">
        <v>0.27746272999999999</v>
      </c>
      <c r="I12" s="16">
        <v>86.627420000000001</v>
      </c>
      <c r="J12" s="16"/>
      <c r="K12" s="16">
        <v>0.11006498000000001</v>
      </c>
      <c r="L12" s="16">
        <v>114.66924</v>
      </c>
    </row>
    <row r="13" spans="1:12" x14ac:dyDescent="0.45">
      <c r="B13" s="16">
        <v>0.4911103</v>
      </c>
      <c r="C13" s="16">
        <v>139.87521000000001</v>
      </c>
      <c r="D13" s="16"/>
      <c r="E13" s="16">
        <v>0.71876856169792691</v>
      </c>
      <c r="F13" s="16">
        <v>191.57955999999999</v>
      </c>
      <c r="G13" s="16"/>
      <c r="H13" s="16">
        <v>0.43997648</v>
      </c>
      <c r="I13" s="16">
        <v>107.57459</v>
      </c>
      <c r="J13" s="16"/>
      <c r="K13" s="16">
        <v>0.25054134</v>
      </c>
      <c r="L13" s="16">
        <v>143.49137999999999</v>
      </c>
    </row>
    <row r="14" spans="1:12" x14ac:dyDescent="0.45">
      <c r="B14" s="16">
        <v>0.63768661999999998</v>
      </c>
      <c r="C14" s="16">
        <v>173.37235999999999</v>
      </c>
      <c r="D14" s="16"/>
      <c r="E14" s="16">
        <v>0.76359619743336626</v>
      </c>
      <c r="F14" s="16">
        <v>237.86381</v>
      </c>
      <c r="G14" s="16"/>
      <c r="H14" s="16">
        <v>0.64458963999999996</v>
      </c>
      <c r="I14" s="16">
        <v>145.87817000000001</v>
      </c>
      <c r="J14" s="16"/>
      <c r="K14" s="16">
        <v>0.39675224999999997</v>
      </c>
      <c r="L14" s="16">
        <v>170.93628000000001</v>
      </c>
    </row>
    <row r="15" spans="1:12" x14ac:dyDescent="0.45">
      <c r="B15" s="16">
        <v>0.72203289000000004</v>
      </c>
      <c r="C15" s="16">
        <v>207.15120999999999</v>
      </c>
      <c r="D15" s="16"/>
      <c r="E15" s="16">
        <v>0.7787797515301087</v>
      </c>
      <c r="F15" s="16">
        <v>285.47447</v>
      </c>
      <c r="G15" s="16"/>
      <c r="H15" s="16">
        <v>0.72787963</v>
      </c>
      <c r="I15" s="16">
        <v>192.14147</v>
      </c>
      <c r="J15" s="16"/>
      <c r="K15" s="16">
        <v>0.58781611</v>
      </c>
      <c r="L15" s="16">
        <v>216.47926000000001</v>
      </c>
    </row>
    <row r="16" spans="1:12" x14ac:dyDescent="0.45">
      <c r="B16" s="16">
        <v>0.75652677000000002</v>
      </c>
      <c r="C16" s="16">
        <v>242.84992</v>
      </c>
      <c r="D16" s="16"/>
      <c r="E16" s="16">
        <v>0.79008708084896351</v>
      </c>
      <c r="F16" s="16">
        <v>333.64123999999998</v>
      </c>
      <c r="G16" s="16"/>
      <c r="H16" s="16">
        <v>0.74975773999999995</v>
      </c>
      <c r="I16" s="16">
        <v>243.67197999999999</v>
      </c>
      <c r="J16" s="16"/>
      <c r="K16" s="16">
        <v>0.72444114999999998</v>
      </c>
      <c r="L16" s="16">
        <v>275.23164000000003</v>
      </c>
    </row>
    <row r="17" spans="2:12" x14ac:dyDescent="0.45">
      <c r="B17" s="16">
        <v>0.77027051999999996</v>
      </c>
      <c r="C17" s="16">
        <v>279.15951000000001</v>
      </c>
      <c r="D17" s="16"/>
      <c r="E17" s="16">
        <v>0.79400347374136226</v>
      </c>
      <c r="F17" s="16">
        <v>381.72089</v>
      </c>
      <c r="G17" s="16"/>
      <c r="H17" s="16">
        <v>0.75994413999999999</v>
      </c>
      <c r="I17" s="16">
        <v>296.53181000000001</v>
      </c>
      <c r="J17" s="16"/>
      <c r="K17" s="16">
        <v>0.77140105000000003</v>
      </c>
      <c r="L17" s="16">
        <v>344.65215000000001</v>
      </c>
    </row>
    <row r="18" spans="2:12" x14ac:dyDescent="0.45">
      <c r="B18" s="16">
        <v>0.77923819000000005</v>
      </c>
      <c r="C18" s="16">
        <v>315.29818</v>
      </c>
      <c r="D18" s="16"/>
      <c r="E18" s="16">
        <v>0.80049062714708785</v>
      </c>
      <c r="F18" s="16">
        <v>428.69412</v>
      </c>
      <c r="G18" s="16"/>
      <c r="H18" s="16">
        <v>0.76750876999999995</v>
      </c>
      <c r="I18" s="16">
        <v>349.01934999999997</v>
      </c>
      <c r="J18" s="16"/>
      <c r="K18" s="16">
        <v>0.78720657000000005</v>
      </c>
      <c r="L18" s="16">
        <v>412.91631000000001</v>
      </c>
    </row>
    <row r="19" spans="2:12" x14ac:dyDescent="0.45">
      <c r="B19" s="16">
        <v>0.78317004000000001</v>
      </c>
      <c r="C19" s="16">
        <v>351.88735000000003</v>
      </c>
      <c r="D19" s="16"/>
      <c r="E19" s="16">
        <v>0.81314358884501492</v>
      </c>
      <c r="F19" s="16">
        <v>474.14353</v>
      </c>
      <c r="G19" s="16"/>
      <c r="H19" s="16">
        <v>0.77857105000000004</v>
      </c>
      <c r="I19" s="16">
        <v>400.01729</v>
      </c>
      <c r="J19" s="16"/>
      <c r="K19" s="16">
        <v>0.79330491999999997</v>
      </c>
      <c r="L19" s="16">
        <v>485.12223</v>
      </c>
    </row>
    <row r="20" spans="2:12" x14ac:dyDescent="0.45">
      <c r="B20" s="16">
        <v>0.78735215000000003</v>
      </c>
      <c r="C20" s="16">
        <v>388.25819999999999</v>
      </c>
      <c r="D20" s="16"/>
      <c r="E20" s="16">
        <v>0.8810679007897334</v>
      </c>
      <c r="F20" s="16">
        <v>506.40573000000001</v>
      </c>
      <c r="G20" s="16"/>
      <c r="H20" s="16">
        <v>0.83184753</v>
      </c>
      <c r="I20" s="16">
        <v>439.57170000000002</v>
      </c>
      <c r="J20" s="16"/>
      <c r="K20" s="16">
        <v>0.79767094999999999</v>
      </c>
      <c r="L20" s="16">
        <v>556.43901000000005</v>
      </c>
    </row>
    <row r="21" spans="2:12" x14ac:dyDescent="0.45">
      <c r="B21" s="16">
        <v>0.79148817000000005</v>
      </c>
      <c r="C21" s="16">
        <v>424.27643</v>
      </c>
      <c r="D21" s="16"/>
      <c r="E21" s="16">
        <v>0.96895577453109571</v>
      </c>
      <c r="F21" s="16">
        <v>528.68377999999996</v>
      </c>
      <c r="G21" s="16"/>
      <c r="H21" s="16">
        <v>0.93468319</v>
      </c>
      <c r="I21" s="16">
        <v>462.92919000000001</v>
      </c>
      <c r="J21" s="16"/>
      <c r="K21" s="16">
        <v>0.80550321000000003</v>
      </c>
      <c r="L21" s="16">
        <v>626.90580999999997</v>
      </c>
    </row>
    <row r="22" spans="2:12" x14ac:dyDescent="0.45">
      <c r="B22" s="16">
        <v>0.79403765000000004</v>
      </c>
      <c r="C22" s="16">
        <v>459.74916000000002</v>
      </c>
      <c r="D22" s="16"/>
      <c r="E22" s="16">
        <v>0.96895577453109571</v>
      </c>
      <c r="F22" s="16">
        <v>528.68377999999996</v>
      </c>
      <c r="G22" s="16"/>
      <c r="H22" s="16">
        <v>0.98070906000000002</v>
      </c>
      <c r="I22" s="16">
        <v>490.00234999999998</v>
      </c>
      <c r="J22" s="16"/>
      <c r="K22" s="16">
        <v>0.81588835999999998</v>
      </c>
      <c r="L22" s="16">
        <v>697.79825000000005</v>
      </c>
    </row>
    <row r="23" spans="2:12" x14ac:dyDescent="0.45">
      <c r="B23" s="16">
        <v>0.80438902999999995</v>
      </c>
      <c r="C23" s="16">
        <v>493.6456</v>
      </c>
      <c r="D23" s="16"/>
      <c r="E23" s="16">
        <v>0.78028605646594273</v>
      </c>
      <c r="F23" s="16">
        <v>476.1266</v>
      </c>
      <c r="G23" s="16"/>
      <c r="H23" s="16">
        <v>0.99003982000000001</v>
      </c>
      <c r="I23" s="16">
        <v>519.81826999999998</v>
      </c>
      <c r="J23" s="16"/>
      <c r="K23" s="16">
        <v>0.88960406000000003</v>
      </c>
      <c r="L23" s="16">
        <v>744.62233000000003</v>
      </c>
    </row>
    <row r="24" spans="2:12" x14ac:dyDescent="0.45">
      <c r="B24" s="16">
        <v>0.8114652</v>
      </c>
      <c r="C24" s="16">
        <v>527.83421999999996</v>
      </c>
      <c r="D24" s="16"/>
      <c r="E24" s="16">
        <v>0.74465692300098718</v>
      </c>
      <c r="F24" s="16">
        <v>410.16968000000003</v>
      </c>
      <c r="G24" s="16"/>
      <c r="H24" s="16">
        <v>0.99003982000000001</v>
      </c>
      <c r="I24" s="16">
        <v>519.81826999999998</v>
      </c>
      <c r="J24" s="16"/>
      <c r="K24" s="16">
        <v>0.96839934000000005</v>
      </c>
      <c r="L24" s="16">
        <v>780.17846999999995</v>
      </c>
    </row>
    <row r="25" spans="2:12" x14ac:dyDescent="0.45">
      <c r="B25" s="16">
        <v>0.83849492999999997</v>
      </c>
      <c r="C25" s="16">
        <v>558.26653999999996</v>
      </c>
      <c r="D25" s="16"/>
      <c r="E25" s="16">
        <v>0.73503665528134265</v>
      </c>
      <c r="F25" s="16">
        <v>342.25794000000002</v>
      </c>
      <c r="G25" s="16"/>
      <c r="H25" s="16">
        <v>0.88549314999999995</v>
      </c>
      <c r="I25" s="16">
        <v>458.52431000000001</v>
      </c>
      <c r="J25" s="16"/>
      <c r="K25" s="16">
        <v>0.99273073000000001</v>
      </c>
      <c r="L25" s="16">
        <v>870.37004000000002</v>
      </c>
    </row>
    <row r="26" spans="2:12" x14ac:dyDescent="0.45">
      <c r="B26" s="16">
        <v>0.91040277000000003</v>
      </c>
      <c r="C26" s="16">
        <v>579.92879000000005</v>
      </c>
      <c r="D26" s="16"/>
      <c r="E26" s="16">
        <v>0.72782647551826263</v>
      </c>
      <c r="F26" s="16">
        <v>274.71249</v>
      </c>
      <c r="G26" s="16"/>
      <c r="H26" s="16">
        <v>0.74200094999999999</v>
      </c>
      <c r="I26" s="16">
        <v>407.09354999999999</v>
      </c>
      <c r="J26" s="16"/>
      <c r="K26" s="16">
        <v>0.99273073000000001</v>
      </c>
      <c r="L26" s="16">
        <v>870.37004000000002</v>
      </c>
    </row>
    <row r="27" spans="2:12" x14ac:dyDescent="0.45">
      <c r="B27" s="16">
        <v>0.96594826</v>
      </c>
      <c r="C27" s="16">
        <v>596.48914000000002</v>
      </c>
      <c r="D27" s="16"/>
      <c r="E27" s="16">
        <v>0.71053409457058236</v>
      </c>
      <c r="F27" s="16">
        <v>209.8836</v>
      </c>
      <c r="G27" s="16"/>
      <c r="H27" s="16">
        <v>0.72184524000000005</v>
      </c>
      <c r="I27" s="16">
        <v>354.56761999999998</v>
      </c>
      <c r="J27" s="16"/>
      <c r="K27" s="16">
        <v>0.99273073000000001</v>
      </c>
      <c r="L27" s="16">
        <v>870.37004000000002</v>
      </c>
    </row>
    <row r="28" spans="2:12" x14ac:dyDescent="0.45">
      <c r="B28" s="16">
        <v>0.99144432999999998</v>
      </c>
      <c r="C28" s="16">
        <v>616.87298999999996</v>
      </c>
      <c r="D28" s="16"/>
      <c r="E28" s="16">
        <v>0.62722538785784798</v>
      </c>
      <c r="F28" s="16">
        <v>162.11442</v>
      </c>
      <c r="G28" s="16"/>
      <c r="H28" s="16">
        <v>0.71303260999999996</v>
      </c>
      <c r="I28" s="16">
        <v>299.41557</v>
      </c>
      <c r="J28" s="16"/>
      <c r="K28" s="16">
        <v>0.94799049999999996</v>
      </c>
      <c r="L28" s="16">
        <v>775.43701999999996</v>
      </c>
    </row>
    <row r="29" spans="2:12" x14ac:dyDescent="0.45">
      <c r="B29" s="16">
        <v>0.99144432999999998</v>
      </c>
      <c r="C29" s="16">
        <v>616.87298999999996</v>
      </c>
      <c r="D29" s="16"/>
      <c r="E29" s="16">
        <v>0.48565280513326753</v>
      </c>
      <c r="F29" s="16">
        <v>131.98652000000001</v>
      </c>
      <c r="G29" s="16"/>
      <c r="H29" s="16">
        <v>0.70566108000000005</v>
      </c>
      <c r="I29" s="16">
        <v>244.33149</v>
      </c>
      <c r="J29" s="16"/>
      <c r="K29" s="16">
        <v>0.79698614000000001</v>
      </c>
      <c r="L29" s="16">
        <v>715.19970000000001</v>
      </c>
    </row>
    <row r="30" spans="2:12" x14ac:dyDescent="0.45">
      <c r="B30" s="16">
        <v>0.95994212000000001</v>
      </c>
      <c r="C30" s="16">
        <v>597.41936999999996</v>
      </c>
      <c r="D30" s="16"/>
      <c r="E30" s="16">
        <v>0.35904285172754197</v>
      </c>
      <c r="F30" s="16">
        <v>110.98761</v>
      </c>
      <c r="G30" s="16"/>
      <c r="H30" s="16">
        <v>0.69467846</v>
      </c>
      <c r="I30" s="16">
        <v>189.93051</v>
      </c>
      <c r="J30" s="16"/>
      <c r="K30" s="16">
        <v>0.75369271999999998</v>
      </c>
      <c r="L30" s="16">
        <v>623.33291999999994</v>
      </c>
    </row>
    <row r="31" spans="2:12" x14ac:dyDescent="0.45">
      <c r="B31" s="16">
        <v>0.90402291000000001</v>
      </c>
      <c r="C31" s="16">
        <v>581.86136999999997</v>
      </c>
      <c r="D31" s="16"/>
      <c r="E31" s="16">
        <v>0.26177571905231989</v>
      </c>
      <c r="F31" s="16">
        <v>97.630290000000002</v>
      </c>
      <c r="G31" s="16"/>
      <c r="H31" s="16">
        <v>0.64526782999999999</v>
      </c>
      <c r="I31" s="16">
        <v>146.25487000000001</v>
      </c>
      <c r="J31" s="16"/>
      <c r="K31" s="16">
        <v>0.74408169999999996</v>
      </c>
      <c r="L31" s="16">
        <v>521.00414000000001</v>
      </c>
    </row>
    <row r="32" spans="2:12" x14ac:dyDescent="0.45">
      <c r="B32" s="16">
        <v>0.84351134000000005</v>
      </c>
      <c r="C32" s="16">
        <v>567.09621000000004</v>
      </c>
      <c r="D32" s="16"/>
      <c r="E32" s="16">
        <v>0.19250577462981244</v>
      </c>
      <c r="F32" s="16">
        <v>87.797470000000004</v>
      </c>
      <c r="G32" s="16"/>
      <c r="H32" s="16">
        <v>0.51581573000000003</v>
      </c>
      <c r="I32" s="16">
        <v>121.7717</v>
      </c>
      <c r="J32" s="16"/>
      <c r="K32" s="16">
        <v>0.73950475000000004</v>
      </c>
      <c r="L32" s="16">
        <v>446.87331</v>
      </c>
    </row>
    <row r="33" spans="2:12" x14ac:dyDescent="0.45">
      <c r="B33" s="16">
        <v>0.79197390999999995</v>
      </c>
      <c r="C33" s="16">
        <v>550.92543999999998</v>
      </c>
      <c r="D33" s="16"/>
      <c r="E33" s="16">
        <v>0.14432409980256664</v>
      </c>
      <c r="F33" s="16">
        <v>80.234579999999994</v>
      </c>
      <c r="G33" s="16"/>
      <c r="H33" s="16">
        <v>0.38053134</v>
      </c>
      <c r="I33" s="16">
        <v>99.912419999999997</v>
      </c>
      <c r="J33" s="16"/>
      <c r="K33" s="16">
        <v>0.73442081000000003</v>
      </c>
      <c r="L33" s="16">
        <v>374.35003</v>
      </c>
    </row>
    <row r="34" spans="2:12" x14ac:dyDescent="0.45">
      <c r="B34" s="16">
        <v>0.76868720999999995</v>
      </c>
      <c r="C34" s="16">
        <v>530.29498000000001</v>
      </c>
      <c r="D34" s="16"/>
      <c r="E34" s="16">
        <v>0.11098454995064165</v>
      </c>
      <c r="F34" s="16">
        <v>74.224739999999997</v>
      </c>
      <c r="G34" s="16"/>
      <c r="H34" s="16">
        <v>0.27589868000000001</v>
      </c>
      <c r="I34" s="16">
        <v>86.412030000000001</v>
      </c>
      <c r="J34" s="16"/>
      <c r="K34" s="16">
        <v>0.72541931000000004</v>
      </c>
      <c r="L34" s="16">
        <v>302.95202</v>
      </c>
    </row>
    <row r="35" spans="2:12" x14ac:dyDescent="0.45">
      <c r="B35" s="16">
        <v>0.75755563999999997</v>
      </c>
      <c r="C35" s="16">
        <v>507.73131999999998</v>
      </c>
      <c r="D35" s="16"/>
      <c r="E35" s="16">
        <v>8.7747285291214214E-2</v>
      </c>
      <c r="F35" s="16">
        <v>69.3142</v>
      </c>
      <c r="G35" s="16"/>
      <c r="H35" s="16">
        <v>0.20082285</v>
      </c>
      <c r="I35" s="16">
        <v>76.073170000000005</v>
      </c>
      <c r="J35" s="16"/>
      <c r="K35" s="16">
        <v>0.67595432</v>
      </c>
      <c r="L35" s="16">
        <v>254.38102000000001</v>
      </c>
    </row>
    <row r="36" spans="2:12" x14ac:dyDescent="0.45">
      <c r="B36" s="16">
        <v>0.75272636000000004</v>
      </c>
      <c r="C36" s="16">
        <v>484.20373999999998</v>
      </c>
      <c r="D36" s="16"/>
      <c r="E36" s="16"/>
      <c r="F36" s="16"/>
      <c r="G36" s="16"/>
      <c r="H36" s="16">
        <v>0.14879867999999999</v>
      </c>
      <c r="I36" s="16">
        <v>68.908810000000003</v>
      </c>
      <c r="J36" s="16"/>
      <c r="K36" s="16">
        <v>0.56821348999999999</v>
      </c>
      <c r="L36" s="16">
        <v>211.80667</v>
      </c>
    </row>
    <row r="37" spans="2:12" x14ac:dyDescent="0.45">
      <c r="B37" s="16">
        <v>0.74817104000000001</v>
      </c>
      <c r="C37" s="16">
        <v>460.60921999999999</v>
      </c>
      <c r="D37" s="16"/>
      <c r="E37" s="16"/>
      <c r="F37" s="16"/>
      <c r="G37" s="16"/>
      <c r="H37" s="16">
        <v>0.11297499</v>
      </c>
      <c r="I37" s="16">
        <v>63.43309</v>
      </c>
      <c r="J37" s="16"/>
      <c r="K37" s="16">
        <v>0.44162404999999999</v>
      </c>
      <c r="L37" s="16">
        <v>181.63215</v>
      </c>
    </row>
    <row r="38" spans="2:12" x14ac:dyDescent="0.45">
      <c r="B38" s="16">
        <v>0.74403909000000001</v>
      </c>
      <c r="C38" s="16">
        <v>412.58445999999998</v>
      </c>
      <c r="D38" s="16"/>
      <c r="E38" s="16"/>
      <c r="F38" s="16"/>
      <c r="G38" s="16"/>
      <c r="H38" s="16">
        <v>8.8284269999999998E-2</v>
      </c>
      <c r="I38" s="16">
        <v>57.97231</v>
      </c>
      <c r="J38" s="16"/>
      <c r="K38" s="16">
        <v>0.32223790000000002</v>
      </c>
      <c r="L38" s="16">
        <v>156.94936999999999</v>
      </c>
    </row>
    <row r="39" spans="2:12" x14ac:dyDescent="0.45">
      <c r="B39" s="16">
        <v>0.73899581000000003</v>
      </c>
      <c r="C39" s="16">
        <v>365.02003000000002</v>
      </c>
      <c r="D39" s="16"/>
      <c r="E39" s="16"/>
      <c r="F39" s="16"/>
      <c r="G39" s="16"/>
      <c r="H39" s="16"/>
      <c r="I39" s="16"/>
      <c r="J39" s="16"/>
      <c r="K39" s="16">
        <v>0.23411851</v>
      </c>
      <c r="L39" s="16">
        <v>140.12183999999999</v>
      </c>
    </row>
    <row r="40" spans="2:12" x14ac:dyDescent="0.45">
      <c r="B40" s="16">
        <v>0.73399048</v>
      </c>
      <c r="C40" s="16">
        <v>317.78728000000001</v>
      </c>
      <c r="D40" s="16"/>
      <c r="E40" s="16"/>
      <c r="F40" s="16"/>
      <c r="G40" s="16"/>
      <c r="H40" s="16"/>
      <c r="I40" s="16"/>
      <c r="J40" s="16"/>
      <c r="K40" s="16">
        <v>0.17146713999999999</v>
      </c>
      <c r="L40" s="16">
        <v>127.26738</v>
      </c>
    </row>
    <row r="41" spans="2:12" x14ac:dyDescent="0.45">
      <c r="B41" s="16">
        <v>0.72348522000000004</v>
      </c>
      <c r="C41" s="16">
        <v>272.02404000000001</v>
      </c>
      <c r="D41" s="16"/>
      <c r="E41" s="16"/>
      <c r="F41" s="16"/>
      <c r="G41" s="16"/>
      <c r="H41" s="16"/>
      <c r="I41" s="16"/>
      <c r="J41" s="16"/>
      <c r="K41" s="16">
        <v>0.12821883000000001</v>
      </c>
      <c r="L41" s="16">
        <v>118.39394</v>
      </c>
    </row>
    <row r="42" spans="2:12" x14ac:dyDescent="0.45">
      <c r="B42" s="16">
        <v>0.71190118000000002</v>
      </c>
      <c r="C42" s="16">
        <v>226.94431</v>
      </c>
      <c r="D42" s="16"/>
      <c r="E42" s="16"/>
      <c r="F42" s="16"/>
      <c r="G42" s="16"/>
      <c r="H42" s="16"/>
      <c r="I42" s="16"/>
      <c r="J42" s="16"/>
      <c r="K42" s="16">
        <v>9.8212610000000006E-2</v>
      </c>
      <c r="L42" s="16">
        <v>111.00476</v>
      </c>
    </row>
    <row r="43" spans="2:12" x14ac:dyDescent="0.45">
      <c r="B43" s="16">
        <v>0.67504291999999999</v>
      </c>
      <c r="C43" s="16">
        <v>188.33275</v>
      </c>
      <c r="D43" s="16"/>
      <c r="E43" s="16"/>
      <c r="F43" s="16"/>
      <c r="G43" s="16"/>
      <c r="H43" s="16"/>
      <c r="I43" s="16"/>
      <c r="J43" s="16"/>
      <c r="K43" s="16"/>
      <c r="L43" s="16"/>
    </row>
    <row r="44" spans="2:12" x14ac:dyDescent="0.45">
      <c r="B44" s="16">
        <v>0.58365878000000004</v>
      </c>
      <c r="C44" s="16">
        <v>161.02536000000001</v>
      </c>
      <c r="D44" s="16"/>
      <c r="E44" s="16"/>
      <c r="F44" s="16"/>
      <c r="G44" s="16"/>
      <c r="H44" s="16"/>
      <c r="I44" s="16"/>
      <c r="J44" s="16"/>
      <c r="K44" s="16"/>
      <c r="L44" s="16"/>
    </row>
    <row r="45" spans="2:12" x14ac:dyDescent="0.45">
      <c r="B45" s="16">
        <v>0.48171327000000003</v>
      </c>
      <c r="C45" s="16">
        <v>138.36886000000001</v>
      </c>
      <c r="D45" s="16"/>
      <c r="E45" s="16"/>
      <c r="F45" s="16"/>
      <c r="G45" s="16"/>
      <c r="H45" s="16"/>
      <c r="I45" s="16"/>
      <c r="J45" s="16"/>
      <c r="K45" s="16"/>
      <c r="L45" s="16"/>
    </row>
    <row r="46" spans="2:12" x14ac:dyDescent="0.45">
      <c r="B46" s="16">
        <v>0.38873644000000002</v>
      </c>
      <c r="C46" s="16">
        <v>123.46456000000001</v>
      </c>
      <c r="D46" s="16"/>
      <c r="E46" s="16"/>
      <c r="F46" s="16"/>
      <c r="G46" s="16"/>
      <c r="H46" s="16"/>
      <c r="I46" s="16"/>
      <c r="J46" s="16"/>
      <c r="K46" s="16"/>
      <c r="L46" s="16"/>
    </row>
    <row r="47" spans="2:12" x14ac:dyDescent="0.45">
      <c r="B47" s="16">
        <v>0.31177899999999997</v>
      </c>
      <c r="C47" s="16">
        <v>111.13088</v>
      </c>
      <c r="D47" s="16"/>
      <c r="E47" s="16"/>
      <c r="F47" s="16"/>
      <c r="G47" s="16"/>
      <c r="H47" s="16"/>
      <c r="I47" s="16"/>
      <c r="J47" s="16"/>
      <c r="K47" s="16"/>
      <c r="L47" s="16"/>
    </row>
    <row r="48" spans="2:12" x14ac:dyDescent="0.45">
      <c r="B48" s="16">
        <v>0.25151166000000003</v>
      </c>
      <c r="C48" s="16">
        <v>101.64514</v>
      </c>
      <c r="D48" s="16"/>
      <c r="E48" s="16"/>
      <c r="F48" s="16"/>
      <c r="G48" s="16"/>
      <c r="H48" s="16"/>
      <c r="I48" s="16"/>
      <c r="J48" s="16"/>
      <c r="K48" s="16"/>
      <c r="L48" s="16"/>
    </row>
    <row r="49" spans="2:12" x14ac:dyDescent="0.45">
      <c r="B49" s="16">
        <v>0.20592436</v>
      </c>
      <c r="C49" s="16">
        <v>94.469949999999997</v>
      </c>
      <c r="D49" s="16"/>
      <c r="E49" s="16"/>
      <c r="F49" s="16"/>
      <c r="G49" s="16"/>
      <c r="H49" s="16"/>
      <c r="I49" s="16"/>
      <c r="J49" s="16"/>
      <c r="K49" s="16"/>
      <c r="L49" s="16"/>
    </row>
    <row r="50" spans="2:12" x14ac:dyDescent="0.45">
      <c r="B50" s="16">
        <v>0.17151737</v>
      </c>
      <c r="C50" s="16">
        <v>89.054490000000001</v>
      </c>
      <c r="D50" s="16"/>
      <c r="E50" s="16"/>
      <c r="F50" s="16"/>
      <c r="G50" s="16"/>
      <c r="H50" s="16"/>
      <c r="I50" s="16"/>
      <c r="J50" s="16"/>
      <c r="K50" s="16"/>
      <c r="L50" s="16"/>
    </row>
    <row r="51" spans="2:12" x14ac:dyDescent="0.45">
      <c r="B51" s="16">
        <v>0.14587344999999999</v>
      </c>
      <c r="C51" s="16">
        <v>85.018280000000004</v>
      </c>
      <c r="D51" s="16"/>
      <c r="E51" s="16"/>
      <c r="F51" s="16"/>
      <c r="G51" s="16"/>
      <c r="H51" s="16"/>
      <c r="I51" s="16"/>
      <c r="J51" s="16"/>
      <c r="K51" s="16"/>
      <c r="L51" s="16"/>
    </row>
    <row r="52" spans="2:12" x14ac:dyDescent="0.45">
      <c r="B52" s="16">
        <v>0.12629578</v>
      </c>
      <c r="C52" s="16">
        <v>81.408810000000003</v>
      </c>
      <c r="D52" s="16"/>
      <c r="E52" s="16"/>
      <c r="F52" s="16"/>
      <c r="G52" s="16"/>
      <c r="H52" s="16"/>
      <c r="I52" s="16"/>
      <c r="J52" s="16"/>
      <c r="K52" s="16"/>
      <c r="L52" s="16"/>
    </row>
    <row r="53" spans="2:12" x14ac:dyDescent="0.45">
      <c r="B53" s="16">
        <v>0.11149254</v>
      </c>
      <c r="C53" s="16">
        <v>77.743390000000005</v>
      </c>
      <c r="D53" s="16"/>
      <c r="E53" s="16"/>
      <c r="F53" s="16"/>
      <c r="G53" s="16"/>
      <c r="H53" s="16"/>
      <c r="I53" s="16"/>
      <c r="J53" s="16"/>
      <c r="K53" s="16"/>
      <c r="L53" s="16"/>
    </row>
    <row r="54" spans="2:12" x14ac:dyDescent="0.45">
      <c r="B54" s="16">
        <v>0.10013097999999999</v>
      </c>
      <c r="C54" s="16">
        <v>74.930160000000001</v>
      </c>
      <c r="D54" s="16"/>
      <c r="E54" s="16"/>
      <c r="F54" s="16"/>
      <c r="G54" s="16"/>
      <c r="H54" s="16"/>
      <c r="I54" s="16"/>
      <c r="J54" s="16"/>
      <c r="K54" s="16"/>
      <c r="L54" s="16"/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8D678B-2A95-440C-B673-0D5B9B1C8073}">
  <dimension ref="A5:I47"/>
  <sheetViews>
    <sheetView workbookViewId="0">
      <selection activeCell="A5" sqref="A5:B6"/>
    </sheetView>
  </sheetViews>
  <sheetFormatPr defaultRowHeight="14.25" x14ac:dyDescent="0.45"/>
  <cols>
    <col min="2" max="2" width="9.19921875" bestFit="1" customWidth="1"/>
    <col min="3" max="3" width="11.19921875" bestFit="1" customWidth="1"/>
    <col min="4" max="4" width="9.19921875" bestFit="1" customWidth="1"/>
    <col min="5" max="5" width="11.19921875" bestFit="1" customWidth="1"/>
    <col min="6" max="6" width="9.19921875" bestFit="1" customWidth="1"/>
    <col min="7" max="7" width="13.3984375" customWidth="1"/>
  </cols>
  <sheetData>
    <row r="5" spans="1:9" x14ac:dyDescent="0.45">
      <c r="A5" s="24" t="s">
        <v>29</v>
      </c>
    </row>
    <row r="6" spans="1:9" x14ac:dyDescent="0.45">
      <c r="A6" s="24" t="s">
        <v>30</v>
      </c>
      <c r="B6" s="65" t="s">
        <v>27</v>
      </c>
    </row>
    <row r="7" spans="1:9" x14ac:dyDescent="0.45">
      <c r="B7" s="24" t="s">
        <v>10</v>
      </c>
      <c r="C7" s="24"/>
      <c r="D7" s="24" t="s">
        <v>11</v>
      </c>
      <c r="E7" s="24"/>
      <c r="F7" s="24" t="s">
        <v>12</v>
      </c>
      <c r="G7" s="24"/>
      <c r="H7" s="24" t="s">
        <v>4</v>
      </c>
      <c r="I7" s="24"/>
    </row>
    <row r="8" spans="1:9" x14ac:dyDescent="0.45">
      <c r="B8" s="10" t="s">
        <v>5</v>
      </c>
      <c r="C8" s="10" t="s">
        <v>6</v>
      </c>
      <c r="D8" s="10" t="s">
        <v>5</v>
      </c>
      <c r="E8" s="10" t="s">
        <v>6</v>
      </c>
      <c r="F8" s="10" t="s">
        <v>13</v>
      </c>
      <c r="G8" s="10" t="s">
        <v>6</v>
      </c>
      <c r="H8" s="24" t="s">
        <v>5</v>
      </c>
      <c r="I8" s="24" t="s">
        <v>6</v>
      </c>
    </row>
    <row r="9" spans="1:9" x14ac:dyDescent="0.45">
      <c r="B9" s="11">
        <v>6.5890799999999998E-3</v>
      </c>
      <c r="C9" s="11">
        <v>30.428540000000002</v>
      </c>
      <c r="D9" s="11">
        <v>8.8054199999999996E-3</v>
      </c>
      <c r="E9" s="11">
        <v>35.77664</v>
      </c>
      <c r="F9" s="11">
        <v>1.4999999999999999E-4</v>
      </c>
      <c r="G9" s="12">
        <v>4.9339199999999996</v>
      </c>
      <c r="H9" s="16">
        <v>8.7600000000000008E-6</v>
      </c>
      <c r="I9" s="16">
        <v>35.154620000000001</v>
      </c>
    </row>
    <row r="10" spans="1:9" x14ac:dyDescent="0.45">
      <c r="B10" s="11">
        <v>3.4928870000000001E-2</v>
      </c>
      <c r="C10" s="11">
        <v>56.543300000000002</v>
      </c>
      <c r="D10" s="11">
        <v>6.146923E-2</v>
      </c>
      <c r="E10" s="11">
        <v>62.94312</v>
      </c>
      <c r="F10" s="11">
        <v>3.0970999999999999E-4</v>
      </c>
      <c r="G10" s="12">
        <v>10.60932</v>
      </c>
      <c r="H10" s="16">
        <v>1.0750340000000001E-2</v>
      </c>
      <c r="I10" s="16">
        <v>69.614469999999997</v>
      </c>
    </row>
    <row r="11" spans="1:9" x14ac:dyDescent="0.45">
      <c r="B11" s="11">
        <v>9.926372E-2</v>
      </c>
      <c r="C11" s="11">
        <v>76.712860000000006</v>
      </c>
      <c r="D11" s="11">
        <v>0.14873012999999999</v>
      </c>
      <c r="E11" s="11">
        <v>83.106049999999996</v>
      </c>
      <c r="F11" s="11">
        <v>1.73289E-3</v>
      </c>
      <c r="G11" s="12">
        <v>15.14739</v>
      </c>
      <c r="H11" s="16">
        <v>4.9694660000000002E-2</v>
      </c>
      <c r="I11" s="16">
        <v>96.004109999999997</v>
      </c>
    </row>
    <row r="12" spans="1:9" x14ac:dyDescent="0.45">
      <c r="B12" s="11">
        <v>0.27558924000000001</v>
      </c>
      <c r="C12" s="11">
        <v>107.59245</v>
      </c>
      <c r="D12" s="11">
        <v>0.35600755000000001</v>
      </c>
      <c r="E12" s="11">
        <v>115.44692000000001</v>
      </c>
      <c r="F12" s="11">
        <v>4.2091799999999999E-3</v>
      </c>
      <c r="G12" s="12">
        <v>20.29468</v>
      </c>
      <c r="H12" s="16">
        <v>0.11006498000000001</v>
      </c>
      <c r="I12" s="16">
        <v>114.66924</v>
      </c>
    </row>
    <row r="13" spans="1:9" x14ac:dyDescent="0.45">
      <c r="B13" s="11">
        <v>0.46513879000000002</v>
      </c>
      <c r="C13" s="11">
        <v>136.33725999999999</v>
      </c>
      <c r="D13" s="11">
        <v>0.57500167000000002</v>
      </c>
      <c r="E13" s="11">
        <v>156.83086</v>
      </c>
      <c r="F13" s="11">
        <v>8.5489199999999998E-3</v>
      </c>
      <c r="G13" s="12">
        <v>25.44361</v>
      </c>
      <c r="H13" s="16">
        <v>0.25054134</v>
      </c>
      <c r="I13" s="16">
        <v>143.49137999999999</v>
      </c>
    </row>
    <row r="14" spans="1:9" x14ac:dyDescent="0.45">
      <c r="B14" s="11">
        <v>0.62578321999999997</v>
      </c>
      <c r="C14" s="11">
        <v>170.33496</v>
      </c>
      <c r="D14" s="11">
        <v>0.69727543999999997</v>
      </c>
      <c r="E14" s="11">
        <v>197.97162</v>
      </c>
      <c r="F14" s="11">
        <v>1.285119E-2</v>
      </c>
      <c r="G14" s="12">
        <v>29.122489999999999</v>
      </c>
      <c r="H14" s="16">
        <v>0.39675224999999997</v>
      </c>
      <c r="I14" s="16">
        <v>170.93628000000001</v>
      </c>
    </row>
    <row r="15" spans="1:9" x14ac:dyDescent="0.45">
      <c r="B15" s="11">
        <v>0.71861867000000001</v>
      </c>
      <c r="C15" s="11">
        <v>203.57570000000001</v>
      </c>
      <c r="D15" s="11">
        <v>0.74401622000000001</v>
      </c>
      <c r="E15" s="11">
        <v>243.43437</v>
      </c>
      <c r="F15" s="11">
        <v>1.8062620000000001E-2</v>
      </c>
      <c r="G15" s="12">
        <v>32.592689999999997</v>
      </c>
      <c r="H15" s="16">
        <v>0.58781611</v>
      </c>
      <c r="I15" s="16">
        <v>216.47926000000001</v>
      </c>
    </row>
    <row r="16" spans="1:9" x14ac:dyDescent="0.45">
      <c r="B16" s="11">
        <v>0.75936853000000004</v>
      </c>
      <c r="C16" s="11">
        <v>238.66324</v>
      </c>
      <c r="D16" s="11">
        <v>0.76209477999999997</v>
      </c>
      <c r="E16" s="11">
        <v>290.71134999999998</v>
      </c>
      <c r="F16" s="11">
        <v>6.7394709999999997E-2</v>
      </c>
      <c r="G16" s="12">
        <v>49.951369999999997</v>
      </c>
      <c r="H16" s="16">
        <v>0.72444114999999998</v>
      </c>
      <c r="I16" s="16">
        <v>275.23164000000003</v>
      </c>
    </row>
    <row r="17" spans="2:9" x14ac:dyDescent="0.45">
      <c r="B17" s="11">
        <v>0.78126706999999995</v>
      </c>
      <c r="C17" s="11">
        <v>274.20521000000002</v>
      </c>
      <c r="D17" s="11">
        <v>0.76869655000000003</v>
      </c>
      <c r="E17" s="11">
        <v>338.45463999999998</v>
      </c>
      <c r="F17" s="11">
        <v>0.13689971000000001</v>
      </c>
      <c r="G17" s="12">
        <v>63.00873</v>
      </c>
      <c r="H17" s="16">
        <v>0.77140105000000003</v>
      </c>
      <c r="I17" s="16">
        <v>344.65215000000001</v>
      </c>
    </row>
    <row r="18" spans="2:9" x14ac:dyDescent="0.45">
      <c r="B18" s="11">
        <v>0.78675223000000005</v>
      </c>
      <c r="C18" s="11">
        <v>310.96530999999999</v>
      </c>
      <c r="D18" s="11">
        <v>0.77267116999999996</v>
      </c>
      <c r="E18" s="11">
        <v>386.02546999999998</v>
      </c>
      <c r="F18" s="11">
        <v>0.28628092999999999</v>
      </c>
      <c r="G18" s="12">
        <v>82.683490000000006</v>
      </c>
      <c r="H18" s="16">
        <v>0.78720657000000005</v>
      </c>
      <c r="I18" s="16">
        <v>412.91631000000001</v>
      </c>
    </row>
    <row r="19" spans="2:9" x14ac:dyDescent="0.45">
      <c r="B19" s="11">
        <v>0.79303148999999995</v>
      </c>
      <c r="C19" s="11">
        <v>346.95729999999998</v>
      </c>
      <c r="D19" s="11">
        <v>0.78020427000000003</v>
      </c>
      <c r="E19" s="11">
        <v>432.4486</v>
      </c>
      <c r="F19" s="11">
        <v>0.43793061999999999</v>
      </c>
      <c r="G19" s="12">
        <v>102.31124</v>
      </c>
      <c r="H19" s="16">
        <v>0.79330491999999997</v>
      </c>
      <c r="I19" s="16">
        <v>485.12223</v>
      </c>
    </row>
    <row r="20" spans="2:9" x14ac:dyDescent="0.45">
      <c r="B20" s="11">
        <v>0.79742104000000003</v>
      </c>
      <c r="C20" s="11">
        <v>382.63997000000001</v>
      </c>
      <c r="D20" s="11">
        <v>0.78935664999999999</v>
      </c>
      <c r="E20" s="11">
        <v>477.92782</v>
      </c>
      <c r="F20" s="11">
        <v>0.63058784000000001</v>
      </c>
      <c r="G20" s="12">
        <v>137.37696</v>
      </c>
      <c r="H20" s="16">
        <v>0.79767094999999999</v>
      </c>
      <c r="I20" s="16">
        <v>556.43901000000005</v>
      </c>
    </row>
    <row r="21" spans="2:9" x14ac:dyDescent="0.45">
      <c r="B21" s="11">
        <v>0.79892655999999995</v>
      </c>
      <c r="C21" s="11">
        <v>418.35464000000002</v>
      </c>
      <c r="D21" s="11">
        <v>0.81522064000000005</v>
      </c>
      <c r="E21" s="11">
        <v>519.43061</v>
      </c>
      <c r="F21" s="12">
        <v>0.72278416999999995</v>
      </c>
      <c r="G21" s="12">
        <v>187.88613000000001</v>
      </c>
      <c r="H21" s="16">
        <v>0.80550321000000003</v>
      </c>
      <c r="I21" s="16">
        <v>626.90580999999997</v>
      </c>
    </row>
    <row r="22" spans="2:9" x14ac:dyDescent="0.45">
      <c r="B22" s="11">
        <v>0.80412715000000001</v>
      </c>
      <c r="C22" s="11">
        <v>453.63869</v>
      </c>
      <c r="D22" s="11">
        <v>0.90194726000000003</v>
      </c>
      <c r="E22" s="11">
        <v>545.56596999999999</v>
      </c>
      <c r="F22" s="12">
        <v>0.74987073999999998</v>
      </c>
      <c r="G22" s="12">
        <v>243.62993</v>
      </c>
      <c r="H22" s="16">
        <v>0.81588835999999998</v>
      </c>
      <c r="I22" s="16">
        <v>697.79825000000005</v>
      </c>
    </row>
    <row r="23" spans="2:9" x14ac:dyDescent="0.45">
      <c r="B23" s="11">
        <v>0.80629835000000005</v>
      </c>
      <c r="C23" s="11">
        <v>489.29167999999999</v>
      </c>
      <c r="D23" s="11">
        <v>0.94266711072799947</v>
      </c>
      <c r="E23" s="11">
        <v>561.02678290345409</v>
      </c>
      <c r="F23" s="12">
        <v>0.76266047999999997</v>
      </c>
      <c r="G23" s="12">
        <v>294.52494999999999</v>
      </c>
      <c r="H23" s="16">
        <v>0.88960406000000003</v>
      </c>
      <c r="I23" s="16">
        <v>744.62233000000003</v>
      </c>
    </row>
    <row r="24" spans="2:9" x14ac:dyDescent="0.45">
      <c r="B24" s="11">
        <v>0.81409529000000003</v>
      </c>
      <c r="C24" s="11">
        <v>523.57705999999996</v>
      </c>
      <c r="D24" s="11">
        <v>0.96252177999999999</v>
      </c>
      <c r="E24" s="11">
        <v>568.56534999999997</v>
      </c>
      <c r="F24" s="12">
        <v>0.77336956999999995</v>
      </c>
      <c r="G24" s="12">
        <v>348.75238999999999</v>
      </c>
      <c r="H24" s="16">
        <v>0.96839934000000005</v>
      </c>
      <c r="I24" s="16">
        <v>780.17846999999995</v>
      </c>
    </row>
    <row r="25" spans="2:9" x14ac:dyDescent="0.45">
      <c r="B25" s="11">
        <v>0.82949824000000005</v>
      </c>
      <c r="C25" s="11">
        <v>555.75572</v>
      </c>
      <c r="D25" s="11">
        <v>0.98320856000000001</v>
      </c>
      <c r="E25" s="11">
        <v>594.64907000000005</v>
      </c>
      <c r="F25" s="12">
        <v>0.83710404000000005</v>
      </c>
      <c r="G25" s="12">
        <v>389.83748000000003</v>
      </c>
      <c r="H25" s="16">
        <v>0.99273073000000001</v>
      </c>
      <c r="I25" s="16">
        <v>870.37004000000002</v>
      </c>
    </row>
    <row r="26" spans="2:9" x14ac:dyDescent="0.45">
      <c r="B26" s="11">
        <v>0.88600261999999996</v>
      </c>
      <c r="C26" s="11">
        <v>579.50333000000001</v>
      </c>
      <c r="D26" s="11">
        <v>0.98320856000000001</v>
      </c>
      <c r="E26" s="11">
        <v>594.64907000000005</v>
      </c>
      <c r="F26" s="12">
        <v>0.94663549000000002</v>
      </c>
      <c r="G26" s="12">
        <v>413.73122000000001</v>
      </c>
      <c r="H26" s="16">
        <v>0.99273073000000001</v>
      </c>
      <c r="I26" s="16">
        <v>870.37004000000002</v>
      </c>
    </row>
    <row r="27" spans="2:9" x14ac:dyDescent="0.45">
      <c r="B27" s="11">
        <v>0.94659309999999997</v>
      </c>
      <c r="C27" s="11">
        <v>597.96253999999999</v>
      </c>
      <c r="D27" s="11">
        <v>0.83707887999999997</v>
      </c>
      <c r="E27" s="11">
        <v>532.89769000000001</v>
      </c>
      <c r="F27" s="12">
        <v>0.98505931999999996</v>
      </c>
      <c r="G27" s="12">
        <v>444.16307999999998</v>
      </c>
      <c r="H27" s="16">
        <v>0.99273073000000001</v>
      </c>
      <c r="I27" s="16">
        <v>870.37004000000002</v>
      </c>
    </row>
    <row r="28" spans="2:9" x14ac:dyDescent="0.45">
      <c r="B28" s="11">
        <v>0.98206908999999998</v>
      </c>
      <c r="C28" s="11">
        <v>616.44302000000005</v>
      </c>
      <c r="D28" s="11">
        <v>0.74280935000000003</v>
      </c>
      <c r="E28" s="11">
        <v>473.89213000000001</v>
      </c>
      <c r="F28" s="12">
        <v>0.99269876000000001</v>
      </c>
      <c r="G28" s="12">
        <v>476.72014000000001</v>
      </c>
      <c r="H28" s="16">
        <v>0.94799049999999996</v>
      </c>
      <c r="I28" s="16">
        <v>775.43701999999996</v>
      </c>
    </row>
    <row r="29" spans="2:9" x14ac:dyDescent="0.45">
      <c r="B29" s="11">
        <v>0.98206908999999998</v>
      </c>
      <c r="C29" s="11">
        <v>616.44302000000005</v>
      </c>
      <c r="D29" s="11">
        <v>0.72649859000000006</v>
      </c>
      <c r="E29" s="11">
        <v>407.48622999999998</v>
      </c>
      <c r="F29" s="12">
        <v>0.99269876000000001</v>
      </c>
      <c r="G29" s="12">
        <v>476.72014000000001</v>
      </c>
      <c r="H29" s="16">
        <v>0.79698614000000001</v>
      </c>
      <c r="I29" s="16">
        <v>715.19970000000001</v>
      </c>
    </row>
    <row r="30" spans="2:9" x14ac:dyDescent="0.45">
      <c r="B30" s="11">
        <v>0.82598996000000002</v>
      </c>
      <c r="C30" s="11">
        <v>567.06479000000002</v>
      </c>
      <c r="D30" s="11">
        <v>0.71939688999999996</v>
      </c>
      <c r="E30" s="11">
        <v>340.51609999999999</v>
      </c>
      <c r="F30" s="13">
        <v>0.91629607999999996</v>
      </c>
      <c r="G30" s="13">
        <v>413.18840999999998</v>
      </c>
      <c r="H30" s="16">
        <v>0.75369271999999998</v>
      </c>
      <c r="I30" s="16">
        <v>623.33291999999994</v>
      </c>
    </row>
    <row r="31" spans="2:9" x14ac:dyDescent="0.45">
      <c r="B31" s="11">
        <v>0.75943914000000001</v>
      </c>
      <c r="C31" s="11">
        <v>514.23846000000003</v>
      </c>
      <c r="D31" s="11">
        <v>0.71167831999999998</v>
      </c>
      <c r="E31" s="11">
        <v>274.33490999999998</v>
      </c>
      <c r="F31" s="13">
        <v>0.74883277000000004</v>
      </c>
      <c r="G31" s="13">
        <v>371.75788</v>
      </c>
      <c r="H31" s="16">
        <v>0.74408169999999996</v>
      </c>
      <c r="I31" s="16">
        <v>521.00414000000001</v>
      </c>
    </row>
    <row r="32" spans="2:9" x14ac:dyDescent="0.45">
      <c r="B32" s="11">
        <v>0.74398874999999998</v>
      </c>
      <c r="C32" s="11">
        <v>457.62810000000002</v>
      </c>
      <c r="D32" s="11">
        <v>0.69940215999999999</v>
      </c>
      <c r="E32" s="11">
        <v>209.61906999999999</v>
      </c>
      <c r="F32" s="13">
        <v>0.71599128000000001</v>
      </c>
      <c r="G32" s="13">
        <v>302.41572000000002</v>
      </c>
      <c r="H32" s="16">
        <v>0.73950475000000004</v>
      </c>
      <c r="I32" s="16">
        <v>446.87331</v>
      </c>
    </row>
    <row r="33" spans="2:9" x14ac:dyDescent="0.45">
      <c r="B33" s="11">
        <v>0.73705750999999997</v>
      </c>
      <c r="C33" s="11">
        <v>400.78286000000003</v>
      </c>
      <c r="D33" s="11">
        <v>0.60684448000000002</v>
      </c>
      <c r="E33" s="11">
        <v>167.54482999999999</v>
      </c>
      <c r="F33" s="13">
        <v>0.70501292999999998</v>
      </c>
      <c r="G33" s="13">
        <v>241.78935000000001</v>
      </c>
      <c r="H33" s="16">
        <v>0.73442081000000003</v>
      </c>
      <c r="I33" s="16">
        <v>374.35003</v>
      </c>
    </row>
    <row r="34" spans="2:9" x14ac:dyDescent="0.45">
      <c r="B34" s="11">
        <v>0.73144328000000003</v>
      </c>
      <c r="C34" s="11">
        <v>344.23172</v>
      </c>
      <c r="D34" s="11">
        <v>0.47537222000000001</v>
      </c>
      <c r="E34" s="11">
        <v>138.00359</v>
      </c>
      <c r="F34" s="13">
        <v>0.69410052</v>
      </c>
      <c r="G34" s="13">
        <v>181.31952000000001</v>
      </c>
      <c r="H34" s="16">
        <v>0.72541931000000004</v>
      </c>
      <c r="I34" s="16">
        <v>302.95202</v>
      </c>
    </row>
    <row r="35" spans="2:9" x14ac:dyDescent="0.45">
      <c r="B35" s="11">
        <v>0.72494782000000002</v>
      </c>
      <c r="C35" s="11">
        <v>288.33350000000002</v>
      </c>
      <c r="D35" s="11">
        <v>0.35621723</v>
      </c>
      <c r="E35" s="11">
        <v>115.48654000000001</v>
      </c>
      <c r="F35" s="13">
        <v>0.62072050999999995</v>
      </c>
      <c r="G35" s="13">
        <v>135.58099999999999</v>
      </c>
      <c r="H35" s="16">
        <v>0.67595432</v>
      </c>
      <c r="I35" s="16">
        <v>254.38102000000001</v>
      </c>
    </row>
    <row r="36" spans="2:9" x14ac:dyDescent="0.45">
      <c r="B36" s="11">
        <v>0.71807619</v>
      </c>
      <c r="C36" s="11">
        <v>232.93101999999999</v>
      </c>
      <c r="D36" s="11">
        <v>0.26297700000000002</v>
      </c>
      <c r="E36" s="11">
        <v>100.93164</v>
      </c>
      <c r="F36" s="13">
        <v>0.46896837000000002</v>
      </c>
      <c r="G36" s="13">
        <v>107.96044999999999</v>
      </c>
      <c r="H36" s="16">
        <v>0.56821348999999999</v>
      </c>
      <c r="I36" s="16">
        <v>211.80667</v>
      </c>
    </row>
    <row r="37" spans="2:9" x14ac:dyDescent="0.45">
      <c r="B37" s="11">
        <v>0.67472001000000004</v>
      </c>
      <c r="C37" s="11">
        <v>187.85731000000001</v>
      </c>
      <c r="D37" s="11">
        <v>0.19540339000000001</v>
      </c>
      <c r="E37" s="11">
        <v>90.388339999999999</v>
      </c>
      <c r="F37" s="13">
        <v>0.33945640999999999</v>
      </c>
      <c r="G37" s="13">
        <v>89.565899999999999</v>
      </c>
      <c r="H37" s="16">
        <v>0.44162404999999999</v>
      </c>
      <c r="I37" s="16">
        <v>181.63215</v>
      </c>
    </row>
    <row r="38" spans="2:9" x14ac:dyDescent="0.45">
      <c r="B38" s="11">
        <v>0.55944000999999999</v>
      </c>
      <c r="C38" s="11">
        <v>156.29454000000001</v>
      </c>
      <c r="D38" s="11">
        <v>0.1478295</v>
      </c>
      <c r="E38" s="11">
        <v>82.897949999999994</v>
      </c>
      <c r="F38" s="13">
        <v>0.24060572999999999</v>
      </c>
      <c r="G38" s="13">
        <v>76.667680000000004</v>
      </c>
      <c r="H38" s="16">
        <v>0.32223790000000002</v>
      </c>
      <c r="I38" s="16">
        <v>156.94936999999999</v>
      </c>
    </row>
    <row r="39" spans="2:9" x14ac:dyDescent="0.45">
      <c r="B39" s="11">
        <v>0.43817422</v>
      </c>
      <c r="C39" s="11">
        <v>132.24814000000001</v>
      </c>
      <c r="D39" s="11">
        <v>0.1146375</v>
      </c>
      <c r="E39" s="11">
        <v>75.228440000000006</v>
      </c>
      <c r="F39" s="13">
        <v>0.1724926</v>
      </c>
      <c r="G39" s="13">
        <v>67.696610000000007</v>
      </c>
      <c r="H39" s="16">
        <v>0.23411851</v>
      </c>
      <c r="I39" s="16">
        <v>140.12183999999999</v>
      </c>
    </row>
    <row r="40" spans="2:9" x14ac:dyDescent="0.45">
      <c r="B40" s="11">
        <v>0.33320370999999999</v>
      </c>
      <c r="C40" s="11">
        <v>116.32957</v>
      </c>
      <c r="D40" s="11">
        <v>9.1090870000000004E-2</v>
      </c>
      <c r="E40" s="11">
        <v>69.787639999999996</v>
      </c>
      <c r="F40" s="13">
        <v>0.12674946000000001</v>
      </c>
      <c r="G40" s="13">
        <v>61.101880000000001</v>
      </c>
      <c r="H40" s="16">
        <v>0.17146713999999999</v>
      </c>
      <c r="I40" s="16">
        <v>127.26738</v>
      </c>
    </row>
    <row r="41" spans="2:9" x14ac:dyDescent="0.45">
      <c r="B41" s="11">
        <v>0.25203332000000001</v>
      </c>
      <c r="C41" s="11">
        <v>103.46714</v>
      </c>
      <c r="D41" s="11"/>
      <c r="E41" s="11"/>
      <c r="F41" s="13">
        <v>9.5945199999999994E-2</v>
      </c>
      <c r="G41" s="13">
        <v>55.314929999999997</v>
      </c>
      <c r="H41" s="16">
        <v>0.12821883000000001</v>
      </c>
      <c r="I41" s="16">
        <v>118.39394</v>
      </c>
    </row>
    <row r="42" spans="2:9" x14ac:dyDescent="0.45">
      <c r="B42" s="11">
        <v>0.19257360000000001</v>
      </c>
      <c r="C42" s="11">
        <v>93.075159999999997</v>
      </c>
      <c r="D42" s="11"/>
      <c r="E42" s="11"/>
      <c r="F42" s="11"/>
      <c r="G42" s="11"/>
      <c r="H42" s="16">
        <v>9.8212610000000006E-2</v>
      </c>
      <c r="I42" s="16">
        <v>111.00476</v>
      </c>
    </row>
    <row r="43" spans="2:9" x14ac:dyDescent="0.45">
      <c r="B43" s="11">
        <v>0.14988931</v>
      </c>
      <c r="C43" s="11">
        <v>85.816329999999994</v>
      </c>
      <c r="D43" s="11"/>
      <c r="E43" s="11"/>
      <c r="F43" s="11"/>
      <c r="G43" s="11"/>
    </row>
    <row r="44" spans="2:9" x14ac:dyDescent="0.45">
      <c r="B44" s="16">
        <v>0.11906158</v>
      </c>
      <c r="C44" s="16">
        <v>80.180030000000002</v>
      </c>
      <c r="D44" s="11"/>
      <c r="E44" s="11"/>
      <c r="F44" s="11"/>
      <c r="G44" s="11"/>
    </row>
    <row r="45" spans="2:9" x14ac:dyDescent="0.45">
      <c r="B45" s="16">
        <v>9.6610409999999994E-2</v>
      </c>
      <c r="C45" s="16">
        <v>75.881020000000007</v>
      </c>
      <c r="D45" s="16"/>
      <c r="E45" s="16"/>
      <c r="F45" s="16"/>
      <c r="G45" s="16"/>
    </row>
    <row r="46" spans="2:9" x14ac:dyDescent="0.45">
      <c r="B46" s="16">
        <v>7.9758200000000001E-2</v>
      </c>
      <c r="C46" s="16">
        <v>70.597700000000003</v>
      </c>
      <c r="D46" s="16"/>
      <c r="E46" s="16"/>
      <c r="F46" s="16"/>
      <c r="G46" s="16"/>
    </row>
    <row r="47" spans="2:9" x14ac:dyDescent="0.45">
      <c r="B47" s="16"/>
      <c r="C47" s="16"/>
      <c r="D47" s="16"/>
      <c r="E47" s="16"/>
      <c r="F47" s="16"/>
      <c r="G47" s="16"/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276E0E4-1CDD-4078-885C-EADEF21F5691}">
  <dimension ref="B7:M1567"/>
  <sheetViews>
    <sheetView zoomScale="70" zoomScaleNormal="70" workbookViewId="0">
      <selection activeCell="F13" sqref="F13"/>
    </sheetView>
  </sheetViews>
  <sheetFormatPr defaultRowHeight="14.25" x14ac:dyDescent="0.45"/>
  <cols>
    <col min="3" max="3" width="12.796875" customWidth="1"/>
    <col min="5" max="5" width="13" customWidth="1"/>
    <col min="6" max="6" width="13.265625" customWidth="1"/>
    <col min="7" max="7" width="14.33203125" customWidth="1"/>
    <col min="8" max="8" width="13.53125" customWidth="1"/>
    <col min="9" max="9" width="17.73046875" customWidth="1"/>
    <col min="10" max="10" width="14.796875" customWidth="1"/>
    <col min="11" max="11" width="13.06640625" customWidth="1"/>
    <col min="12" max="12" width="12.6640625" customWidth="1"/>
    <col min="13" max="13" width="13.6640625" customWidth="1"/>
  </cols>
  <sheetData>
    <row r="7" spans="2:13" x14ac:dyDescent="0.45">
      <c r="B7" s="24" t="s">
        <v>4</v>
      </c>
      <c r="C7" s="24"/>
      <c r="D7" s="24" t="s">
        <v>1</v>
      </c>
      <c r="E7" s="24"/>
      <c r="F7" s="24" t="s">
        <v>2</v>
      </c>
      <c r="G7" s="24"/>
      <c r="H7" s="24" t="s">
        <v>3</v>
      </c>
      <c r="I7" s="24"/>
      <c r="J7" s="24" t="s">
        <v>9</v>
      </c>
      <c r="K7" s="24"/>
      <c r="L7" s="24" t="s">
        <v>12</v>
      </c>
      <c r="M7" s="24"/>
    </row>
    <row r="8" spans="2:13" x14ac:dyDescent="0.45">
      <c r="B8" s="24" t="s">
        <v>14</v>
      </c>
      <c r="C8" s="24"/>
      <c r="D8" s="24" t="s">
        <v>14</v>
      </c>
      <c r="E8" s="24"/>
      <c r="F8" s="24" t="s">
        <v>14</v>
      </c>
      <c r="G8" s="24"/>
      <c r="H8" s="24" t="s">
        <v>14</v>
      </c>
      <c r="I8" s="24"/>
      <c r="J8" s="24" t="s">
        <v>14</v>
      </c>
      <c r="K8" s="24"/>
      <c r="L8" s="24" t="s">
        <v>14</v>
      </c>
      <c r="M8" s="24"/>
    </row>
    <row r="9" spans="2:13" x14ac:dyDescent="0.45">
      <c r="B9" s="24" t="s">
        <v>15</v>
      </c>
      <c r="C9" s="24" t="s">
        <v>16</v>
      </c>
      <c r="D9" s="24" t="s">
        <v>15</v>
      </c>
      <c r="E9" s="24" t="s">
        <v>16</v>
      </c>
      <c r="F9" s="24" t="s">
        <v>15</v>
      </c>
      <c r="G9" s="24" t="s">
        <v>16</v>
      </c>
      <c r="H9" s="24" t="s">
        <v>15</v>
      </c>
      <c r="I9" s="24" t="s">
        <v>16</v>
      </c>
      <c r="J9" s="24" t="s">
        <v>15</v>
      </c>
      <c r="K9" s="24" t="s">
        <v>16</v>
      </c>
      <c r="L9" s="24" t="s">
        <v>15</v>
      </c>
      <c r="M9" s="24" t="s">
        <v>16</v>
      </c>
    </row>
    <row r="10" spans="2:13" x14ac:dyDescent="0.45">
      <c r="B10" s="24" t="s">
        <v>4</v>
      </c>
      <c r="C10" s="24" t="s">
        <v>4</v>
      </c>
      <c r="D10" s="24" t="s">
        <v>1</v>
      </c>
      <c r="E10" s="24" t="s">
        <v>1</v>
      </c>
      <c r="F10" s="24" t="s">
        <v>2</v>
      </c>
      <c r="G10" s="24" t="s">
        <v>2</v>
      </c>
      <c r="H10" s="24" t="s">
        <v>3</v>
      </c>
      <c r="I10" s="24" t="s">
        <v>3</v>
      </c>
      <c r="J10" s="24" t="s">
        <v>9</v>
      </c>
      <c r="K10" s="24" t="s">
        <v>9</v>
      </c>
      <c r="L10" s="24" t="s">
        <v>12</v>
      </c>
      <c r="M10" s="24" t="s">
        <v>12</v>
      </c>
    </row>
    <row r="11" spans="2:13" x14ac:dyDescent="0.45">
      <c r="B11">
        <v>999.12668799999994</v>
      </c>
      <c r="C11">
        <v>111.799741</v>
      </c>
      <c r="D11">
        <v>999.12668799999994</v>
      </c>
      <c r="E11">
        <v>92.38851600000001</v>
      </c>
      <c r="F11">
        <v>999.12668799999994</v>
      </c>
      <c r="G11">
        <v>85.421295000000001</v>
      </c>
      <c r="H11">
        <v>999.12668799999994</v>
      </c>
      <c r="I11">
        <v>79.003333999999995</v>
      </c>
      <c r="J11">
        <v>999.12668799999994</v>
      </c>
      <c r="K11">
        <v>91.495020999999994</v>
      </c>
      <c r="L11">
        <v>999.12668799999994</v>
      </c>
      <c r="M11">
        <v>80.278493999999995</v>
      </c>
    </row>
    <row r="12" spans="2:13" x14ac:dyDescent="0.45">
      <c r="B12">
        <v>1001.055504</v>
      </c>
      <c r="C12">
        <v>110.611051</v>
      </c>
      <c r="D12">
        <v>1001.055504</v>
      </c>
      <c r="E12">
        <v>90.178877999999997</v>
      </c>
      <c r="F12">
        <v>1001.055504</v>
      </c>
      <c r="G12">
        <v>82.891395000000003</v>
      </c>
      <c r="H12">
        <v>1001.055504</v>
      </c>
      <c r="I12">
        <v>76.554935</v>
      </c>
      <c r="J12">
        <v>1001.055504</v>
      </c>
      <c r="K12">
        <v>89.251615000000001</v>
      </c>
      <c r="L12">
        <v>1001.055504</v>
      </c>
      <c r="M12">
        <v>77.731577999999999</v>
      </c>
    </row>
    <row r="13" spans="2:13" x14ac:dyDescent="0.45">
      <c r="B13">
        <v>1002.98432</v>
      </c>
      <c r="C13">
        <v>109.24005200000001</v>
      </c>
      <c r="D13">
        <v>1002.98432</v>
      </c>
      <c r="E13">
        <v>87.869353000000004</v>
      </c>
      <c r="F13">
        <v>1002.98432</v>
      </c>
      <c r="G13">
        <v>80.387912999999998</v>
      </c>
      <c r="H13">
        <v>1002.98432</v>
      </c>
      <c r="I13">
        <v>74.187747000000002</v>
      </c>
      <c r="J13">
        <v>1002.98432</v>
      </c>
      <c r="K13">
        <v>86.935826000000006</v>
      </c>
      <c r="L13">
        <v>1002.98432</v>
      </c>
      <c r="M13">
        <v>75.019672999999997</v>
      </c>
    </row>
    <row r="14" spans="2:13" x14ac:dyDescent="0.45">
      <c r="B14">
        <v>1004.913136</v>
      </c>
      <c r="C14">
        <v>107.691598</v>
      </c>
      <c r="D14">
        <v>1004.913136</v>
      </c>
      <c r="E14">
        <v>85.390496999999996</v>
      </c>
      <c r="F14">
        <v>1004.913136</v>
      </c>
      <c r="G14">
        <v>77.781896000000003</v>
      </c>
      <c r="H14">
        <v>1004.913136</v>
      </c>
      <c r="I14">
        <v>71.849744000000001</v>
      </c>
      <c r="J14">
        <v>1004.913136</v>
      </c>
      <c r="K14">
        <v>84.448364999999995</v>
      </c>
      <c r="L14">
        <v>1004.913136</v>
      </c>
      <c r="M14">
        <v>72.250530999999995</v>
      </c>
    </row>
    <row r="15" spans="2:13" x14ac:dyDescent="0.45">
      <c r="B15">
        <v>1006.841952</v>
      </c>
      <c r="C15">
        <v>105.94776899999999</v>
      </c>
      <c r="D15">
        <v>1006.841952</v>
      </c>
      <c r="E15">
        <v>82.784765000000007</v>
      </c>
      <c r="F15">
        <v>1006.841952</v>
      </c>
      <c r="G15">
        <v>75.011061999999995</v>
      </c>
      <c r="H15">
        <v>1006.841952</v>
      </c>
      <c r="I15">
        <v>69.5608</v>
      </c>
      <c r="J15">
        <v>1006.841952</v>
      </c>
      <c r="K15">
        <v>81.805676000000005</v>
      </c>
      <c r="L15">
        <v>1006.841952</v>
      </c>
      <c r="M15">
        <v>69.550245000000004</v>
      </c>
    </row>
    <row r="16" spans="2:13" x14ac:dyDescent="0.45">
      <c r="B16">
        <v>1008.770768</v>
      </c>
      <c r="C16">
        <v>103.931299</v>
      </c>
      <c r="D16">
        <v>1008.770768</v>
      </c>
      <c r="E16">
        <v>79.960296</v>
      </c>
      <c r="F16">
        <v>1008.770768</v>
      </c>
      <c r="G16">
        <v>72.202000999999996</v>
      </c>
      <c r="H16">
        <v>1008.770768</v>
      </c>
      <c r="I16">
        <v>67.275295</v>
      </c>
      <c r="J16">
        <v>1008.770768</v>
      </c>
      <c r="K16">
        <v>78.979966000000005</v>
      </c>
      <c r="L16">
        <v>1008.770768</v>
      </c>
      <c r="M16">
        <v>66.795105000000007</v>
      </c>
    </row>
    <row r="17" spans="2:13" x14ac:dyDescent="0.45">
      <c r="B17">
        <v>1010.699584</v>
      </c>
      <c r="C17">
        <v>101.646584</v>
      </c>
      <c r="D17">
        <v>1010.699584</v>
      </c>
      <c r="E17">
        <v>76.994231999999997</v>
      </c>
      <c r="F17">
        <v>1010.699584</v>
      </c>
      <c r="G17">
        <v>69.397174000000007</v>
      </c>
      <c r="H17">
        <v>1010.699584</v>
      </c>
      <c r="I17">
        <v>65.082914000000002</v>
      </c>
      <c r="J17">
        <v>1010.699584</v>
      </c>
      <c r="K17">
        <v>76.074957999999995</v>
      </c>
      <c r="L17">
        <v>1010.699584</v>
      </c>
      <c r="M17">
        <v>64.148621000000006</v>
      </c>
    </row>
    <row r="18" spans="2:13" x14ac:dyDescent="0.45">
      <c r="B18">
        <v>1012.6284000000001</v>
      </c>
      <c r="C18">
        <v>99.179558999999998</v>
      </c>
      <c r="D18">
        <v>1012.6284000000001</v>
      </c>
      <c r="E18">
        <v>73.901741999999999</v>
      </c>
      <c r="F18">
        <v>1012.6284000000001</v>
      </c>
      <c r="G18">
        <v>66.337832000000006</v>
      </c>
      <c r="H18">
        <v>1012.6284000000001</v>
      </c>
      <c r="I18">
        <v>62.760292</v>
      </c>
      <c r="J18">
        <v>1012.6284000000001</v>
      </c>
      <c r="K18">
        <v>73.109797</v>
      </c>
      <c r="L18">
        <v>1012.6284000000001</v>
      </c>
      <c r="M18">
        <v>61.435526000000003</v>
      </c>
    </row>
    <row r="19" spans="2:13" x14ac:dyDescent="0.45">
      <c r="B19">
        <v>1014.557216</v>
      </c>
      <c r="C19">
        <v>96.613167000000004</v>
      </c>
      <c r="D19">
        <v>1014.557216</v>
      </c>
      <c r="E19">
        <v>70.797612000000001</v>
      </c>
      <c r="F19">
        <v>1014.557216</v>
      </c>
      <c r="G19">
        <v>63.336393999999999</v>
      </c>
      <c r="H19">
        <v>1014.557216</v>
      </c>
      <c r="I19">
        <v>60.504111999999999</v>
      </c>
      <c r="J19">
        <v>1014.557216</v>
      </c>
      <c r="K19">
        <v>70.133709999999994</v>
      </c>
      <c r="L19">
        <v>1014.557216</v>
      </c>
      <c r="M19">
        <v>58.814529</v>
      </c>
    </row>
    <row r="20" spans="2:13" x14ac:dyDescent="0.45">
      <c r="B20">
        <v>1016.486032</v>
      </c>
      <c r="C20">
        <v>93.886039999999994</v>
      </c>
      <c r="D20">
        <v>1016.486032</v>
      </c>
      <c r="E20">
        <v>67.609685999999996</v>
      </c>
      <c r="F20">
        <v>1016.486032</v>
      </c>
      <c r="G20">
        <v>60.340922999999997</v>
      </c>
      <c r="H20">
        <v>1016.486032</v>
      </c>
      <c r="I20">
        <v>58.222456000000001</v>
      </c>
      <c r="J20">
        <v>1016.486032</v>
      </c>
      <c r="K20">
        <v>67.105903999999995</v>
      </c>
      <c r="L20">
        <v>1016.486032</v>
      </c>
      <c r="M20">
        <v>56.278230999999998</v>
      </c>
    </row>
    <row r="21" spans="2:13" x14ac:dyDescent="0.45">
      <c r="B21">
        <v>1018.414848</v>
      </c>
      <c r="C21">
        <v>91.090789999999998</v>
      </c>
      <c r="D21">
        <v>1018.414848</v>
      </c>
      <c r="E21">
        <v>64.464545000000001</v>
      </c>
      <c r="F21">
        <v>1018.414848</v>
      </c>
      <c r="G21">
        <v>57.520310000000002</v>
      </c>
      <c r="H21">
        <v>1018.414848</v>
      </c>
      <c r="I21">
        <v>56.117234000000003</v>
      </c>
      <c r="J21">
        <v>1018.414848</v>
      </c>
      <c r="K21">
        <v>64.190738999999994</v>
      </c>
      <c r="L21">
        <v>1018.414848</v>
      </c>
      <c r="M21">
        <v>53.950775999999998</v>
      </c>
    </row>
    <row r="22" spans="2:13" x14ac:dyDescent="0.45">
      <c r="B22">
        <v>1020.343664</v>
      </c>
      <c r="C22">
        <v>88.231690999999998</v>
      </c>
      <c r="D22">
        <v>1020.343664</v>
      </c>
      <c r="E22">
        <v>61.440871000000001</v>
      </c>
      <c r="F22">
        <v>1020.343664</v>
      </c>
      <c r="G22">
        <v>54.811343000000001</v>
      </c>
      <c r="H22">
        <v>1020.343664</v>
      </c>
      <c r="I22">
        <v>54.154775000000001</v>
      </c>
      <c r="J22">
        <v>1020.343664</v>
      </c>
      <c r="K22">
        <v>61.357342000000003</v>
      </c>
      <c r="L22">
        <v>1020.343664</v>
      </c>
      <c r="M22">
        <v>51.734605999999999</v>
      </c>
    </row>
    <row r="23" spans="2:13" x14ac:dyDescent="0.45">
      <c r="B23">
        <v>1022.27248</v>
      </c>
      <c r="C23">
        <v>85.430385999999999</v>
      </c>
      <c r="D23">
        <v>1022.27248</v>
      </c>
      <c r="E23">
        <v>58.679497000000005</v>
      </c>
      <c r="F23">
        <v>1022.27248</v>
      </c>
      <c r="G23">
        <v>52.265557000000001</v>
      </c>
      <c r="H23">
        <v>1022.27248</v>
      </c>
      <c r="I23">
        <v>52.334466999999997</v>
      </c>
      <c r="J23">
        <v>1022.27248</v>
      </c>
      <c r="K23">
        <v>58.675668000000002</v>
      </c>
      <c r="L23">
        <v>1022.27248</v>
      </c>
      <c r="M23">
        <v>49.725614999999998</v>
      </c>
    </row>
    <row r="24" spans="2:13" x14ac:dyDescent="0.45">
      <c r="B24">
        <v>1024.201296</v>
      </c>
      <c r="C24">
        <v>82.706963999999999</v>
      </c>
      <c r="D24">
        <v>1024.201296</v>
      </c>
      <c r="E24">
        <v>56.041907999999999</v>
      </c>
      <c r="F24">
        <v>1024.201296</v>
      </c>
      <c r="G24">
        <v>49.947181</v>
      </c>
      <c r="H24">
        <v>1024.201296</v>
      </c>
      <c r="I24">
        <v>50.537998000000002</v>
      </c>
      <c r="J24">
        <v>1024.201296</v>
      </c>
      <c r="K24">
        <v>56.110419</v>
      </c>
      <c r="L24">
        <v>1024.201296</v>
      </c>
      <c r="M24">
        <v>47.857861</v>
      </c>
    </row>
    <row r="25" spans="2:13" x14ac:dyDescent="0.45">
      <c r="B25">
        <v>1026.1301120000001</v>
      </c>
      <c r="C25">
        <v>80.151588000000004</v>
      </c>
      <c r="D25">
        <v>1026.1301120000001</v>
      </c>
      <c r="E25">
        <v>53.607104</v>
      </c>
      <c r="F25">
        <v>1026.1301120000001</v>
      </c>
      <c r="G25">
        <v>47.835115000000002</v>
      </c>
      <c r="H25">
        <v>1026.1301120000001</v>
      </c>
      <c r="I25">
        <v>49.025449000000002</v>
      </c>
      <c r="J25">
        <v>1026.1301120000001</v>
      </c>
      <c r="K25">
        <v>53.890013000000003</v>
      </c>
      <c r="L25">
        <v>1026.1301120000001</v>
      </c>
      <c r="M25">
        <v>46.229439999999997</v>
      </c>
    </row>
    <row r="26" spans="2:13" x14ac:dyDescent="0.45">
      <c r="B26">
        <v>1028.0589279999999</v>
      </c>
      <c r="C26">
        <v>77.691068000000001</v>
      </c>
      <c r="D26">
        <v>1028.0589279999999</v>
      </c>
      <c r="E26">
        <v>51.422104000000004</v>
      </c>
      <c r="F26">
        <v>1028.0589279999999</v>
      </c>
      <c r="G26">
        <v>45.968181000000001</v>
      </c>
      <c r="H26">
        <v>1028.0589279999999</v>
      </c>
      <c r="I26">
        <v>47.661712000000001</v>
      </c>
      <c r="J26">
        <v>1028.0589279999999</v>
      </c>
      <c r="K26">
        <v>51.852189000000003</v>
      </c>
      <c r="L26">
        <v>1028.0589279999999</v>
      </c>
      <c r="M26">
        <v>44.738776000000001</v>
      </c>
    </row>
    <row r="27" spans="2:13" x14ac:dyDescent="0.45">
      <c r="B27">
        <v>1029.987744</v>
      </c>
      <c r="C27">
        <v>75.387400999999997</v>
      </c>
      <c r="D27">
        <v>1029.987744</v>
      </c>
      <c r="E27">
        <v>49.574357000000006</v>
      </c>
      <c r="F27">
        <v>1029.987744</v>
      </c>
      <c r="G27">
        <v>44.435293999999999</v>
      </c>
      <c r="H27">
        <v>1029.987744</v>
      </c>
      <c r="I27">
        <v>46.577626000000002</v>
      </c>
      <c r="J27">
        <v>1029.987744</v>
      </c>
      <c r="K27">
        <v>50.108856000000003</v>
      </c>
      <c r="L27">
        <v>1029.987744</v>
      </c>
      <c r="M27">
        <v>43.500484999999998</v>
      </c>
    </row>
    <row r="28" spans="2:13" x14ac:dyDescent="0.45">
      <c r="B28">
        <v>1031.9165599999999</v>
      </c>
      <c r="C28">
        <v>73.227800000000002</v>
      </c>
      <c r="D28">
        <v>1031.9165599999999</v>
      </c>
      <c r="E28">
        <v>47.901376000000006</v>
      </c>
      <c r="F28">
        <v>1031.9165599999999</v>
      </c>
      <c r="G28">
        <v>43.090707000000002</v>
      </c>
      <c r="H28">
        <v>1031.9165599999999</v>
      </c>
      <c r="I28">
        <v>45.587420000000002</v>
      </c>
      <c r="J28">
        <v>1031.9165599999999</v>
      </c>
      <c r="K28">
        <v>48.507807999999997</v>
      </c>
      <c r="L28">
        <v>1031.9165599999999</v>
      </c>
      <c r="M28">
        <v>42.321452999999998</v>
      </c>
    </row>
    <row r="29" spans="2:13" x14ac:dyDescent="0.45">
      <c r="B29">
        <v>1033.845376</v>
      </c>
      <c r="C29">
        <v>71.336808000000005</v>
      </c>
      <c r="D29">
        <v>1033.845376</v>
      </c>
      <c r="E29">
        <v>46.517625000000002</v>
      </c>
      <c r="F29">
        <v>1033.845376</v>
      </c>
      <c r="G29">
        <v>42.050173999999998</v>
      </c>
      <c r="H29">
        <v>1033.845376</v>
      </c>
      <c r="I29">
        <v>44.799823000000004</v>
      </c>
      <c r="J29">
        <v>1033.845376</v>
      </c>
      <c r="K29">
        <v>47.223173000000003</v>
      </c>
      <c r="L29">
        <v>1033.845376</v>
      </c>
      <c r="M29">
        <v>41.456524999999999</v>
      </c>
    </row>
    <row r="30" spans="2:13" x14ac:dyDescent="0.45">
      <c r="B30">
        <v>1035.7741920000001</v>
      </c>
      <c r="C30">
        <v>69.577639000000005</v>
      </c>
      <c r="D30">
        <v>1035.7741920000001</v>
      </c>
      <c r="E30">
        <v>45.319325000000006</v>
      </c>
      <c r="F30">
        <v>1035.7741920000001</v>
      </c>
      <c r="G30">
        <v>41.140389999999996</v>
      </c>
      <c r="H30">
        <v>1035.7741920000001</v>
      </c>
      <c r="I30">
        <v>44.116478000000001</v>
      </c>
      <c r="J30">
        <v>1035.7741920000001</v>
      </c>
      <c r="K30">
        <v>46.114297999999998</v>
      </c>
      <c r="L30">
        <v>1035.7741920000001</v>
      </c>
      <c r="M30">
        <v>40.767220999999999</v>
      </c>
    </row>
    <row r="31" spans="2:13" x14ac:dyDescent="0.45">
      <c r="B31">
        <v>1037.703008</v>
      </c>
      <c r="C31">
        <v>67.998058999999998</v>
      </c>
      <c r="D31">
        <v>1037.703008</v>
      </c>
      <c r="E31">
        <v>44.373231000000004</v>
      </c>
      <c r="F31">
        <v>1037.703008</v>
      </c>
      <c r="G31">
        <v>40.528682000000003</v>
      </c>
      <c r="H31">
        <v>1037.703008</v>
      </c>
      <c r="I31">
        <v>43.667704999999998</v>
      </c>
      <c r="J31">
        <v>1037.703008</v>
      </c>
      <c r="K31">
        <v>45.220126999999998</v>
      </c>
      <c r="L31">
        <v>1037.703008</v>
      </c>
      <c r="M31">
        <v>40.209521000000002</v>
      </c>
    </row>
    <row r="32" spans="2:13" x14ac:dyDescent="0.45">
      <c r="B32">
        <v>1039.6318240000001</v>
      </c>
      <c r="C32">
        <v>66.574118999999996</v>
      </c>
      <c r="D32">
        <v>1039.6318240000001</v>
      </c>
      <c r="E32">
        <v>43.553696000000002</v>
      </c>
      <c r="F32">
        <v>1039.6318240000001</v>
      </c>
      <c r="G32">
        <v>39.923287000000002</v>
      </c>
      <c r="H32">
        <v>1039.6318240000001</v>
      </c>
      <c r="I32">
        <v>43.248305000000002</v>
      </c>
      <c r="J32">
        <v>1039.6318240000001</v>
      </c>
      <c r="K32">
        <v>44.444063</v>
      </c>
      <c r="L32">
        <v>1039.6318240000001</v>
      </c>
      <c r="M32">
        <v>39.717106000000001</v>
      </c>
    </row>
    <row r="33" spans="2:13" x14ac:dyDescent="0.45">
      <c r="B33">
        <v>1041.5606399999999</v>
      </c>
      <c r="C33">
        <v>65.381197</v>
      </c>
      <c r="D33">
        <v>1041.5606399999999</v>
      </c>
      <c r="E33">
        <v>42.991383000000006</v>
      </c>
      <c r="F33">
        <v>1041.5606399999999</v>
      </c>
      <c r="G33">
        <v>39.543047999999999</v>
      </c>
      <c r="H33">
        <v>1041.5606399999999</v>
      </c>
      <c r="I33">
        <v>43.059826999999999</v>
      </c>
      <c r="J33">
        <v>1041.5606399999999</v>
      </c>
      <c r="K33">
        <v>43.879801999999998</v>
      </c>
      <c r="L33">
        <v>1041.5606399999999</v>
      </c>
      <c r="M33">
        <v>39.439095999999999</v>
      </c>
    </row>
    <row r="34" spans="2:13" x14ac:dyDescent="0.45">
      <c r="B34">
        <v>1043.489456</v>
      </c>
      <c r="C34">
        <v>64.253996000000001</v>
      </c>
      <c r="D34">
        <v>1043.489456</v>
      </c>
      <c r="E34">
        <v>42.526103000000006</v>
      </c>
      <c r="F34">
        <v>1043.489456</v>
      </c>
      <c r="G34">
        <v>39.314287</v>
      </c>
      <c r="H34">
        <v>1043.489456</v>
      </c>
      <c r="I34">
        <v>42.912913000000003</v>
      </c>
      <c r="J34">
        <v>1043.489456</v>
      </c>
      <c r="K34">
        <v>43.408844000000002</v>
      </c>
      <c r="L34">
        <v>1043.489456</v>
      </c>
      <c r="M34">
        <v>39.226717000000001</v>
      </c>
    </row>
    <row r="35" spans="2:13" x14ac:dyDescent="0.45">
      <c r="B35">
        <v>1045.4182719999999</v>
      </c>
      <c r="C35">
        <v>63.354092999999999</v>
      </c>
      <c r="D35">
        <v>1045.4182719999999</v>
      </c>
      <c r="E35">
        <v>42.230856000000003</v>
      </c>
      <c r="F35">
        <v>1045.4182719999999</v>
      </c>
      <c r="G35">
        <v>39.242922999999998</v>
      </c>
      <c r="H35">
        <v>1045.4182719999999</v>
      </c>
      <c r="I35">
        <v>42.850503000000003</v>
      </c>
      <c r="J35">
        <v>1045.4182719999999</v>
      </c>
      <c r="K35">
        <v>43.211233999999997</v>
      </c>
      <c r="L35">
        <v>1045.4182719999999</v>
      </c>
      <c r="M35">
        <v>39.186123000000002</v>
      </c>
    </row>
    <row r="36" spans="2:13" x14ac:dyDescent="0.45">
      <c r="B36">
        <v>1047.347088</v>
      </c>
      <c r="C36">
        <v>62.504275</v>
      </c>
      <c r="D36">
        <v>1047.347088</v>
      </c>
      <c r="E36">
        <v>42.023455000000006</v>
      </c>
      <c r="F36">
        <v>1047.347088</v>
      </c>
      <c r="G36">
        <v>39.120151999999997</v>
      </c>
      <c r="H36">
        <v>1047.347088</v>
      </c>
      <c r="I36">
        <v>42.791362999999997</v>
      </c>
      <c r="J36">
        <v>1047.347088</v>
      </c>
      <c r="K36">
        <v>43.022970000000001</v>
      </c>
      <c r="L36">
        <v>1047.347088</v>
      </c>
      <c r="M36">
        <v>39.122821000000002</v>
      </c>
    </row>
    <row r="37" spans="2:13" x14ac:dyDescent="0.45">
      <c r="B37">
        <v>1049.2759040000001</v>
      </c>
      <c r="C37">
        <v>61.809659000000003</v>
      </c>
      <c r="D37">
        <v>1049.2759040000001</v>
      </c>
      <c r="E37">
        <v>42.036255000000004</v>
      </c>
      <c r="F37">
        <v>1049.2759040000001</v>
      </c>
      <c r="G37">
        <v>39.279403000000002</v>
      </c>
      <c r="H37">
        <v>1049.2759040000001</v>
      </c>
      <c r="I37">
        <v>42.898395999999998</v>
      </c>
      <c r="J37">
        <v>1049.2759040000001</v>
      </c>
      <c r="K37">
        <v>43.010672</v>
      </c>
      <c r="L37">
        <v>1049.2759040000001</v>
      </c>
      <c r="M37">
        <v>39.263815999999998</v>
      </c>
    </row>
    <row r="38" spans="2:13" x14ac:dyDescent="0.45">
      <c r="B38">
        <v>1051.20472</v>
      </c>
      <c r="C38">
        <v>61.210056000000002</v>
      </c>
      <c r="D38">
        <v>1051.20472</v>
      </c>
      <c r="E38">
        <v>42.027306000000003</v>
      </c>
      <c r="F38">
        <v>1051.20472</v>
      </c>
      <c r="G38">
        <v>39.453274999999998</v>
      </c>
      <c r="H38">
        <v>1051.20472</v>
      </c>
      <c r="I38">
        <v>42.949195000000003</v>
      </c>
      <c r="J38">
        <v>1051.20472</v>
      </c>
      <c r="K38">
        <v>42.985546999999997</v>
      </c>
      <c r="L38">
        <v>1051.20472</v>
      </c>
      <c r="M38">
        <v>39.406368000000001</v>
      </c>
    </row>
    <row r="39" spans="2:13" x14ac:dyDescent="0.45">
      <c r="B39">
        <v>1053.133536</v>
      </c>
      <c r="C39">
        <v>60.814898999999997</v>
      </c>
      <c r="D39">
        <v>1053.133536</v>
      </c>
      <c r="E39">
        <v>42.164956000000004</v>
      </c>
      <c r="F39">
        <v>1053.133536</v>
      </c>
      <c r="G39">
        <v>39.790671000000003</v>
      </c>
      <c r="H39">
        <v>1053.133536</v>
      </c>
      <c r="I39">
        <v>43.235650999999997</v>
      </c>
      <c r="J39">
        <v>1053.133536</v>
      </c>
      <c r="K39">
        <v>43.135264999999997</v>
      </c>
      <c r="L39">
        <v>1053.133536</v>
      </c>
      <c r="M39">
        <v>39.697671</v>
      </c>
    </row>
    <row r="40" spans="2:13" x14ac:dyDescent="0.45">
      <c r="B40">
        <v>1055.0623519999999</v>
      </c>
      <c r="C40">
        <v>60.418188000000001</v>
      </c>
      <c r="D40">
        <v>1055.0623519999999</v>
      </c>
      <c r="E40">
        <v>42.399254000000006</v>
      </c>
      <c r="F40">
        <v>1055.0623519999999</v>
      </c>
      <c r="G40">
        <v>40.131599999999999</v>
      </c>
      <c r="H40">
        <v>1055.0623519999999</v>
      </c>
      <c r="I40">
        <v>43.476681999999997</v>
      </c>
      <c r="J40">
        <v>1055.0623519999999</v>
      </c>
      <c r="K40">
        <v>43.405315999999999</v>
      </c>
      <c r="L40">
        <v>1055.0623519999999</v>
      </c>
      <c r="M40">
        <v>39.967436999999997</v>
      </c>
    </row>
    <row r="41" spans="2:13" x14ac:dyDescent="0.45">
      <c r="B41">
        <v>1056.991168</v>
      </c>
      <c r="C41">
        <v>60.105285000000002</v>
      </c>
      <c r="D41">
        <v>1056.991168</v>
      </c>
      <c r="E41">
        <v>42.837740000000004</v>
      </c>
      <c r="F41">
        <v>1056.991168</v>
      </c>
      <c r="G41">
        <v>40.588622000000001</v>
      </c>
      <c r="H41">
        <v>1056.991168</v>
      </c>
      <c r="I41">
        <v>43.832864999999998</v>
      </c>
      <c r="J41">
        <v>1056.991168</v>
      </c>
      <c r="K41">
        <v>43.743819000000002</v>
      </c>
      <c r="L41">
        <v>1056.991168</v>
      </c>
      <c r="M41">
        <v>40.387551999999999</v>
      </c>
    </row>
    <row r="42" spans="2:13" x14ac:dyDescent="0.45">
      <c r="B42">
        <v>1058.9199840000001</v>
      </c>
      <c r="C42">
        <v>59.928722999999998</v>
      </c>
      <c r="D42">
        <v>1058.9199840000001</v>
      </c>
      <c r="E42">
        <v>43.243764000000006</v>
      </c>
      <c r="F42">
        <v>1058.9199840000001</v>
      </c>
      <c r="G42">
        <v>41.050593999999997</v>
      </c>
      <c r="H42">
        <v>1058.9199840000001</v>
      </c>
      <c r="I42">
        <v>44.191870000000002</v>
      </c>
      <c r="J42">
        <v>1058.9199840000001</v>
      </c>
      <c r="K42">
        <v>43.952840000000002</v>
      </c>
      <c r="L42">
        <v>1058.9199840000001</v>
      </c>
      <c r="M42">
        <v>40.729635000000002</v>
      </c>
    </row>
    <row r="43" spans="2:13" x14ac:dyDescent="0.45">
      <c r="B43">
        <v>1060.8488</v>
      </c>
      <c r="C43">
        <v>60.027856</v>
      </c>
      <c r="D43">
        <v>1060.8488</v>
      </c>
      <c r="E43">
        <v>43.717729000000006</v>
      </c>
      <c r="F43">
        <v>1060.8488</v>
      </c>
      <c r="G43">
        <v>41.619804000000002</v>
      </c>
      <c r="H43">
        <v>1060.8488</v>
      </c>
      <c r="I43">
        <v>44.668002000000001</v>
      </c>
      <c r="J43">
        <v>1060.8488</v>
      </c>
      <c r="K43">
        <v>44.435765000000004</v>
      </c>
      <c r="L43">
        <v>1060.8488</v>
      </c>
      <c r="M43">
        <v>41.241117000000003</v>
      </c>
    </row>
    <row r="44" spans="2:13" x14ac:dyDescent="0.45">
      <c r="B44">
        <v>1062.7776160000001</v>
      </c>
      <c r="C44">
        <v>60.119954999999997</v>
      </c>
      <c r="D44">
        <v>1062.7776160000001</v>
      </c>
      <c r="E44">
        <v>44.236942000000006</v>
      </c>
      <c r="F44">
        <v>1062.7776160000001</v>
      </c>
      <c r="G44">
        <v>42.155681999999999</v>
      </c>
      <c r="H44">
        <v>1062.7776160000001</v>
      </c>
      <c r="I44">
        <v>45.133761</v>
      </c>
      <c r="J44">
        <v>1062.7776160000001</v>
      </c>
      <c r="K44">
        <v>44.978509000000003</v>
      </c>
      <c r="L44">
        <v>1062.7776160000001</v>
      </c>
      <c r="M44">
        <v>41.737608000000002</v>
      </c>
    </row>
    <row r="45" spans="2:13" x14ac:dyDescent="0.45">
      <c r="B45">
        <v>1064.7064319999999</v>
      </c>
      <c r="C45">
        <v>60.360593999999999</v>
      </c>
      <c r="D45">
        <v>1064.7064319999999</v>
      </c>
      <c r="E45">
        <v>44.925018000000001</v>
      </c>
      <c r="F45">
        <v>1064.7064319999999</v>
      </c>
      <c r="G45">
        <v>42.870396</v>
      </c>
      <c r="H45">
        <v>1064.7064319999999</v>
      </c>
      <c r="I45">
        <v>45.681266999999998</v>
      </c>
      <c r="J45">
        <v>1064.7064319999999</v>
      </c>
      <c r="K45">
        <v>45.643704</v>
      </c>
      <c r="L45">
        <v>1064.7064319999999</v>
      </c>
      <c r="M45">
        <v>42.449415000000002</v>
      </c>
    </row>
    <row r="46" spans="2:13" x14ac:dyDescent="0.45">
      <c r="B46">
        <v>1066.635248</v>
      </c>
      <c r="C46">
        <v>60.627850000000002</v>
      </c>
      <c r="D46">
        <v>1066.635248</v>
      </c>
      <c r="E46">
        <v>45.575560000000003</v>
      </c>
      <c r="F46">
        <v>1066.635248</v>
      </c>
      <c r="G46">
        <v>43.541870000000003</v>
      </c>
      <c r="H46">
        <v>1066.635248</v>
      </c>
      <c r="I46">
        <v>46.219583</v>
      </c>
      <c r="J46">
        <v>1066.635248</v>
      </c>
      <c r="K46">
        <v>46.311641999999999</v>
      </c>
      <c r="L46">
        <v>1066.635248</v>
      </c>
      <c r="M46">
        <v>43.066417999999999</v>
      </c>
    </row>
    <row r="47" spans="2:13" x14ac:dyDescent="0.45">
      <c r="B47">
        <v>1068.5640639999999</v>
      </c>
      <c r="C47">
        <v>61.029249</v>
      </c>
      <c r="D47">
        <v>1068.5640639999999</v>
      </c>
      <c r="E47">
        <v>46.307849000000004</v>
      </c>
      <c r="F47">
        <v>1068.5640639999999</v>
      </c>
      <c r="G47">
        <v>44.304102</v>
      </c>
      <c r="H47">
        <v>1068.5640639999999</v>
      </c>
      <c r="I47">
        <v>46.97043</v>
      </c>
      <c r="J47">
        <v>1068.5640639999999</v>
      </c>
      <c r="K47">
        <v>47.027149000000001</v>
      </c>
      <c r="L47">
        <v>1068.5640639999999</v>
      </c>
      <c r="M47">
        <v>43.798113999999998</v>
      </c>
    </row>
    <row r="48" spans="2:13" x14ac:dyDescent="0.45">
      <c r="B48">
        <v>1070.49288</v>
      </c>
      <c r="C48">
        <v>61.372607000000002</v>
      </c>
      <c r="D48">
        <v>1070.49288</v>
      </c>
      <c r="E48">
        <v>47.022777000000005</v>
      </c>
      <c r="F48">
        <v>1070.49288</v>
      </c>
      <c r="G48">
        <v>45.010368999999997</v>
      </c>
      <c r="H48">
        <v>1070.49288</v>
      </c>
      <c r="I48">
        <v>47.558638999999999</v>
      </c>
      <c r="J48">
        <v>1070.49288</v>
      </c>
      <c r="K48">
        <v>47.690525000000001</v>
      </c>
      <c r="L48">
        <v>1070.49288</v>
      </c>
      <c r="M48">
        <v>44.520924999999998</v>
      </c>
    </row>
    <row r="49" spans="2:13" x14ac:dyDescent="0.45">
      <c r="B49">
        <v>1072.4216960000001</v>
      </c>
      <c r="C49">
        <v>61.924951</v>
      </c>
      <c r="D49">
        <v>1072.4216960000001</v>
      </c>
      <c r="E49">
        <v>47.976991000000005</v>
      </c>
      <c r="F49">
        <v>1072.4216960000001</v>
      </c>
      <c r="G49">
        <v>45.898758999999998</v>
      </c>
      <c r="H49">
        <v>1072.4216960000001</v>
      </c>
      <c r="I49">
        <v>48.209409999999998</v>
      </c>
      <c r="J49">
        <v>1072.4216960000001</v>
      </c>
      <c r="K49">
        <v>48.598953999999999</v>
      </c>
      <c r="L49">
        <v>1072.4216960000001</v>
      </c>
      <c r="M49">
        <v>45.349516000000001</v>
      </c>
    </row>
    <row r="50" spans="2:13" x14ac:dyDescent="0.45">
      <c r="B50">
        <v>1074.350512</v>
      </c>
      <c r="C50">
        <v>62.635519000000002</v>
      </c>
      <c r="D50">
        <v>1074.350512</v>
      </c>
      <c r="E50">
        <v>48.848052000000003</v>
      </c>
      <c r="F50">
        <v>1074.350512</v>
      </c>
      <c r="G50">
        <v>46.776133000000002</v>
      </c>
      <c r="H50">
        <v>1074.350512</v>
      </c>
      <c r="I50">
        <v>48.959994999999999</v>
      </c>
      <c r="J50">
        <v>1074.350512</v>
      </c>
      <c r="K50">
        <v>49.412283000000002</v>
      </c>
      <c r="L50">
        <v>1074.350512</v>
      </c>
      <c r="M50">
        <v>46.128799000000001</v>
      </c>
    </row>
    <row r="51" spans="2:13" x14ac:dyDescent="0.45">
      <c r="B51">
        <v>1076.2793280000001</v>
      </c>
      <c r="C51">
        <v>63.430284999999998</v>
      </c>
      <c r="D51">
        <v>1076.2793280000001</v>
      </c>
      <c r="E51">
        <v>49.786727000000006</v>
      </c>
      <c r="F51">
        <v>1076.2793280000001</v>
      </c>
      <c r="G51">
        <v>47.760568999999997</v>
      </c>
      <c r="H51">
        <v>1076.2793280000001</v>
      </c>
      <c r="I51">
        <v>49.841133999999997</v>
      </c>
      <c r="J51">
        <v>1076.2793280000001</v>
      </c>
      <c r="K51">
        <v>50.335264000000002</v>
      </c>
      <c r="L51">
        <v>1076.2793280000001</v>
      </c>
      <c r="M51">
        <v>47.016706999999997</v>
      </c>
    </row>
    <row r="52" spans="2:13" x14ac:dyDescent="0.45">
      <c r="B52">
        <v>1078.2081439999999</v>
      </c>
      <c r="C52">
        <v>64.232093000000006</v>
      </c>
      <c r="D52">
        <v>1078.2081439999999</v>
      </c>
      <c r="E52">
        <v>50.790680000000002</v>
      </c>
      <c r="F52">
        <v>1078.2081439999999</v>
      </c>
      <c r="G52">
        <v>48.673157000000003</v>
      </c>
      <c r="H52">
        <v>1078.2081439999999</v>
      </c>
      <c r="I52">
        <v>50.688336</v>
      </c>
      <c r="J52">
        <v>1078.2081439999999</v>
      </c>
      <c r="K52">
        <v>51.339905999999999</v>
      </c>
      <c r="L52">
        <v>1078.2081439999999</v>
      </c>
      <c r="M52">
        <v>47.880958999999997</v>
      </c>
    </row>
    <row r="53" spans="2:13" x14ac:dyDescent="0.45">
      <c r="B53">
        <v>1080.13696</v>
      </c>
      <c r="C53">
        <v>65.234781999999996</v>
      </c>
      <c r="D53">
        <v>1080.13696</v>
      </c>
      <c r="E53">
        <v>51.841595000000005</v>
      </c>
      <c r="F53">
        <v>1080.13696</v>
      </c>
      <c r="G53">
        <v>49.703240000000001</v>
      </c>
      <c r="H53">
        <v>1080.13696</v>
      </c>
      <c r="I53">
        <v>51.616014</v>
      </c>
      <c r="J53">
        <v>1080.13696</v>
      </c>
      <c r="K53">
        <v>52.365884999999999</v>
      </c>
      <c r="L53">
        <v>1080.13696</v>
      </c>
      <c r="M53">
        <v>48.895710000000001</v>
      </c>
    </row>
    <row r="54" spans="2:13" x14ac:dyDescent="0.45">
      <c r="B54">
        <v>1082.0657759999999</v>
      </c>
      <c r="C54">
        <v>66.187394999999995</v>
      </c>
      <c r="D54">
        <v>1082.0657759999999</v>
      </c>
      <c r="E54">
        <v>52.895788000000003</v>
      </c>
      <c r="F54">
        <v>1082.0657759999999</v>
      </c>
      <c r="G54">
        <v>50.852369000000003</v>
      </c>
      <c r="H54">
        <v>1082.0657759999999</v>
      </c>
      <c r="I54">
        <v>52.526944</v>
      </c>
      <c r="J54">
        <v>1082.0657759999999</v>
      </c>
      <c r="K54">
        <v>53.356368000000003</v>
      </c>
      <c r="L54">
        <v>1082.0657759999999</v>
      </c>
      <c r="M54">
        <v>49.966445999999998</v>
      </c>
    </row>
    <row r="55" spans="2:13" x14ac:dyDescent="0.45">
      <c r="B55">
        <v>1083.994592</v>
      </c>
      <c r="C55">
        <v>67.217685000000003</v>
      </c>
      <c r="D55">
        <v>1083.994592</v>
      </c>
      <c r="E55">
        <v>54.125297000000003</v>
      </c>
      <c r="F55">
        <v>1083.994592</v>
      </c>
      <c r="G55">
        <v>52.111190000000001</v>
      </c>
      <c r="H55">
        <v>1083.994592</v>
      </c>
      <c r="I55">
        <v>53.529553</v>
      </c>
      <c r="J55">
        <v>1083.994592</v>
      </c>
      <c r="K55">
        <v>54.581842999999999</v>
      </c>
      <c r="L55">
        <v>1083.994592</v>
      </c>
      <c r="M55">
        <v>51.109395999999997</v>
      </c>
    </row>
    <row r="56" spans="2:13" x14ac:dyDescent="0.45">
      <c r="B56">
        <v>1085.9234080000001</v>
      </c>
      <c r="C56">
        <v>68.260120000000001</v>
      </c>
      <c r="D56">
        <v>1085.9234080000001</v>
      </c>
      <c r="E56">
        <v>55.244838000000001</v>
      </c>
      <c r="F56">
        <v>1085.9234080000001</v>
      </c>
      <c r="G56">
        <v>53.195430999999999</v>
      </c>
      <c r="H56">
        <v>1085.9234080000001</v>
      </c>
      <c r="I56">
        <v>54.478678000000002</v>
      </c>
      <c r="J56">
        <v>1085.9234080000001</v>
      </c>
      <c r="K56">
        <v>55.745396</v>
      </c>
      <c r="L56">
        <v>1085.9234080000001</v>
      </c>
      <c r="M56">
        <v>52.124578999999997</v>
      </c>
    </row>
    <row r="57" spans="2:13" x14ac:dyDescent="0.45">
      <c r="B57">
        <v>1087.852224</v>
      </c>
      <c r="C57">
        <v>69.498260000000002</v>
      </c>
      <c r="D57">
        <v>1087.852224</v>
      </c>
      <c r="E57">
        <v>56.552467</v>
      </c>
      <c r="F57">
        <v>1087.852224</v>
      </c>
      <c r="G57">
        <v>54.526353</v>
      </c>
      <c r="H57">
        <v>1087.852224</v>
      </c>
      <c r="I57">
        <v>55.626660999999999</v>
      </c>
      <c r="J57">
        <v>1087.852224</v>
      </c>
      <c r="K57">
        <v>57.031267999999997</v>
      </c>
      <c r="L57">
        <v>1087.852224</v>
      </c>
      <c r="M57">
        <v>53.326081000000002</v>
      </c>
    </row>
    <row r="58" spans="2:13" x14ac:dyDescent="0.45">
      <c r="B58">
        <v>1089.7810400000001</v>
      </c>
      <c r="C58">
        <v>70.778812000000002</v>
      </c>
      <c r="D58">
        <v>1089.7810400000001</v>
      </c>
      <c r="E58">
        <v>57.921140000000001</v>
      </c>
      <c r="F58">
        <v>1089.7810400000001</v>
      </c>
      <c r="G58">
        <v>55.905565000000003</v>
      </c>
      <c r="H58">
        <v>1089.7810400000001</v>
      </c>
      <c r="I58">
        <v>56.804909000000002</v>
      </c>
      <c r="J58">
        <v>1089.7810400000001</v>
      </c>
      <c r="K58">
        <v>58.269123</v>
      </c>
      <c r="L58">
        <v>1089.7810400000001</v>
      </c>
      <c r="M58">
        <v>54.625183999999997</v>
      </c>
    </row>
    <row r="59" spans="2:13" x14ac:dyDescent="0.45">
      <c r="B59">
        <v>1091.7098559999999</v>
      </c>
      <c r="C59">
        <v>72.250392000000005</v>
      </c>
      <c r="D59">
        <v>1091.7098559999999</v>
      </c>
      <c r="E59">
        <v>59.350880000000004</v>
      </c>
      <c r="F59">
        <v>1091.7098559999999</v>
      </c>
      <c r="G59">
        <v>57.318758000000003</v>
      </c>
      <c r="H59">
        <v>1091.7098559999999</v>
      </c>
      <c r="I59">
        <v>58.115833000000002</v>
      </c>
      <c r="J59">
        <v>1091.7098559999999</v>
      </c>
      <c r="K59">
        <v>59.597192</v>
      </c>
      <c r="L59">
        <v>1091.7098559999999</v>
      </c>
      <c r="M59">
        <v>56.056505000000001</v>
      </c>
    </row>
    <row r="60" spans="2:13" x14ac:dyDescent="0.45">
      <c r="B60">
        <v>1093.638672</v>
      </c>
      <c r="C60">
        <v>73.785212999999999</v>
      </c>
      <c r="D60">
        <v>1093.638672</v>
      </c>
      <c r="E60">
        <v>60.814788</v>
      </c>
      <c r="F60">
        <v>1093.638672</v>
      </c>
      <c r="G60">
        <v>58.695478000000001</v>
      </c>
      <c r="H60">
        <v>1093.638672</v>
      </c>
      <c r="I60">
        <v>59.344867000000001</v>
      </c>
      <c r="J60">
        <v>1093.638672</v>
      </c>
      <c r="K60">
        <v>60.985309000000001</v>
      </c>
      <c r="L60">
        <v>1093.638672</v>
      </c>
      <c r="M60">
        <v>57.329323000000002</v>
      </c>
    </row>
    <row r="61" spans="2:13" x14ac:dyDescent="0.45">
      <c r="B61">
        <v>1095.5674879999999</v>
      </c>
      <c r="C61">
        <v>75.362367000000006</v>
      </c>
      <c r="D61">
        <v>1095.5674879999999</v>
      </c>
      <c r="E61">
        <v>62.374502</v>
      </c>
      <c r="F61">
        <v>1095.5674879999999</v>
      </c>
      <c r="G61">
        <v>60.244605</v>
      </c>
      <c r="H61">
        <v>1095.5674879999999</v>
      </c>
      <c r="I61">
        <v>60.692427000000002</v>
      </c>
      <c r="J61">
        <v>1095.5674879999999</v>
      </c>
      <c r="K61">
        <v>62.544001999999999</v>
      </c>
      <c r="L61">
        <v>1095.5674879999999</v>
      </c>
      <c r="M61">
        <v>58.650247</v>
      </c>
    </row>
    <row r="62" spans="2:13" x14ac:dyDescent="0.45">
      <c r="B62">
        <v>1097.496304</v>
      </c>
      <c r="C62">
        <v>76.866330000000005</v>
      </c>
      <c r="D62">
        <v>1097.496304</v>
      </c>
      <c r="E62">
        <v>63.810940000000002</v>
      </c>
      <c r="F62">
        <v>1097.496304</v>
      </c>
      <c r="G62">
        <v>61.793309000000001</v>
      </c>
      <c r="H62">
        <v>1097.496304</v>
      </c>
      <c r="I62">
        <v>62.142268000000001</v>
      </c>
      <c r="J62">
        <v>1097.496304</v>
      </c>
      <c r="K62">
        <v>63.999161000000001</v>
      </c>
      <c r="L62">
        <v>1097.496304</v>
      </c>
      <c r="M62">
        <v>60.045516999999997</v>
      </c>
    </row>
    <row r="63" spans="2:13" x14ac:dyDescent="0.45">
      <c r="B63">
        <v>1099.4251200000001</v>
      </c>
      <c r="C63">
        <v>78.466575000000006</v>
      </c>
      <c r="D63">
        <v>1099.4251200000001</v>
      </c>
      <c r="E63">
        <v>65.411208000000002</v>
      </c>
      <c r="F63">
        <v>1099.4251200000001</v>
      </c>
      <c r="G63">
        <v>63.456704000000002</v>
      </c>
      <c r="H63">
        <v>1099.4251200000001</v>
      </c>
      <c r="I63">
        <v>63.618060999999997</v>
      </c>
      <c r="J63">
        <v>1099.4251200000001</v>
      </c>
      <c r="K63">
        <v>65.511458000000005</v>
      </c>
      <c r="L63">
        <v>1099.4251200000001</v>
      </c>
      <c r="M63">
        <v>61.614322999999999</v>
      </c>
    </row>
    <row r="64" spans="2:13" x14ac:dyDescent="0.45">
      <c r="B64">
        <v>1101.353936</v>
      </c>
      <c r="C64">
        <v>80.018240000000006</v>
      </c>
      <c r="D64">
        <v>1101.353936</v>
      </c>
      <c r="E64">
        <v>67.046699000000004</v>
      </c>
      <c r="F64">
        <v>1101.353936</v>
      </c>
      <c r="G64">
        <v>64.998114000000001</v>
      </c>
      <c r="H64">
        <v>1101.353936</v>
      </c>
      <c r="I64">
        <v>64.943251000000004</v>
      </c>
      <c r="J64">
        <v>1101.353936</v>
      </c>
      <c r="K64">
        <v>67.031627999999998</v>
      </c>
      <c r="L64">
        <v>1101.353936</v>
      </c>
      <c r="M64">
        <v>63.136212999999998</v>
      </c>
    </row>
    <row r="65" spans="2:13" x14ac:dyDescent="0.45">
      <c r="B65">
        <v>1103.2827520000001</v>
      </c>
      <c r="C65">
        <v>81.688339999999997</v>
      </c>
      <c r="D65">
        <v>1103.2827520000001</v>
      </c>
      <c r="E65">
        <v>68.772892999999996</v>
      </c>
      <c r="F65">
        <v>1103.2827520000001</v>
      </c>
      <c r="G65">
        <v>66.691485</v>
      </c>
      <c r="H65">
        <v>1103.2827520000001</v>
      </c>
      <c r="I65">
        <v>66.391693000000004</v>
      </c>
      <c r="J65">
        <v>1103.2827520000001</v>
      </c>
      <c r="K65">
        <v>68.643833000000001</v>
      </c>
      <c r="L65">
        <v>1103.2827520000001</v>
      </c>
      <c r="M65">
        <v>64.676180000000002</v>
      </c>
    </row>
    <row r="66" spans="2:13" x14ac:dyDescent="0.45">
      <c r="B66">
        <v>1105.2115679999999</v>
      </c>
      <c r="C66">
        <v>83.262683999999993</v>
      </c>
      <c r="D66">
        <v>1105.2115679999999</v>
      </c>
      <c r="E66">
        <v>70.391355000000004</v>
      </c>
      <c r="F66">
        <v>1105.2115679999999</v>
      </c>
      <c r="G66">
        <v>68.287521999999996</v>
      </c>
      <c r="H66">
        <v>1105.2115679999999</v>
      </c>
      <c r="I66">
        <v>67.812669</v>
      </c>
      <c r="J66">
        <v>1105.2115679999999</v>
      </c>
      <c r="K66">
        <v>70.136426</v>
      </c>
      <c r="L66">
        <v>1105.2115679999999</v>
      </c>
      <c r="M66">
        <v>66.191012000000001</v>
      </c>
    </row>
    <row r="67" spans="2:13" x14ac:dyDescent="0.45">
      <c r="B67">
        <v>1107.140384</v>
      </c>
      <c r="C67">
        <v>84.838280999999995</v>
      </c>
      <c r="D67">
        <v>1107.140384</v>
      </c>
      <c r="E67">
        <v>71.968913000000001</v>
      </c>
      <c r="F67">
        <v>1107.140384</v>
      </c>
      <c r="G67">
        <v>69.712271000000001</v>
      </c>
      <c r="H67">
        <v>1107.140384</v>
      </c>
      <c r="I67">
        <v>69.280266999999995</v>
      </c>
      <c r="J67">
        <v>1107.140384</v>
      </c>
      <c r="K67">
        <v>71.688137999999995</v>
      </c>
      <c r="L67">
        <v>1107.140384</v>
      </c>
      <c r="M67">
        <v>67.801070999999993</v>
      </c>
    </row>
    <row r="68" spans="2:13" x14ac:dyDescent="0.45">
      <c r="B68">
        <v>1109.0691999999999</v>
      </c>
      <c r="C68">
        <v>86.235699999999994</v>
      </c>
      <c r="D68">
        <v>1109.0691999999999</v>
      </c>
      <c r="E68">
        <v>73.459316000000001</v>
      </c>
      <c r="F68">
        <v>1109.0691999999999</v>
      </c>
      <c r="G68">
        <v>71.145495999999994</v>
      </c>
      <c r="H68">
        <v>1109.0691999999999</v>
      </c>
      <c r="I68">
        <v>70.694047999999995</v>
      </c>
      <c r="J68">
        <v>1109.0691999999999</v>
      </c>
      <c r="K68">
        <v>73.127557999999993</v>
      </c>
      <c r="L68">
        <v>1109.0691999999999</v>
      </c>
      <c r="M68">
        <v>69.168512000000007</v>
      </c>
    </row>
    <row r="69" spans="2:13" x14ac:dyDescent="0.45">
      <c r="B69">
        <v>1110.998016</v>
      </c>
      <c r="C69">
        <v>87.545450000000002</v>
      </c>
      <c r="D69">
        <v>1110.998016</v>
      </c>
      <c r="E69">
        <v>74.905859000000007</v>
      </c>
      <c r="F69">
        <v>1110.998016</v>
      </c>
      <c r="G69">
        <v>72.687332999999995</v>
      </c>
      <c r="H69">
        <v>1110.998016</v>
      </c>
      <c r="I69">
        <v>72.087376000000006</v>
      </c>
      <c r="J69">
        <v>1110.998016</v>
      </c>
      <c r="K69">
        <v>74.571247999999997</v>
      </c>
      <c r="L69">
        <v>1110.998016</v>
      </c>
      <c r="M69">
        <v>70.545516000000006</v>
      </c>
    </row>
    <row r="70" spans="2:13" x14ac:dyDescent="0.45">
      <c r="B70">
        <v>1112.9268320000001</v>
      </c>
      <c r="C70">
        <v>88.746696999999998</v>
      </c>
      <c r="D70">
        <v>1112.9268320000001</v>
      </c>
      <c r="E70">
        <v>76.178392000000002</v>
      </c>
      <c r="F70">
        <v>1112.9268320000001</v>
      </c>
      <c r="G70">
        <v>73.996780999999999</v>
      </c>
      <c r="H70">
        <v>1112.9268320000001</v>
      </c>
      <c r="I70">
        <v>73.236294000000001</v>
      </c>
      <c r="J70">
        <v>1112.9268320000001</v>
      </c>
      <c r="K70">
        <v>75.904668999999998</v>
      </c>
      <c r="L70">
        <v>1112.9268320000001</v>
      </c>
      <c r="M70">
        <v>71.883979999999994</v>
      </c>
    </row>
    <row r="71" spans="2:13" x14ac:dyDescent="0.45">
      <c r="B71">
        <v>1114.855648</v>
      </c>
      <c r="C71">
        <v>89.819300999999996</v>
      </c>
      <c r="D71">
        <v>1114.855648</v>
      </c>
      <c r="E71">
        <v>77.417158999999998</v>
      </c>
      <c r="F71">
        <v>1114.855648</v>
      </c>
      <c r="G71">
        <v>75.140997999999996</v>
      </c>
      <c r="H71">
        <v>1114.855648</v>
      </c>
      <c r="I71">
        <v>74.392773000000005</v>
      </c>
      <c r="J71">
        <v>1114.855648</v>
      </c>
      <c r="K71">
        <v>77.164068999999998</v>
      </c>
      <c r="L71">
        <v>1114.855648</v>
      </c>
      <c r="M71">
        <v>73.145430000000005</v>
      </c>
    </row>
    <row r="72" spans="2:13" x14ac:dyDescent="0.45">
      <c r="B72">
        <v>1116.7844640000001</v>
      </c>
      <c r="C72">
        <v>90.726686999999998</v>
      </c>
      <c r="D72">
        <v>1116.7844640000001</v>
      </c>
      <c r="E72">
        <v>78.487204000000006</v>
      </c>
      <c r="F72">
        <v>1116.7844640000001</v>
      </c>
      <c r="G72">
        <v>76.154951999999994</v>
      </c>
      <c r="H72">
        <v>1116.7844640000001</v>
      </c>
      <c r="I72">
        <v>75.443910000000002</v>
      </c>
      <c r="J72">
        <v>1116.7844640000001</v>
      </c>
      <c r="K72">
        <v>78.234041000000005</v>
      </c>
      <c r="L72">
        <v>1116.7844640000001</v>
      </c>
      <c r="M72">
        <v>74.209658000000005</v>
      </c>
    </row>
    <row r="73" spans="2:13" x14ac:dyDescent="0.45">
      <c r="B73">
        <v>1118.7132799999999</v>
      </c>
      <c r="C73">
        <v>91.551203000000001</v>
      </c>
      <c r="D73">
        <v>1118.7132799999999</v>
      </c>
      <c r="E73">
        <v>79.50215</v>
      </c>
      <c r="F73">
        <v>1118.7132799999999</v>
      </c>
      <c r="G73">
        <v>77.233847999999995</v>
      </c>
      <c r="H73">
        <v>1118.7132799999999</v>
      </c>
      <c r="I73">
        <v>76.410905999999997</v>
      </c>
      <c r="J73">
        <v>1118.7132799999999</v>
      </c>
      <c r="K73">
        <v>79.276996999999994</v>
      </c>
      <c r="L73">
        <v>1118.7132799999999</v>
      </c>
      <c r="M73">
        <v>75.276358000000002</v>
      </c>
    </row>
    <row r="74" spans="2:13" x14ac:dyDescent="0.45">
      <c r="B74">
        <v>1120.642096</v>
      </c>
      <c r="C74">
        <v>92.141654000000003</v>
      </c>
      <c r="D74">
        <v>1120.642096</v>
      </c>
      <c r="E74">
        <v>80.38758</v>
      </c>
      <c r="F74">
        <v>1120.642096</v>
      </c>
      <c r="G74">
        <v>78.185901999999999</v>
      </c>
      <c r="H74">
        <v>1120.642096</v>
      </c>
      <c r="I74">
        <v>77.235121000000007</v>
      </c>
      <c r="J74">
        <v>1120.642096</v>
      </c>
      <c r="K74">
        <v>80.148972999999998</v>
      </c>
      <c r="L74">
        <v>1120.642096</v>
      </c>
      <c r="M74">
        <v>76.192233999999999</v>
      </c>
    </row>
    <row r="75" spans="2:13" x14ac:dyDescent="0.45">
      <c r="B75">
        <v>1122.5709119999999</v>
      </c>
      <c r="C75">
        <v>92.704325999999995</v>
      </c>
      <c r="D75">
        <v>1122.5709119999999</v>
      </c>
      <c r="E75">
        <v>81.206106000000005</v>
      </c>
      <c r="F75">
        <v>1122.5709119999999</v>
      </c>
      <c r="G75">
        <v>79.131187999999995</v>
      </c>
      <c r="H75">
        <v>1122.5709119999999</v>
      </c>
      <c r="I75">
        <v>78.024015000000006</v>
      </c>
      <c r="J75">
        <v>1122.5709119999999</v>
      </c>
      <c r="K75">
        <v>81.013519000000002</v>
      </c>
      <c r="L75">
        <v>1122.5709119999999</v>
      </c>
      <c r="M75">
        <v>77.053233000000006</v>
      </c>
    </row>
    <row r="76" spans="2:13" x14ac:dyDescent="0.45">
      <c r="B76">
        <v>1124.499728</v>
      </c>
      <c r="C76">
        <v>93.043783000000005</v>
      </c>
      <c r="D76">
        <v>1124.499728</v>
      </c>
      <c r="E76">
        <v>81.986129000000005</v>
      </c>
      <c r="F76">
        <v>1124.499728</v>
      </c>
      <c r="G76">
        <v>79.916015000000002</v>
      </c>
      <c r="H76">
        <v>1124.499728</v>
      </c>
      <c r="I76">
        <v>78.694447999999994</v>
      </c>
      <c r="J76">
        <v>1124.499728</v>
      </c>
      <c r="K76">
        <v>81.798831000000007</v>
      </c>
      <c r="L76">
        <v>1124.499728</v>
      </c>
      <c r="M76">
        <v>77.875093000000007</v>
      </c>
    </row>
    <row r="77" spans="2:13" x14ac:dyDescent="0.45">
      <c r="B77">
        <v>1126.4285440000001</v>
      </c>
      <c r="C77">
        <v>93.427993999999998</v>
      </c>
      <c r="D77">
        <v>1126.4285440000001</v>
      </c>
      <c r="E77">
        <v>82.754642000000004</v>
      </c>
      <c r="F77">
        <v>1126.4285440000001</v>
      </c>
      <c r="G77">
        <v>80.601545999999999</v>
      </c>
      <c r="H77">
        <v>1126.4285440000001</v>
      </c>
      <c r="I77">
        <v>79.410476000000003</v>
      </c>
      <c r="J77">
        <v>1126.4285440000001</v>
      </c>
      <c r="K77">
        <v>82.623391999999996</v>
      </c>
      <c r="L77">
        <v>1126.4285440000001</v>
      </c>
      <c r="M77">
        <v>78.632862000000003</v>
      </c>
    </row>
    <row r="78" spans="2:13" x14ac:dyDescent="0.45">
      <c r="B78">
        <v>1128.35736</v>
      </c>
      <c r="C78">
        <v>93.870189999999994</v>
      </c>
      <c r="D78">
        <v>1128.35736</v>
      </c>
      <c r="E78">
        <v>83.316029999999998</v>
      </c>
      <c r="F78">
        <v>1128.35736</v>
      </c>
      <c r="G78">
        <v>81.268583000000007</v>
      </c>
      <c r="H78">
        <v>1128.35736</v>
      </c>
      <c r="I78">
        <v>80.126546000000005</v>
      </c>
      <c r="J78">
        <v>1128.35736</v>
      </c>
      <c r="K78">
        <v>83.252656999999999</v>
      </c>
      <c r="L78">
        <v>1128.35736</v>
      </c>
      <c r="M78">
        <v>79.304321999999999</v>
      </c>
    </row>
    <row r="79" spans="2:13" x14ac:dyDescent="0.45">
      <c r="B79">
        <v>1130.2861760000001</v>
      </c>
      <c r="C79">
        <v>94.230800000000002</v>
      </c>
      <c r="D79">
        <v>1130.2861760000001</v>
      </c>
      <c r="E79">
        <v>83.939306999999999</v>
      </c>
      <c r="F79">
        <v>1130.2861760000001</v>
      </c>
      <c r="G79">
        <v>81.973293999999996</v>
      </c>
      <c r="H79">
        <v>1130.2861760000001</v>
      </c>
      <c r="I79">
        <v>80.879527999999993</v>
      </c>
      <c r="J79">
        <v>1130.2861760000001</v>
      </c>
      <c r="K79">
        <v>83.870239999999995</v>
      </c>
      <c r="L79">
        <v>1130.2861760000001</v>
      </c>
      <c r="M79">
        <v>80.055733000000004</v>
      </c>
    </row>
    <row r="80" spans="2:13" x14ac:dyDescent="0.45">
      <c r="B80">
        <v>1132.2149919999999</v>
      </c>
      <c r="C80">
        <v>94.532407000000006</v>
      </c>
      <c r="D80">
        <v>1132.2149919999999</v>
      </c>
      <c r="E80">
        <v>84.538943000000003</v>
      </c>
      <c r="F80">
        <v>1132.2149919999999</v>
      </c>
      <c r="G80">
        <v>82.444013999999996</v>
      </c>
      <c r="H80">
        <v>1132.2149919999999</v>
      </c>
      <c r="I80">
        <v>81.504255999999998</v>
      </c>
      <c r="J80">
        <v>1132.2149919999999</v>
      </c>
      <c r="K80">
        <v>84.435744</v>
      </c>
      <c r="L80">
        <v>1132.2149919999999</v>
      </c>
      <c r="M80">
        <v>80.539186000000001</v>
      </c>
    </row>
    <row r="81" spans="2:13" x14ac:dyDescent="0.45">
      <c r="B81">
        <v>1134.143808</v>
      </c>
      <c r="C81">
        <v>94.828412999999998</v>
      </c>
      <c r="D81">
        <v>1134.143808</v>
      </c>
      <c r="E81">
        <v>85.146612000000005</v>
      </c>
      <c r="F81">
        <v>1134.143808</v>
      </c>
      <c r="G81">
        <v>82.997693999999996</v>
      </c>
      <c r="H81">
        <v>1134.143808</v>
      </c>
      <c r="I81">
        <v>82.120718999999994</v>
      </c>
      <c r="J81">
        <v>1134.143808</v>
      </c>
      <c r="K81">
        <v>84.970245000000006</v>
      </c>
      <c r="L81">
        <v>1134.143808</v>
      </c>
      <c r="M81">
        <v>81.137742000000003</v>
      </c>
    </row>
    <row r="82" spans="2:13" x14ac:dyDescent="0.45">
      <c r="B82">
        <v>1136.0726239999999</v>
      </c>
      <c r="C82">
        <v>95.085105999999996</v>
      </c>
      <c r="D82">
        <v>1136.0726239999999</v>
      </c>
      <c r="E82">
        <v>85.675847000000005</v>
      </c>
      <c r="F82">
        <v>1136.0726239999999</v>
      </c>
      <c r="G82">
        <v>83.566411000000002</v>
      </c>
      <c r="H82">
        <v>1136.0726239999999</v>
      </c>
      <c r="I82">
        <v>82.684252999999998</v>
      </c>
      <c r="J82">
        <v>1136.0726239999999</v>
      </c>
      <c r="K82">
        <v>85.503777999999997</v>
      </c>
      <c r="L82">
        <v>1136.0726239999999</v>
      </c>
      <c r="M82">
        <v>81.815385000000006</v>
      </c>
    </row>
    <row r="83" spans="2:13" x14ac:dyDescent="0.45">
      <c r="B83">
        <v>1138.00144</v>
      </c>
      <c r="C83">
        <v>95.377713999999997</v>
      </c>
      <c r="D83">
        <v>1138.00144</v>
      </c>
      <c r="E83">
        <v>86.220950000000002</v>
      </c>
      <c r="F83">
        <v>1138.00144</v>
      </c>
      <c r="G83">
        <v>84.134297000000004</v>
      </c>
      <c r="H83">
        <v>1138.00144</v>
      </c>
      <c r="I83">
        <v>83.328270000000003</v>
      </c>
      <c r="J83">
        <v>1138.00144</v>
      </c>
      <c r="K83">
        <v>86.085386999999997</v>
      </c>
      <c r="L83">
        <v>1138.00144</v>
      </c>
      <c r="M83">
        <v>82.487392999999997</v>
      </c>
    </row>
    <row r="84" spans="2:13" x14ac:dyDescent="0.45">
      <c r="B84">
        <v>1139.9302560000001</v>
      </c>
      <c r="C84">
        <v>95.571258999999998</v>
      </c>
      <c r="D84">
        <v>1139.9302560000001</v>
      </c>
      <c r="E84">
        <v>86.665779000000001</v>
      </c>
      <c r="F84">
        <v>1139.9302560000001</v>
      </c>
      <c r="G84">
        <v>84.587653000000003</v>
      </c>
      <c r="H84">
        <v>1139.9302560000001</v>
      </c>
      <c r="I84">
        <v>83.882718999999994</v>
      </c>
      <c r="J84">
        <v>1139.9302560000001</v>
      </c>
      <c r="K84">
        <v>86.584376000000006</v>
      </c>
      <c r="L84">
        <v>1139.9302560000001</v>
      </c>
      <c r="M84">
        <v>82.961072000000001</v>
      </c>
    </row>
    <row r="85" spans="2:13" x14ac:dyDescent="0.45">
      <c r="B85">
        <v>1141.859072</v>
      </c>
      <c r="C85">
        <v>95.824822999999995</v>
      </c>
      <c r="D85">
        <v>1141.859072</v>
      </c>
      <c r="E85">
        <v>87.169066999999998</v>
      </c>
      <c r="F85">
        <v>1141.859072</v>
      </c>
      <c r="G85">
        <v>85.145808000000002</v>
      </c>
      <c r="H85">
        <v>1141.859072</v>
      </c>
      <c r="I85">
        <v>84.529940999999994</v>
      </c>
      <c r="J85">
        <v>1141.859072</v>
      </c>
      <c r="K85">
        <v>87.120755000000003</v>
      </c>
      <c r="L85">
        <v>1141.859072</v>
      </c>
      <c r="M85">
        <v>83.435928000000004</v>
      </c>
    </row>
    <row r="86" spans="2:13" x14ac:dyDescent="0.45">
      <c r="B86">
        <v>1143.7878880000001</v>
      </c>
      <c r="C86">
        <v>96.065945999999997</v>
      </c>
      <c r="D86">
        <v>1143.7878880000001</v>
      </c>
      <c r="E86">
        <v>87.585167999999996</v>
      </c>
      <c r="F86">
        <v>1143.7878880000001</v>
      </c>
      <c r="G86">
        <v>85.668886999999998</v>
      </c>
      <c r="H86">
        <v>1143.7878880000001</v>
      </c>
      <c r="I86">
        <v>85.094190999999995</v>
      </c>
      <c r="J86">
        <v>1143.7878880000001</v>
      </c>
      <c r="K86">
        <v>87.546536000000003</v>
      </c>
      <c r="L86">
        <v>1143.7878880000001</v>
      </c>
      <c r="M86">
        <v>83.991726</v>
      </c>
    </row>
    <row r="87" spans="2:13" x14ac:dyDescent="0.45">
      <c r="B87">
        <v>1145.7167039999999</v>
      </c>
      <c r="C87">
        <v>96.312072000000001</v>
      </c>
      <c r="D87">
        <v>1145.7167039999999</v>
      </c>
      <c r="E87">
        <v>88.016407000000001</v>
      </c>
      <c r="F87">
        <v>1145.7167039999999</v>
      </c>
      <c r="G87">
        <v>86.175627000000006</v>
      </c>
      <c r="H87">
        <v>1145.7167039999999</v>
      </c>
      <c r="I87">
        <v>85.635767000000001</v>
      </c>
      <c r="J87">
        <v>1145.7167039999999</v>
      </c>
      <c r="K87">
        <v>87.996335000000002</v>
      </c>
      <c r="L87">
        <v>1145.7167039999999</v>
      </c>
      <c r="M87">
        <v>84.547747999999999</v>
      </c>
    </row>
    <row r="88" spans="2:13" x14ac:dyDescent="0.45">
      <c r="B88">
        <v>1147.64552</v>
      </c>
      <c r="C88">
        <v>96.508750000000006</v>
      </c>
      <c r="D88">
        <v>1147.64552</v>
      </c>
      <c r="E88">
        <v>88.413897000000006</v>
      </c>
      <c r="F88">
        <v>1147.64552</v>
      </c>
      <c r="G88">
        <v>86.654038</v>
      </c>
      <c r="H88">
        <v>1147.64552</v>
      </c>
      <c r="I88">
        <v>86.113101</v>
      </c>
      <c r="J88">
        <v>1147.64552</v>
      </c>
      <c r="K88">
        <v>88.454251999999997</v>
      </c>
      <c r="L88">
        <v>1147.64552</v>
      </c>
      <c r="M88">
        <v>85.031612999999993</v>
      </c>
    </row>
    <row r="89" spans="2:13" x14ac:dyDescent="0.45">
      <c r="B89">
        <v>1149.5743359999999</v>
      </c>
      <c r="C89">
        <v>96.798412999999996</v>
      </c>
      <c r="D89">
        <v>1149.5743359999999</v>
      </c>
      <c r="E89">
        <v>88.934834000000009</v>
      </c>
      <c r="F89">
        <v>1149.5743359999999</v>
      </c>
      <c r="G89">
        <v>87.243521999999999</v>
      </c>
      <c r="H89">
        <v>1149.5743359999999</v>
      </c>
      <c r="I89">
        <v>86.742981</v>
      </c>
      <c r="J89">
        <v>1149.5743359999999</v>
      </c>
      <c r="K89">
        <v>88.920726999999999</v>
      </c>
      <c r="L89">
        <v>1149.5743359999999</v>
      </c>
      <c r="M89">
        <v>85.591761000000005</v>
      </c>
    </row>
    <row r="90" spans="2:13" x14ac:dyDescent="0.45">
      <c r="B90">
        <v>1151.503152</v>
      </c>
      <c r="C90">
        <v>96.988707000000005</v>
      </c>
      <c r="D90">
        <v>1151.503152</v>
      </c>
      <c r="E90">
        <v>89.384326000000001</v>
      </c>
      <c r="F90">
        <v>1151.503152</v>
      </c>
      <c r="G90">
        <v>87.772615999999999</v>
      </c>
      <c r="H90">
        <v>1151.503152</v>
      </c>
      <c r="I90">
        <v>87.374921999999998</v>
      </c>
      <c r="J90">
        <v>1151.503152</v>
      </c>
      <c r="K90">
        <v>89.376711</v>
      </c>
      <c r="L90">
        <v>1151.503152</v>
      </c>
      <c r="M90">
        <v>86.100789000000006</v>
      </c>
    </row>
    <row r="91" spans="2:13" x14ac:dyDescent="0.45">
      <c r="B91">
        <v>1153.4319680000001</v>
      </c>
      <c r="C91">
        <v>97.170067000000003</v>
      </c>
      <c r="D91">
        <v>1153.4319680000001</v>
      </c>
      <c r="E91">
        <v>89.827646999999999</v>
      </c>
      <c r="F91">
        <v>1153.4319680000001</v>
      </c>
      <c r="G91">
        <v>88.210245999999998</v>
      </c>
      <c r="H91">
        <v>1153.4319680000001</v>
      </c>
      <c r="I91">
        <v>87.915927999999994</v>
      </c>
      <c r="J91">
        <v>1153.4319680000001</v>
      </c>
      <c r="K91">
        <v>89.813365000000005</v>
      </c>
      <c r="L91">
        <v>1153.4319680000001</v>
      </c>
      <c r="M91">
        <v>86.537053999999998</v>
      </c>
    </row>
    <row r="92" spans="2:13" x14ac:dyDescent="0.45">
      <c r="B92">
        <v>1155.360784</v>
      </c>
      <c r="C92">
        <v>97.365617999999998</v>
      </c>
      <c r="D92">
        <v>1155.360784</v>
      </c>
      <c r="E92">
        <v>90.224171999999996</v>
      </c>
      <c r="F92">
        <v>1155.360784</v>
      </c>
      <c r="G92">
        <v>88.652234000000007</v>
      </c>
      <c r="H92">
        <v>1155.360784</v>
      </c>
      <c r="I92">
        <v>88.438716999999997</v>
      </c>
      <c r="J92">
        <v>1155.360784</v>
      </c>
      <c r="K92">
        <v>90.263025999999996</v>
      </c>
      <c r="L92">
        <v>1155.360784</v>
      </c>
      <c r="M92">
        <v>87.000836000000007</v>
      </c>
    </row>
    <row r="93" spans="2:13" x14ac:dyDescent="0.45">
      <c r="B93">
        <v>1157.2896000000001</v>
      </c>
      <c r="C93">
        <v>97.651589999999999</v>
      </c>
      <c r="D93">
        <v>1157.2896000000001</v>
      </c>
      <c r="E93">
        <v>90.744666000000009</v>
      </c>
      <c r="F93">
        <v>1157.2896000000001</v>
      </c>
      <c r="G93">
        <v>89.180135000000007</v>
      </c>
      <c r="H93">
        <v>1157.2896000000001</v>
      </c>
      <c r="I93">
        <v>89.032587000000007</v>
      </c>
      <c r="J93">
        <v>1157.2896000000001</v>
      </c>
      <c r="K93">
        <v>90.774867999999998</v>
      </c>
      <c r="L93">
        <v>1157.2896000000001</v>
      </c>
      <c r="M93">
        <v>87.542062999999999</v>
      </c>
    </row>
    <row r="94" spans="2:13" x14ac:dyDescent="0.45">
      <c r="B94">
        <v>1159.2184159999999</v>
      </c>
      <c r="C94">
        <v>97.786777000000001</v>
      </c>
      <c r="D94">
        <v>1159.2184159999999</v>
      </c>
      <c r="E94">
        <v>91.165129000000007</v>
      </c>
      <c r="F94">
        <v>1159.2184159999999</v>
      </c>
      <c r="G94">
        <v>89.608528000000007</v>
      </c>
      <c r="H94">
        <v>1159.2184159999999</v>
      </c>
      <c r="I94">
        <v>89.618060999999997</v>
      </c>
      <c r="J94">
        <v>1159.2184159999999</v>
      </c>
      <c r="K94">
        <v>91.113876000000005</v>
      </c>
      <c r="L94">
        <v>1159.2184159999999</v>
      </c>
      <c r="M94">
        <v>88.003861000000001</v>
      </c>
    </row>
    <row r="95" spans="2:13" x14ac:dyDescent="0.45">
      <c r="B95">
        <v>1161.147232</v>
      </c>
      <c r="C95">
        <v>97.888953000000001</v>
      </c>
      <c r="D95">
        <v>1161.147232</v>
      </c>
      <c r="E95">
        <v>91.523666000000006</v>
      </c>
      <c r="F95">
        <v>1161.147232</v>
      </c>
      <c r="G95">
        <v>90.090289999999996</v>
      </c>
      <c r="H95">
        <v>1161.147232</v>
      </c>
      <c r="I95">
        <v>90.226011</v>
      </c>
      <c r="J95">
        <v>1161.147232</v>
      </c>
      <c r="K95">
        <v>91.531240999999994</v>
      </c>
      <c r="L95">
        <v>1161.147232</v>
      </c>
      <c r="M95">
        <v>88.416113999999993</v>
      </c>
    </row>
    <row r="96" spans="2:13" x14ac:dyDescent="0.45">
      <c r="B96">
        <v>1163.0760479999999</v>
      </c>
      <c r="C96">
        <v>98.136341000000002</v>
      </c>
      <c r="D96">
        <v>1163.0760479999999</v>
      </c>
      <c r="E96">
        <v>91.855758000000009</v>
      </c>
      <c r="F96">
        <v>1163.0760479999999</v>
      </c>
      <c r="G96">
        <v>90.542283999999995</v>
      </c>
      <c r="H96">
        <v>1163.0760479999999</v>
      </c>
      <c r="I96">
        <v>90.768172000000007</v>
      </c>
      <c r="J96">
        <v>1163.0760479999999</v>
      </c>
      <c r="K96">
        <v>92.032687999999993</v>
      </c>
      <c r="L96">
        <v>1163.0760479999999</v>
      </c>
      <c r="M96">
        <v>88.767173</v>
      </c>
    </row>
    <row r="97" spans="2:13" x14ac:dyDescent="0.45">
      <c r="B97">
        <v>1165.004864</v>
      </c>
      <c r="C97">
        <v>98.444755000000001</v>
      </c>
      <c r="D97">
        <v>1165.004864</v>
      </c>
      <c r="E97">
        <v>92.323014000000001</v>
      </c>
      <c r="F97">
        <v>1165.004864</v>
      </c>
      <c r="G97">
        <v>91.034762999999998</v>
      </c>
      <c r="H97">
        <v>1165.004864</v>
      </c>
      <c r="I97">
        <v>91.291060999999999</v>
      </c>
      <c r="J97">
        <v>1165.004864</v>
      </c>
      <c r="K97">
        <v>92.487628999999998</v>
      </c>
      <c r="L97">
        <v>1165.004864</v>
      </c>
      <c r="M97">
        <v>89.264832999999996</v>
      </c>
    </row>
    <row r="98" spans="2:13" x14ac:dyDescent="0.45">
      <c r="B98">
        <v>1166.9336800000001</v>
      </c>
      <c r="C98">
        <v>98.662797999999995</v>
      </c>
      <c r="D98">
        <v>1166.9336800000001</v>
      </c>
      <c r="E98">
        <v>92.655765000000002</v>
      </c>
      <c r="F98">
        <v>1166.9336800000001</v>
      </c>
      <c r="G98">
        <v>91.458439999999996</v>
      </c>
      <c r="H98">
        <v>1166.9336800000001</v>
      </c>
      <c r="I98">
        <v>91.818749999999994</v>
      </c>
      <c r="J98">
        <v>1166.9336800000001</v>
      </c>
      <c r="K98">
        <v>92.795372</v>
      </c>
      <c r="L98">
        <v>1166.9336800000001</v>
      </c>
      <c r="M98">
        <v>89.689623999999995</v>
      </c>
    </row>
    <row r="99" spans="2:13" x14ac:dyDescent="0.45">
      <c r="B99">
        <v>1168.862496</v>
      </c>
      <c r="C99">
        <v>98.824256000000005</v>
      </c>
      <c r="D99">
        <v>1168.862496</v>
      </c>
      <c r="E99">
        <v>93.063853000000009</v>
      </c>
      <c r="F99">
        <v>1168.862496</v>
      </c>
      <c r="G99">
        <v>91.961268000000004</v>
      </c>
      <c r="H99">
        <v>1168.862496</v>
      </c>
      <c r="I99">
        <v>92.403216</v>
      </c>
      <c r="J99">
        <v>1168.862496</v>
      </c>
      <c r="K99">
        <v>93.203550000000007</v>
      </c>
      <c r="L99">
        <v>1168.862496</v>
      </c>
      <c r="M99">
        <v>90.102288999999999</v>
      </c>
    </row>
    <row r="100" spans="2:13" x14ac:dyDescent="0.45">
      <c r="B100">
        <v>1170.7913120000001</v>
      </c>
      <c r="C100">
        <v>98.966133999999997</v>
      </c>
      <c r="D100">
        <v>1170.7913120000001</v>
      </c>
      <c r="E100">
        <v>93.433639999999997</v>
      </c>
      <c r="F100">
        <v>1170.7913120000001</v>
      </c>
      <c r="G100">
        <v>92.416542000000007</v>
      </c>
      <c r="H100">
        <v>1170.7913120000001</v>
      </c>
      <c r="I100">
        <v>92.947248000000002</v>
      </c>
      <c r="J100">
        <v>1170.7913120000001</v>
      </c>
      <c r="K100">
        <v>93.552702999999994</v>
      </c>
      <c r="L100">
        <v>1170.7913120000001</v>
      </c>
      <c r="M100">
        <v>90.461224999999999</v>
      </c>
    </row>
    <row r="101" spans="2:13" x14ac:dyDescent="0.45">
      <c r="B101">
        <v>1172.7201279999999</v>
      </c>
      <c r="C101">
        <v>99.166422999999995</v>
      </c>
      <c r="D101">
        <v>1172.7201279999999</v>
      </c>
      <c r="E101">
        <v>93.771073000000001</v>
      </c>
      <c r="F101">
        <v>1172.7201279999999</v>
      </c>
      <c r="G101">
        <v>92.853948000000003</v>
      </c>
      <c r="H101">
        <v>1172.7201279999999</v>
      </c>
      <c r="I101">
        <v>93.346278999999996</v>
      </c>
      <c r="J101">
        <v>1172.7201279999999</v>
      </c>
      <c r="K101">
        <v>93.845011</v>
      </c>
      <c r="L101">
        <v>1172.7201279999999</v>
      </c>
      <c r="M101">
        <v>90.884619000000001</v>
      </c>
    </row>
    <row r="102" spans="2:13" x14ac:dyDescent="0.45">
      <c r="B102">
        <v>1174.648944</v>
      </c>
      <c r="C102">
        <v>99.353353999999996</v>
      </c>
      <c r="D102">
        <v>1174.648944</v>
      </c>
      <c r="E102">
        <v>94.152372999999997</v>
      </c>
      <c r="F102">
        <v>1174.648944</v>
      </c>
      <c r="G102">
        <v>93.263095000000007</v>
      </c>
      <c r="H102">
        <v>1174.648944</v>
      </c>
      <c r="I102">
        <v>93.618615000000005</v>
      </c>
      <c r="J102">
        <v>1174.648944</v>
      </c>
      <c r="K102">
        <v>94.236859999999993</v>
      </c>
      <c r="L102">
        <v>1174.648944</v>
      </c>
      <c r="M102">
        <v>91.282985999999994</v>
      </c>
    </row>
    <row r="103" spans="2:13" x14ac:dyDescent="0.45">
      <c r="B103">
        <v>1176.5777599999999</v>
      </c>
      <c r="C103">
        <v>99.645212999999998</v>
      </c>
      <c r="D103">
        <v>1176.5777599999999</v>
      </c>
      <c r="E103">
        <v>94.546957000000006</v>
      </c>
      <c r="F103">
        <v>1176.5777599999999</v>
      </c>
      <c r="G103">
        <v>93.691129000000004</v>
      </c>
      <c r="H103">
        <v>1176.5777599999999</v>
      </c>
      <c r="I103">
        <v>93.983203000000003</v>
      </c>
      <c r="J103">
        <v>1176.5777599999999</v>
      </c>
      <c r="K103">
        <v>94.628450999999998</v>
      </c>
      <c r="L103">
        <v>1176.5777599999999</v>
      </c>
      <c r="M103">
        <v>91.642593000000005</v>
      </c>
    </row>
    <row r="104" spans="2:13" x14ac:dyDescent="0.45">
      <c r="B104">
        <v>1178.506576</v>
      </c>
      <c r="C104">
        <v>99.860898000000006</v>
      </c>
      <c r="D104">
        <v>1178.506576</v>
      </c>
      <c r="E104">
        <v>94.878354999999999</v>
      </c>
      <c r="F104">
        <v>1178.506576</v>
      </c>
      <c r="G104">
        <v>93.984487999999999</v>
      </c>
      <c r="H104">
        <v>1178.506576</v>
      </c>
      <c r="I104">
        <v>94.288045999999994</v>
      </c>
      <c r="J104">
        <v>1178.506576</v>
      </c>
      <c r="K104">
        <v>94.894941000000003</v>
      </c>
      <c r="L104">
        <v>1178.506576</v>
      </c>
      <c r="M104">
        <v>91.934972999999999</v>
      </c>
    </row>
    <row r="105" spans="2:13" x14ac:dyDescent="0.45">
      <c r="B105">
        <v>1180.4353920000001</v>
      </c>
      <c r="C105">
        <v>100.059251</v>
      </c>
      <c r="D105">
        <v>1180.4353920000001</v>
      </c>
      <c r="E105">
        <v>95.181942000000006</v>
      </c>
      <c r="F105">
        <v>1180.4353920000001</v>
      </c>
      <c r="G105">
        <v>94.267718000000002</v>
      </c>
      <c r="H105">
        <v>1180.4353920000001</v>
      </c>
      <c r="I105">
        <v>94.629277000000002</v>
      </c>
      <c r="J105">
        <v>1180.4353920000001</v>
      </c>
      <c r="K105">
        <v>95.273990999999995</v>
      </c>
      <c r="L105">
        <v>1180.4353920000001</v>
      </c>
      <c r="M105">
        <v>92.208402000000007</v>
      </c>
    </row>
    <row r="106" spans="2:13" x14ac:dyDescent="0.45">
      <c r="B106">
        <v>1182.364208</v>
      </c>
      <c r="C106">
        <v>100.20415300000001</v>
      </c>
      <c r="D106">
        <v>1182.364208</v>
      </c>
      <c r="E106">
        <v>95.504238999999998</v>
      </c>
      <c r="F106">
        <v>1182.364208</v>
      </c>
      <c r="G106">
        <v>94.579049999999995</v>
      </c>
      <c r="H106">
        <v>1182.364208</v>
      </c>
      <c r="I106">
        <v>94.999454999999998</v>
      </c>
      <c r="J106">
        <v>1182.364208</v>
      </c>
      <c r="K106">
        <v>95.629302999999993</v>
      </c>
      <c r="L106">
        <v>1182.364208</v>
      </c>
      <c r="M106">
        <v>92.474742000000006</v>
      </c>
    </row>
    <row r="107" spans="2:13" x14ac:dyDescent="0.45">
      <c r="B107">
        <v>1184.2930240000001</v>
      </c>
      <c r="C107">
        <v>100.429997</v>
      </c>
      <c r="D107">
        <v>1184.2930240000001</v>
      </c>
      <c r="E107">
        <v>95.821571000000006</v>
      </c>
      <c r="F107">
        <v>1184.2930240000001</v>
      </c>
      <c r="G107">
        <v>94.898049</v>
      </c>
      <c r="H107">
        <v>1184.2930240000001</v>
      </c>
      <c r="I107">
        <v>95.324507999999994</v>
      </c>
      <c r="J107">
        <v>1184.2930240000001</v>
      </c>
      <c r="K107">
        <v>95.860501999999997</v>
      </c>
      <c r="L107">
        <v>1184.2930240000001</v>
      </c>
      <c r="M107">
        <v>92.831383000000002</v>
      </c>
    </row>
    <row r="108" spans="2:13" x14ac:dyDescent="0.45">
      <c r="B108">
        <v>1186.2218399999999</v>
      </c>
      <c r="C108">
        <v>100.581937</v>
      </c>
      <c r="D108">
        <v>1186.2218399999999</v>
      </c>
      <c r="E108">
        <v>96.090012000000002</v>
      </c>
      <c r="F108">
        <v>1186.2218399999999</v>
      </c>
      <c r="G108">
        <v>95.214680999999999</v>
      </c>
      <c r="H108">
        <v>1186.2218399999999</v>
      </c>
      <c r="I108">
        <v>95.541310999999993</v>
      </c>
      <c r="J108">
        <v>1186.2218399999999</v>
      </c>
      <c r="K108">
        <v>96.163483999999997</v>
      </c>
      <c r="L108">
        <v>1186.2218399999999</v>
      </c>
      <c r="M108">
        <v>93.137078000000002</v>
      </c>
    </row>
    <row r="109" spans="2:13" x14ac:dyDescent="0.45">
      <c r="B109">
        <v>1188.150656</v>
      </c>
      <c r="C109">
        <v>100.805801</v>
      </c>
      <c r="D109">
        <v>1188.150656</v>
      </c>
      <c r="E109">
        <v>96.379362</v>
      </c>
      <c r="F109">
        <v>1188.150656</v>
      </c>
      <c r="G109">
        <v>95.588367000000005</v>
      </c>
      <c r="H109">
        <v>1188.150656</v>
      </c>
      <c r="I109">
        <v>95.761702</v>
      </c>
      <c r="J109">
        <v>1188.150656</v>
      </c>
      <c r="K109">
        <v>96.448590999999993</v>
      </c>
      <c r="L109">
        <v>1188.150656</v>
      </c>
      <c r="M109">
        <v>93.409548999999998</v>
      </c>
    </row>
    <row r="110" spans="2:13" x14ac:dyDescent="0.45">
      <c r="B110">
        <v>1190.0794719999999</v>
      </c>
      <c r="C110">
        <v>101.062297</v>
      </c>
      <c r="D110">
        <v>1190.0794719999999</v>
      </c>
      <c r="E110">
        <v>96.597092000000004</v>
      </c>
      <c r="F110">
        <v>1190.0794719999999</v>
      </c>
      <c r="G110">
        <v>95.888542000000001</v>
      </c>
      <c r="H110">
        <v>1190.0794719999999</v>
      </c>
      <c r="I110">
        <v>95.992906000000005</v>
      </c>
      <c r="J110">
        <v>1190.0794719999999</v>
      </c>
      <c r="K110">
        <v>96.588013000000004</v>
      </c>
      <c r="L110">
        <v>1190.0794719999999</v>
      </c>
      <c r="M110">
        <v>93.709592999999998</v>
      </c>
    </row>
    <row r="111" spans="2:13" x14ac:dyDescent="0.45">
      <c r="B111">
        <v>1192.008288</v>
      </c>
      <c r="C111">
        <v>101.287357</v>
      </c>
      <c r="D111">
        <v>1192.008288</v>
      </c>
      <c r="E111">
        <v>96.915469999999999</v>
      </c>
      <c r="F111">
        <v>1192.008288</v>
      </c>
      <c r="G111">
        <v>96.142343999999994</v>
      </c>
      <c r="H111">
        <v>1192.008288</v>
      </c>
      <c r="I111">
        <v>96.273628000000002</v>
      </c>
      <c r="J111">
        <v>1192.008288</v>
      </c>
      <c r="K111">
        <v>96.885784999999998</v>
      </c>
      <c r="L111">
        <v>1192.008288</v>
      </c>
      <c r="M111">
        <v>94.082452000000004</v>
      </c>
    </row>
    <row r="112" spans="2:13" x14ac:dyDescent="0.45">
      <c r="B112">
        <v>1193.9371040000001</v>
      </c>
      <c r="C112">
        <v>101.471799</v>
      </c>
      <c r="D112">
        <v>1193.9371040000001</v>
      </c>
      <c r="E112">
        <v>97.26377500000001</v>
      </c>
      <c r="F112">
        <v>1193.9371040000001</v>
      </c>
      <c r="G112">
        <v>96.428019000000006</v>
      </c>
      <c r="H112">
        <v>1193.9371040000001</v>
      </c>
      <c r="I112">
        <v>96.569018</v>
      </c>
      <c r="J112">
        <v>1193.9371040000001</v>
      </c>
      <c r="K112">
        <v>97.182557000000003</v>
      </c>
      <c r="L112">
        <v>1193.9371040000001</v>
      </c>
      <c r="M112">
        <v>94.462732000000003</v>
      </c>
    </row>
    <row r="113" spans="2:13" x14ac:dyDescent="0.45">
      <c r="B113">
        <v>1195.86592</v>
      </c>
      <c r="C113">
        <v>101.69007999999999</v>
      </c>
      <c r="D113">
        <v>1195.86592</v>
      </c>
      <c r="E113">
        <v>97.674250999999998</v>
      </c>
      <c r="F113">
        <v>1195.86592</v>
      </c>
      <c r="G113">
        <v>96.806072999999998</v>
      </c>
      <c r="H113">
        <v>1195.86592</v>
      </c>
      <c r="I113">
        <v>96.863840999999994</v>
      </c>
      <c r="J113">
        <v>1195.86592</v>
      </c>
      <c r="K113">
        <v>97.508587000000006</v>
      </c>
      <c r="L113">
        <v>1195.86592</v>
      </c>
      <c r="M113">
        <v>94.879219000000006</v>
      </c>
    </row>
    <row r="114" spans="2:13" x14ac:dyDescent="0.45">
      <c r="B114">
        <v>1197.7947360000001</v>
      </c>
      <c r="C114">
        <v>101.853994</v>
      </c>
      <c r="D114">
        <v>1197.7947360000001</v>
      </c>
      <c r="E114">
        <v>98.052279999999996</v>
      </c>
      <c r="F114">
        <v>1197.7947360000001</v>
      </c>
      <c r="G114">
        <v>97.153458999999998</v>
      </c>
      <c r="H114">
        <v>1197.7947360000001</v>
      </c>
      <c r="I114">
        <v>97.202057999999994</v>
      </c>
      <c r="J114">
        <v>1197.7947360000001</v>
      </c>
      <c r="K114">
        <v>97.879677000000001</v>
      </c>
      <c r="L114">
        <v>1197.7947360000001</v>
      </c>
      <c r="M114">
        <v>95.315996999999996</v>
      </c>
    </row>
    <row r="115" spans="2:13" x14ac:dyDescent="0.45">
      <c r="B115">
        <v>1199.7235519999999</v>
      </c>
      <c r="C115">
        <v>102.04367999999999</v>
      </c>
      <c r="D115">
        <v>1199.7235519999999</v>
      </c>
      <c r="E115">
        <v>98.345954000000006</v>
      </c>
      <c r="F115">
        <v>1199.7235519999999</v>
      </c>
      <c r="G115">
        <v>97.480548999999996</v>
      </c>
      <c r="H115">
        <v>1199.7235519999999</v>
      </c>
      <c r="I115">
        <v>97.651584999999997</v>
      </c>
      <c r="J115">
        <v>1199.7235519999999</v>
      </c>
      <c r="K115">
        <v>98.184617000000003</v>
      </c>
      <c r="L115">
        <v>1199.7235519999999</v>
      </c>
      <c r="M115">
        <v>95.665255000000002</v>
      </c>
    </row>
    <row r="116" spans="2:13" x14ac:dyDescent="0.45">
      <c r="B116">
        <v>1201.652368</v>
      </c>
      <c r="C116">
        <v>102.23920200000001</v>
      </c>
      <c r="D116">
        <v>1201.652368</v>
      </c>
      <c r="E116">
        <v>98.659384000000003</v>
      </c>
      <c r="F116">
        <v>1201.652368</v>
      </c>
      <c r="G116">
        <v>97.803741000000002</v>
      </c>
      <c r="H116">
        <v>1201.652368</v>
      </c>
      <c r="I116">
        <v>97.987814999999998</v>
      </c>
      <c r="J116">
        <v>1201.652368</v>
      </c>
      <c r="K116">
        <v>98.437495999999996</v>
      </c>
      <c r="L116">
        <v>1201.652368</v>
      </c>
      <c r="M116">
        <v>95.951459999999997</v>
      </c>
    </row>
    <row r="117" spans="2:13" x14ac:dyDescent="0.45">
      <c r="B117">
        <v>1203.5811839999999</v>
      </c>
      <c r="C117">
        <v>102.466424</v>
      </c>
      <c r="D117">
        <v>1203.5811839999999</v>
      </c>
      <c r="E117">
        <v>99.079833000000008</v>
      </c>
      <c r="F117">
        <v>1203.5811839999999</v>
      </c>
      <c r="G117">
        <v>98.205466000000001</v>
      </c>
      <c r="H117">
        <v>1203.5811839999999</v>
      </c>
      <c r="I117">
        <v>98.281518000000005</v>
      </c>
      <c r="J117">
        <v>1203.5811839999999</v>
      </c>
      <c r="K117">
        <v>98.858529000000004</v>
      </c>
      <c r="L117">
        <v>1203.5811839999999</v>
      </c>
      <c r="M117">
        <v>96.348056999999997</v>
      </c>
    </row>
    <row r="118" spans="2:13" x14ac:dyDescent="0.45">
      <c r="B118">
        <v>1205.51</v>
      </c>
      <c r="C118">
        <v>102.73026299999999</v>
      </c>
      <c r="D118">
        <v>1205.51</v>
      </c>
      <c r="E118">
        <v>99.488545999999999</v>
      </c>
      <c r="F118">
        <v>1205.51</v>
      </c>
      <c r="G118">
        <v>98.503179000000003</v>
      </c>
      <c r="H118">
        <v>1205.51</v>
      </c>
      <c r="I118">
        <v>98.554846999999995</v>
      </c>
      <c r="J118">
        <v>1205.51</v>
      </c>
      <c r="K118">
        <v>99.343048999999993</v>
      </c>
      <c r="L118">
        <v>1205.51</v>
      </c>
      <c r="M118">
        <v>96.693036000000006</v>
      </c>
    </row>
    <row r="119" spans="2:13" x14ac:dyDescent="0.45">
      <c r="B119">
        <v>1207.4388160000001</v>
      </c>
      <c r="C119">
        <v>102.948239</v>
      </c>
      <c r="D119">
        <v>1207.4388160000001</v>
      </c>
      <c r="E119">
        <v>99.907526000000004</v>
      </c>
      <c r="F119">
        <v>1207.4388160000001</v>
      </c>
      <c r="G119">
        <v>98.924915999999996</v>
      </c>
      <c r="H119">
        <v>1207.4388160000001</v>
      </c>
      <c r="I119">
        <v>98.911321999999998</v>
      </c>
      <c r="J119">
        <v>1207.4388160000001</v>
      </c>
      <c r="K119">
        <v>99.577451999999994</v>
      </c>
      <c r="L119">
        <v>1207.4388160000001</v>
      </c>
      <c r="M119">
        <v>97.090074000000001</v>
      </c>
    </row>
    <row r="120" spans="2:13" x14ac:dyDescent="0.45">
      <c r="B120">
        <v>1209.367632</v>
      </c>
      <c r="C120">
        <v>103.152918</v>
      </c>
      <c r="D120">
        <v>1209.367632</v>
      </c>
      <c r="E120">
        <v>100.245949</v>
      </c>
      <c r="F120">
        <v>1209.367632</v>
      </c>
      <c r="G120">
        <v>99.3386</v>
      </c>
      <c r="H120">
        <v>1209.367632</v>
      </c>
      <c r="I120">
        <v>99.250479999999996</v>
      </c>
      <c r="J120">
        <v>1209.367632</v>
      </c>
      <c r="K120">
        <v>99.746274999999997</v>
      </c>
      <c r="L120">
        <v>1209.367632</v>
      </c>
      <c r="M120">
        <v>97.594384000000005</v>
      </c>
    </row>
    <row r="121" spans="2:13" x14ac:dyDescent="0.45">
      <c r="B121">
        <v>1211.2964480000001</v>
      </c>
      <c r="C121">
        <v>103.41934000000001</v>
      </c>
      <c r="D121">
        <v>1211.2964480000001</v>
      </c>
      <c r="E121">
        <v>100.529168</v>
      </c>
      <c r="F121">
        <v>1211.2964480000001</v>
      </c>
      <c r="G121">
        <v>99.688090000000003</v>
      </c>
      <c r="H121">
        <v>1211.2964480000001</v>
      </c>
      <c r="I121">
        <v>99.600382999999994</v>
      </c>
      <c r="J121">
        <v>1211.2964480000001</v>
      </c>
      <c r="K121">
        <v>100.277</v>
      </c>
      <c r="L121">
        <v>1211.2964480000001</v>
      </c>
      <c r="M121">
        <v>98.162019000000001</v>
      </c>
    </row>
    <row r="122" spans="2:13" x14ac:dyDescent="0.45">
      <c r="B122">
        <v>1213.2252639999999</v>
      </c>
      <c r="C122">
        <v>103.59272199999999</v>
      </c>
      <c r="D122">
        <v>1213.2252639999999</v>
      </c>
      <c r="E122">
        <v>100.871257</v>
      </c>
      <c r="F122">
        <v>1213.2252639999999</v>
      </c>
      <c r="G122">
        <v>100.050117</v>
      </c>
      <c r="H122">
        <v>1213.2252639999999</v>
      </c>
      <c r="I122">
        <v>99.883482999999998</v>
      </c>
      <c r="J122">
        <v>1213.2252639999999</v>
      </c>
      <c r="K122">
        <v>100.77794799999999</v>
      </c>
      <c r="L122">
        <v>1213.2252639999999</v>
      </c>
      <c r="M122">
        <v>98.662037999999995</v>
      </c>
    </row>
    <row r="123" spans="2:13" x14ac:dyDescent="0.45">
      <c r="B123">
        <v>1215.15408</v>
      </c>
      <c r="C123">
        <v>103.778589</v>
      </c>
      <c r="D123">
        <v>1215.15408</v>
      </c>
      <c r="E123">
        <v>101.24367000000001</v>
      </c>
      <c r="F123">
        <v>1215.15408</v>
      </c>
      <c r="G123">
        <v>100.48891</v>
      </c>
      <c r="H123">
        <v>1215.15408</v>
      </c>
      <c r="I123">
        <v>100.169926</v>
      </c>
      <c r="J123">
        <v>1215.15408</v>
      </c>
      <c r="K123">
        <v>101.20492900000001</v>
      </c>
      <c r="L123">
        <v>1215.15408</v>
      </c>
      <c r="M123">
        <v>99.096457000000001</v>
      </c>
    </row>
    <row r="124" spans="2:13" x14ac:dyDescent="0.45">
      <c r="B124">
        <v>1217.0828959999999</v>
      </c>
      <c r="C124">
        <v>104.10314700000001</v>
      </c>
      <c r="D124">
        <v>1217.0828959999999</v>
      </c>
      <c r="E124">
        <v>101.52635500000001</v>
      </c>
      <c r="F124">
        <v>1217.0828959999999</v>
      </c>
      <c r="G124">
        <v>100.810187</v>
      </c>
      <c r="H124">
        <v>1217.0828959999999</v>
      </c>
      <c r="I124">
        <v>100.46029900000001</v>
      </c>
      <c r="J124">
        <v>1217.0828959999999</v>
      </c>
      <c r="K124">
        <v>101.59993799999999</v>
      </c>
      <c r="L124">
        <v>1217.0828959999999</v>
      </c>
      <c r="M124">
        <v>99.537068000000005</v>
      </c>
    </row>
    <row r="125" spans="2:13" x14ac:dyDescent="0.45">
      <c r="B125">
        <v>1219.011712</v>
      </c>
      <c r="C125">
        <v>104.42181100000001</v>
      </c>
      <c r="D125">
        <v>1219.011712</v>
      </c>
      <c r="E125">
        <v>101.89376300000001</v>
      </c>
      <c r="F125">
        <v>1219.011712</v>
      </c>
      <c r="G125">
        <v>101.17274399999999</v>
      </c>
      <c r="H125">
        <v>1219.011712</v>
      </c>
      <c r="I125">
        <v>100.857213</v>
      </c>
      <c r="J125">
        <v>1219.011712</v>
      </c>
      <c r="K125">
        <v>101.966007</v>
      </c>
      <c r="L125">
        <v>1219.011712</v>
      </c>
      <c r="M125">
        <v>100.02337199999999</v>
      </c>
    </row>
    <row r="126" spans="2:13" x14ac:dyDescent="0.45">
      <c r="B126">
        <v>1220.9405280000001</v>
      </c>
      <c r="C126">
        <v>104.58462400000001</v>
      </c>
      <c r="D126">
        <v>1220.9405280000001</v>
      </c>
      <c r="E126">
        <v>102.23709100000001</v>
      </c>
      <c r="F126">
        <v>1220.9405280000001</v>
      </c>
      <c r="G126">
        <v>101.509535</v>
      </c>
      <c r="H126">
        <v>1220.9405280000001</v>
      </c>
      <c r="I126">
        <v>101.195198</v>
      </c>
      <c r="J126">
        <v>1220.9405280000001</v>
      </c>
      <c r="K126">
        <v>102.359943</v>
      </c>
      <c r="L126">
        <v>1220.9405280000001</v>
      </c>
      <c r="M126">
        <v>100.48629699999999</v>
      </c>
    </row>
    <row r="127" spans="2:13" x14ac:dyDescent="0.45">
      <c r="B127">
        <v>1222.869344</v>
      </c>
      <c r="C127">
        <v>104.82181199999999</v>
      </c>
      <c r="D127">
        <v>1222.869344</v>
      </c>
      <c r="E127">
        <v>102.675191</v>
      </c>
      <c r="F127">
        <v>1222.869344</v>
      </c>
      <c r="G127">
        <v>101.84508599999999</v>
      </c>
      <c r="H127">
        <v>1222.869344</v>
      </c>
      <c r="I127">
        <v>101.58129700000001</v>
      </c>
      <c r="J127">
        <v>1222.869344</v>
      </c>
      <c r="K127">
        <v>102.79074900000001</v>
      </c>
      <c r="L127">
        <v>1222.869344</v>
      </c>
      <c r="M127">
        <v>101.005734</v>
      </c>
    </row>
    <row r="128" spans="2:13" x14ac:dyDescent="0.45">
      <c r="B128">
        <v>1224.7981600000001</v>
      </c>
      <c r="C128">
        <v>105.063812</v>
      </c>
      <c r="D128">
        <v>1224.7981600000001</v>
      </c>
      <c r="E128">
        <v>103.097159</v>
      </c>
      <c r="F128">
        <v>1224.7981600000001</v>
      </c>
      <c r="G128">
        <v>102.294427</v>
      </c>
      <c r="H128">
        <v>1224.7981600000001</v>
      </c>
      <c r="I128">
        <v>101.99067100000001</v>
      </c>
      <c r="J128">
        <v>1224.7981600000001</v>
      </c>
      <c r="K128">
        <v>103.30670000000001</v>
      </c>
      <c r="L128">
        <v>1224.7981600000001</v>
      </c>
      <c r="M128">
        <v>101.54047300000001</v>
      </c>
    </row>
    <row r="129" spans="2:13" x14ac:dyDescent="0.45">
      <c r="B129">
        <v>1226.7269759999999</v>
      </c>
      <c r="C129">
        <v>105.373721</v>
      </c>
      <c r="D129">
        <v>1226.7269759999999</v>
      </c>
      <c r="E129">
        <v>103.50130300000001</v>
      </c>
      <c r="F129">
        <v>1226.7269759999999</v>
      </c>
      <c r="G129">
        <v>102.82938</v>
      </c>
      <c r="H129">
        <v>1226.7269759999999</v>
      </c>
      <c r="I129">
        <v>102.367041</v>
      </c>
      <c r="J129">
        <v>1226.7269759999999</v>
      </c>
      <c r="K129">
        <v>103.784451</v>
      </c>
      <c r="L129">
        <v>1226.7269759999999</v>
      </c>
      <c r="M129">
        <v>102.05289999999999</v>
      </c>
    </row>
    <row r="130" spans="2:13" x14ac:dyDescent="0.45">
      <c r="B130">
        <v>1228.655792</v>
      </c>
      <c r="C130">
        <v>105.691975</v>
      </c>
      <c r="D130">
        <v>1228.655792</v>
      </c>
      <c r="E130">
        <v>103.95141000000001</v>
      </c>
      <c r="F130">
        <v>1228.655792</v>
      </c>
      <c r="G130">
        <v>103.227721</v>
      </c>
      <c r="H130">
        <v>1228.655792</v>
      </c>
      <c r="I130">
        <v>102.680752</v>
      </c>
      <c r="J130">
        <v>1228.655792</v>
      </c>
      <c r="K130">
        <v>104.267634</v>
      </c>
      <c r="L130">
        <v>1228.655792</v>
      </c>
      <c r="M130">
        <v>102.597459</v>
      </c>
    </row>
    <row r="131" spans="2:13" x14ac:dyDescent="0.45">
      <c r="B131">
        <v>1230.5846079999999</v>
      </c>
      <c r="C131">
        <v>106.020034</v>
      </c>
      <c r="D131">
        <v>1230.5846079999999</v>
      </c>
      <c r="E131">
        <v>104.474943</v>
      </c>
      <c r="F131">
        <v>1230.5846079999999</v>
      </c>
      <c r="G131">
        <v>103.683817</v>
      </c>
      <c r="H131">
        <v>1230.5846079999999</v>
      </c>
      <c r="I131">
        <v>103.077645</v>
      </c>
      <c r="J131">
        <v>1230.5846079999999</v>
      </c>
      <c r="K131">
        <v>104.865713</v>
      </c>
      <c r="L131">
        <v>1230.5846079999999</v>
      </c>
      <c r="M131">
        <v>103.218678</v>
      </c>
    </row>
    <row r="132" spans="2:13" x14ac:dyDescent="0.45">
      <c r="B132">
        <v>1232.513424</v>
      </c>
      <c r="C132">
        <v>106.445497</v>
      </c>
      <c r="D132">
        <v>1232.513424</v>
      </c>
      <c r="E132">
        <v>105.03462900000001</v>
      </c>
      <c r="F132">
        <v>1232.513424</v>
      </c>
      <c r="G132">
        <v>104.15745699999999</v>
      </c>
      <c r="H132">
        <v>1232.513424</v>
      </c>
      <c r="I132">
        <v>103.629977</v>
      </c>
      <c r="J132">
        <v>1232.513424</v>
      </c>
      <c r="K132">
        <v>105.417635</v>
      </c>
      <c r="L132">
        <v>1232.513424</v>
      </c>
      <c r="M132">
        <v>103.839246</v>
      </c>
    </row>
    <row r="133" spans="2:13" x14ac:dyDescent="0.45">
      <c r="B133">
        <v>1234.4422400000001</v>
      </c>
      <c r="C133">
        <v>106.880977</v>
      </c>
      <c r="D133">
        <v>1234.4422400000001</v>
      </c>
      <c r="E133">
        <v>105.58084000000001</v>
      </c>
      <c r="F133">
        <v>1234.4422400000001</v>
      </c>
      <c r="G133">
        <v>104.750304</v>
      </c>
      <c r="H133">
        <v>1234.4422400000001</v>
      </c>
      <c r="I133">
        <v>104.30999</v>
      </c>
      <c r="J133">
        <v>1234.4422400000001</v>
      </c>
      <c r="K133">
        <v>105.94054300000001</v>
      </c>
      <c r="L133">
        <v>1234.4422400000001</v>
      </c>
      <c r="M133">
        <v>104.478696</v>
      </c>
    </row>
    <row r="134" spans="2:13" x14ac:dyDescent="0.45">
      <c r="B134">
        <v>1236.371056</v>
      </c>
      <c r="C134">
        <v>107.278552</v>
      </c>
      <c r="D134">
        <v>1236.371056</v>
      </c>
      <c r="E134">
        <v>106.112984</v>
      </c>
      <c r="F134">
        <v>1236.371056</v>
      </c>
      <c r="G134">
        <v>105.44855800000001</v>
      </c>
      <c r="H134">
        <v>1236.371056</v>
      </c>
      <c r="I134">
        <v>104.97423499999999</v>
      </c>
      <c r="J134">
        <v>1236.371056</v>
      </c>
      <c r="K134">
        <v>106.447311</v>
      </c>
      <c r="L134">
        <v>1236.371056</v>
      </c>
      <c r="M134">
        <v>105.12128</v>
      </c>
    </row>
    <row r="135" spans="2:13" x14ac:dyDescent="0.45">
      <c r="B135">
        <v>1238.2998720000001</v>
      </c>
      <c r="C135">
        <v>107.65351699999999</v>
      </c>
      <c r="D135">
        <v>1238.2998720000001</v>
      </c>
      <c r="E135">
        <v>106.799379</v>
      </c>
      <c r="F135">
        <v>1238.2998720000001</v>
      </c>
      <c r="G135">
        <v>106.179157</v>
      </c>
      <c r="H135">
        <v>1238.2998720000001</v>
      </c>
      <c r="I135">
        <v>105.62950600000001</v>
      </c>
      <c r="J135">
        <v>1238.2998720000001</v>
      </c>
      <c r="K135">
        <v>107.138548</v>
      </c>
      <c r="L135">
        <v>1238.2998720000001</v>
      </c>
      <c r="M135">
        <v>105.784837</v>
      </c>
    </row>
    <row r="136" spans="2:13" x14ac:dyDescent="0.45">
      <c r="B136">
        <v>1240.2286879999999</v>
      </c>
      <c r="C136">
        <v>108.119671</v>
      </c>
      <c r="D136">
        <v>1240.2286879999999</v>
      </c>
      <c r="E136">
        <v>107.50078500000001</v>
      </c>
      <c r="F136">
        <v>1240.2286879999999</v>
      </c>
      <c r="G136">
        <v>106.788284</v>
      </c>
      <c r="H136">
        <v>1240.2286879999999</v>
      </c>
      <c r="I136">
        <v>106.189263</v>
      </c>
      <c r="J136">
        <v>1240.2286879999999</v>
      </c>
      <c r="K136">
        <v>107.87415900000001</v>
      </c>
      <c r="L136">
        <v>1240.2286879999999</v>
      </c>
      <c r="M136">
        <v>106.43899</v>
      </c>
    </row>
    <row r="137" spans="2:13" x14ac:dyDescent="0.45">
      <c r="B137">
        <v>1242.157504</v>
      </c>
      <c r="C137">
        <v>108.64029600000001</v>
      </c>
      <c r="D137">
        <v>1242.157504</v>
      </c>
      <c r="E137">
        <v>108.20805800000001</v>
      </c>
      <c r="F137">
        <v>1242.157504</v>
      </c>
      <c r="G137">
        <v>107.380178</v>
      </c>
      <c r="H137">
        <v>1242.157504</v>
      </c>
      <c r="I137">
        <v>106.85700799999999</v>
      </c>
      <c r="J137">
        <v>1242.157504</v>
      </c>
      <c r="K137">
        <v>108.574364</v>
      </c>
      <c r="L137">
        <v>1242.157504</v>
      </c>
      <c r="M137">
        <v>107.178054</v>
      </c>
    </row>
    <row r="138" spans="2:13" x14ac:dyDescent="0.45">
      <c r="B138">
        <v>1244.0863199999999</v>
      </c>
      <c r="C138">
        <v>109.16229199999999</v>
      </c>
      <c r="D138">
        <v>1244.0863199999999</v>
      </c>
      <c r="E138">
        <v>108.87669700000001</v>
      </c>
      <c r="F138">
        <v>1244.0863199999999</v>
      </c>
      <c r="G138">
        <v>108.172518</v>
      </c>
      <c r="H138">
        <v>1244.0863199999999</v>
      </c>
      <c r="I138">
        <v>107.648336</v>
      </c>
      <c r="J138">
        <v>1244.0863199999999</v>
      </c>
      <c r="K138">
        <v>109.280804</v>
      </c>
      <c r="L138">
        <v>1244.0863199999999</v>
      </c>
      <c r="M138">
        <v>107.932802</v>
      </c>
    </row>
    <row r="139" spans="2:13" x14ac:dyDescent="0.45">
      <c r="B139">
        <v>1246.015136</v>
      </c>
      <c r="C139">
        <v>109.79317899999999</v>
      </c>
      <c r="D139">
        <v>1246.015136</v>
      </c>
      <c r="E139">
        <v>109.653245</v>
      </c>
      <c r="F139">
        <v>1246.015136</v>
      </c>
      <c r="G139">
        <v>109.119817</v>
      </c>
      <c r="H139">
        <v>1246.015136</v>
      </c>
      <c r="I139">
        <v>108.482275</v>
      </c>
      <c r="J139">
        <v>1246.015136</v>
      </c>
      <c r="K139">
        <v>110.02954800000001</v>
      </c>
      <c r="L139">
        <v>1246.015136</v>
      </c>
      <c r="M139">
        <v>108.784344</v>
      </c>
    </row>
    <row r="140" spans="2:13" x14ac:dyDescent="0.45">
      <c r="B140">
        <v>1247.9439520000001</v>
      </c>
      <c r="C140">
        <v>110.400732</v>
      </c>
      <c r="D140">
        <v>1247.9439520000001</v>
      </c>
      <c r="E140">
        <v>110.545877</v>
      </c>
      <c r="F140">
        <v>1247.9439520000001</v>
      </c>
      <c r="G140">
        <v>109.983847</v>
      </c>
      <c r="H140">
        <v>1247.9439520000001</v>
      </c>
      <c r="I140">
        <v>109.374279</v>
      </c>
      <c r="J140">
        <v>1247.9439520000001</v>
      </c>
      <c r="K140">
        <v>110.83707699999999</v>
      </c>
      <c r="L140">
        <v>1247.9439520000001</v>
      </c>
      <c r="M140">
        <v>109.665075</v>
      </c>
    </row>
    <row r="141" spans="2:13" x14ac:dyDescent="0.45">
      <c r="B141">
        <v>1249.872768</v>
      </c>
      <c r="C141">
        <v>111.04586999999999</v>
      </c>
      <c r="D141">
        <v>1249.872768</v>
      </c>
      <c r="E141">
        <v>111.43906800000001</v>
      </c>
      <c r="F141">
        <v>1249.872768</v>
      </c>
      <c r="G141">
        <v>110.886025</v>
      </c>
      <c r="H141">
        <v>1249.872768</v>
      </c>
      <c r="I141">
        <v>110.297715</v>
      </c>
      <c r="J141">
        <v>1249.872768</v>
      </c>
      <c r="K141">
        <v>111.68467200000001</v>
      </c>
      <c r="L141">
        <v>1249.872768</v>
      </c>
      <c r="M141">
        <v>110.617127</v>
      </c>
    </row>
    <row r="142" spans="2:13" x14ac:dyDescent="0.45">
      <c r="B142">
        <v>1251.801584</v>
      </c>
      <c r="C142">
        <v>111.71952899999999</v>
      </c>
      <c r="D142">
        <v>1251.801584</v>
      </c>
      <c r="E142">
        <v>112.254363</v>
      </c>
      <c r="F142">
        <v>1251.801584</v>
      </c>
      <c r="G142">
        <v>111.87487400000001</v>
      </c>
      <c r="H142">
        <v>1251.801584</v>
      </c>
      <c r="I142">
        <v>111.203807</v>
      </c>
      <c r="J142">
        <v>1251.801584</v>
      </c>
      <c r="K142">
        <v>112.49065299999999</v>
      </c>
      <c r="L142">
        <v>1251.801584</v>
      </c>
      <c r="M142">
        <v>111.547212</v>
      </c>
    </row>
    <row r="143" spans="2:13" x14ac:dyDescent="0.45">
      <c r="B143">
        <v>1253.7303999999999</v>
      </c>
      <c r="C143">
        <v>112.417072</v>
      </c>
      <c r="D143">
        <v>1253.7303999999999</v>
      </c>
      <c r="E143">
        <v>113.163324</v>
      </c>
      <c r="F143">
        <v>1253.7303999999999</v>
      </c>
      <c r="G143">
        <v>112.80771</v>
      </c>
      <c r="H143">
        <v>1253.7303999999999</v>
      </c>
      <c r="I143">
        <v>112.081569</v>
      </c>
      <c r="J143">
        <v>1253.7303999999999</v>
      </c>
      <c r="K143">
        <v>113.28722500000001</v>
      </c>
      <c r="L143">
        <v>1253.7303999999999</v>
      </c>
      <c r="M143">
        <v>112.406036</v>
      </c>
    </row>
    <row r="144" spans="2:13" x14ac:dyDescent="0.45">
      <c r="B144">
        <v>1255.659216</v>
      </c>
      <c r="C144">
        <v>113.172652</v>
      </c>
      <c r="D144">
        <v>1255.659216</v>
      </c>
      <c r="E144">
        <v>114.142577</v>
      </c>
      <c r="F144">
        <v>1255.659216</v>
      </c>
      <c r="G144">
        <v>113.572504</v>
      </c>
      <c r="H144">
        <v>1255.659216</v>
      </c>
      <c r="I144">
        <v>112.932529</v>
      </c>
      <c r="J144">
        <v>1255.659216</v>
      </c>
      <c r="K144">
        <v>114.164098</v>
      </c>
      <c r="L144">
        <v>1255.659216</v>
      </c>
      <c r="M144">
        <v>113.211107</v>
      </c>
    </row>
    <row r="145" spans="2:13" x14ac:dyDescent="0.45">
      <c r="B145">
        <v>1257.5880320000001</v>
      </c>
      <c r="C145">
        <v>113.916518</v>
      </c>
      <c r="D145">
        <v>1257.5880320000001</v>
      </c>
      <c r="E145">
        <v>115.00369000000001</v>
      </c>
      <c r="F145">
        <v>1257.5880320000001</v>
      </c>
      <c r="G145">
        <v>114.38417699999999</v>
      </c>
      <c r="H145">
        <v>1257.5880320000001</v>
      </c>
      <c r="I145">
        <v>113.73315599999999</v>
      </c>
      <c r="J145">
        <v>1257.5880320000001</v>
      </c>
      <c r="K145">
        <v>115.000604</v>
      </c>
      <c r="L145">
        <v>1257.5880320000001</v>
      </c>
      <c r="M145">
        <v>114.052044</v>
      </c>
    </row>
    <row r="146" spans="2:13" x14ac:dyDescent="0.45">
      <c r="B146">
        <v>1259.516848</v>
      </c>
      <c r="C146">
        <v>114.612015</v>
      </c>
      <c r="D146">
        <v>1259.516848</v>
      </c>
      <c r="E146">
        <v>115.739163</v>
      </c>
      <c r="F146">
        <v>1259.516848</v>
      </c>
      <c r="G146">
        <v>115.22561399999999</v>
      </c>
      <c r="H146">
        <v>1259.516848</v>
      </c>
      <c r="I146">
        <v>114.445441</v>
      </c>
      <c r="J146">
        <v>1259.516848</v>
      </c>
      <c r="K146">
        <v>115.69616600000001</v>
      </c>
      <c r="L146">
        <v>1259.516848</v>
      </c>
      <c r="M146">
        <v>114.797799</v>
      </c>
    </row>
    <row r="147" spans="2:13" x14ac:dyDescent="0.45">
      <c r="B147">
        <v>1261.4456640000001</v>
      </c>
      <c r="C147">
        <v>115.242864</v>
      </c>
      <c r="D147">
        <v>1261.4456640000001</v>
      </c>
      <c r="E147">
        <v>116.41898500000001</v>
      </c>
      <c r="F147">
        <v>1261.4456640000001</v>
      </c>
      <c r="G147">
        <v>115.985664</v>
      </c>
      <c r="H147">
        <v>1261.4456640000001</v>
      </c>
      <c r="I147">
        <v>115.09253200000001</v>
      </c>
      <c r="J147">
        <v>1261.4456640000001</v>
      </c>
      <c r="K147">
        <v>116.28130400000001</v>
      </c>
      <c r="L147">
        <v>1261.4456640000001</v>
      </c>
      <c r="M147">
        <v>115.439706</v>
      </c>
    </row>
    <row r="148" spans="2:13" x14ac:dyDescent="0.45">
      <c r="B148">
        <v>1263.3744799999999</v>
      </c>
      <c r="C148">
        <v>115.82051199999999</v>
      </c>
      <c r="D148">
        <v>1263.3744799999999</v>
      </c>
      <c r="E148">
        <v>117.071431</v>
      </c>
      <c r="F148">
        <v>1263.3744799999999</v>
      </c>
      <c r="G148">
        <v>116.52533699999999</v>
      </c>
      <c r="H148">
        <v>1263.3744799999999</v>
      </c>
      <c r="I148">
        <v>115.632271</v>
      </c>
      <c r="J148">
        <v>1263.3744799999999</v>
      </c>
      <c r="K148">
        <v>116.85021</v>
      </c>
      <c r="L148">
        <v>1263.3744799999999</v>
      </c>
      <c r="M148">
        <v>116.074433</v>
      </c>
    </row>
    <row r="149" spans="2:13" x14ac:dyDescent="0.45">
      <c r="B149">
        <v>1265.303296</v>
      </c>
      <c r="C149">
        <v>116.364283</v>
      </c>
      <c r="D149">
        <v>1265.303296</v>
      </c>
      <c r="E149">
        <v>117.66723</v>
      </c>
      <c r="F149">
        <v>1265.303296</v>
      </c>
      <c r="G149">
        <v>116.99172</v>
      </c>
      <c r="H149">
        <v>1265.303296</v>
      </c>
      <c r="I149">
        <v>116.126036</v>
      </c>
      <c r="J149">
        <v>1265.303296</v>
      </c>
      <c r="K149">
        <v>117.41404199999999</v>
      </c>
      <c r="L149">
        <v>1265.303296</v>
      </c>
      <c r="M149">
        <v>116.629149</v>
      </c>
    </row>
    <row r="150" spans="2:13" x14ac:dyDescent="0.45">
      <c r="B150">
        <v>1267.2321119999999</v>
      </c>
      <c r="C150">
        <v>116.850798</v>
      </c>
      <c r="D150">
        <v>1267.2321119999999</v>
      </c>
      <c r="E150">
        <v>118.09894</v>
      </c>
      <c r="F150">
        <v>1267.2321119999999</v>
      </c>
      <c r="G150">
        <v>117.482491</v>
      </c>
      <c r="H150">
        <v>1267.2321119999999</v>
      </c>
      <c r="I150">
        <v>116.582561</v>
      </c>
      <c r="J150">
        <v>1267.2321119999999</v>
      </c>
      <c r="K150">
        <v>117.797487</v>
      </c>
      <c r="L150">
        <v>1267.2321119999999</v>
      </c>
      <c r="M150">
        <v>117.03716300000001</v>
      </c>
    </row>
    <row r="151" spans="2:13" x14ac:dyDescent="0.45">
      <c r="B151">
        <v>1269.160928</v>
      </c>
      <c r="C151">
        <v>117.232124</v>
      </c>
      <c r="D151">
        <v>1269.160928</v>
      </c>
      <c r="E151">
        <v>118.47860200000001</v>
      </c>
      <c r="F151">
        <v>1269.160928</v>
      </c>
      <c r="G151">
        <v>117.91016</v>
      </c>
      <c r="H151">
        <v>1269.160928</v>
      </c>
      <c r="I151">
        <v>116.931558</v>
      </c>
      <c r="J151">
        <v>1269.160928</v>
      </c>
      <c r="K151">
        <v>118.11427500000001</v>
      </c>
      <c r="L151">
        <v>1269.160928</v>
      </c>
      <c r="M151">
        <v>117.38629899999999</v>
      </c>
    </row>
    <row r="152" spans="2:13" x14ac:dyDescent="0.45">
      <c r="B152">
        <v>1271.0897440000001</v>
      </c>
      <c r="C152">
        <v>117.50641400000001</v>
      </c>
      <c r="D152">
        <v>1271.0897440000001</v>
      </c>
      <c r="E152">
        <v>118.831019</v>
      </c>
      <c r="F152">
        <v>1271.0897440000001</v>
      </c>
      <c r="G152">
        <v>118.291062</v>
      </c>
      <c r="H152">
        <v>1271.0897440000001</v>
      </c>
      <c r="I152">
        <v>117.208975</v>
      </c>
      <c r="J152">
        <v>1271.0897440000001</v>
      </c>
      <c r="K152">
        <v>118.39197900000001</v>
      </c>
      <c r="L152">
        <v>1271.0897440000001</v>
      </c>
      <c r="M152">
        <v>117.70613400000001</v>
      </c>
    </row>
    <row r="153" spans="2:13" x14ac:dyDescent="0.45">
      <c r="B153">
        <v>1273.01856</v>
      </c>
      <c r="C153">
        <v>117.791257</v>
      </c>
      <c r="D153">
        <v>1273.01856</v>
      </c>
      <c r="E153">
        <v>119.130516</v>
      </c>
      <c r="F153">
        <v>1273.01856</v>
      </c>
      <c r="G153">
        <v>118.570126</v>
      </c>
      <c r="H153">
        <v>1273.01856</v>
      </c>
      <c r="I153">
        <v>117.455427</v>
      </c>
      <c r="J153">
        <v>1273.01856</v>
      </c>
      <c r="K153">
        <v>118.64161900000001</v>
      </c>
      <c r="L153">
        <v>1273.01856</v>
      </c>
      <c r="M153">
        <v>117.926463</v>
      </c>
    </row>
    <row r="154" spans="2:13" x14ac:dyDescent="0.45">
      <c r="B154">
        <v>1274.9473760000001</v>
      </c>
      <c r="C154">
        <v>118.04354499999999</v>
      </c>
      <c r="D154">
        <v>1274.9473760000001</v>
      </c>
      <c r="E154">
        <v>119.366893</v>
      </c>
      <c r="F154">
        <v>1274.9473760000001</v>
      </c>
      <c r="G154">
        <v>118.765542</v>
      </c>
      <c r="H154">
        <v>1274.9473760000001</v>
      </c>
      <c r="I154">
        <v>117.684262</v>
      </c>
      <c r="J154">
        <v>1274.9473760000001</v>
      </c>
      <c r="K154">
        <v>118.900009</v>
      </c>
      <c r="L154">
        <v>1274.9473760000001</v>
      </c>
      <c r="M154">
        <v>118.08906399999999</v>
      </c>
    </row>
    <row r="155" spans="2:13" x14ac:dyDescent="0.45">
      <c r="B155">
        <v>1276.8761919999999</v>
      </c>
      <c r="C155">
        <v>118.278942</v>
      </c>
      <c r="D155">
        <v>1276.8761919999999</v>
      </c>
      <c r="E155">
        <v>119.579426</v>
      </c>
      <c r="F155">
        <v>1276.8761919999999</v>
      </c>
      <c r="G155">
        <v>118.947132</v>
      </c>
      <c r="H155">
        <v>1276.8761919999999</v>
      </c>
      <c r="I155">
        <v>117.82580400000001</v>
      </c>
      <c r="J155">
        <v>1276.8761919999999</v>
      </c>
      <c r="K155">
        <v>119.002734</v>
      </c>
      <c r="L155">
        <v>1276.8761919999999</v>
      </c>
      <c r="M155">
        <v>118.245771</v>
      </c>
    </row>
    <row r="156" spans="2:13" x14ac:dyDescent="0.45">
      <c r="B156">
        <v>1278.805008</v>
      </c>
      <c r="C156">
        <v>118.480181</v>
      </c>
      <c r="D156">
        <v>1278.805008</v>
      </c>
      <c r="E156">
        <v>119.770134</v>
      </c>
      <c r="F156">
        <v>1278.805008</v>
      </c>
      <c r="G156">
        <v>119.177643</v>
      </c>
      <c r="H156">
        <v>1278.805008</v>
      </c>
      <c r="I156">
        <v>117.95775399999999</v>
      </c>
      <c r="J156">
        <v>1278.805008</v>
      </c>
      <c r="K156">
        <v>119.031063</v>
      </c>
      <c r="L156">
        <v>1278.805008</v>
      </c>
      <c r="M156">
        <v>118.32881</v>
      </c>
    </row>
    <row r="157" spans="2:13" x14ac:dyDescent="0.45">
      <c r="B157">
        <v>1280.7338239999999</v>
      </c>
      <c r="C157">
        <v>118.58008100000001</v>
      </c>
      <c r="D157">
        <v>1280.7338239999999</v>
      </c>
      <c r="E157">
        <v>119.87591</v>
      </c>
      <c r="F157">
        <v>1280.7338239999999</v>
      </c>
      <c r="G157">
        <v>119.37868899999999</v>
      </c>
      <c r="H157">
        <v>1280.7338239999999</v>
      </c>
      <c r="I157">
        <v>118.10732</v>
      </c>
      <c r="J157">
        <v>1280.7338239999999</v>
      </c>
      <c r="K157">
        <v>119.131902</v>
      </c>
      <c r="L157">
        <v>1280.7338239999999</v>
      </c>
      <c r="M157">
        <v>118.435945</v>
      </c>
    </row>
    <row r="158" spans="2:13" x14ac:dyDescent="0.45">
      <c r="B158">
        <v>1282.66264</v>
      </c>
      <c r="C158">
        <v>118.690713</v>
      </c>
      <c r="D158">
        <v>1282.66264</v>
      </c>
      <c r="E158">
        <v>119.96369300000001</v>
      </c>
      <c r="F158">
        <v>1282.66264</v>
      </c>
      <c r="G158">
        <v>119.489328</v>
      </c>
      <c r="H158">
        <v>1282.66264</v>
      </c>
      <c r="I158">
        <v>118.17702</v>
      </c>
      <c r="J158">
        <v>1282.66264</v>
      </c>
      <c r="K158">
        <v>119.263002</v>
      </c>
      <c r="L158">
        <v>1282.66264</v>
      </c>
      <c r="M158">
        <v>118.53554200000001</v>
      </c>
    </row>
    <row r="159" spans="2:13" x14ac:dyDescent="0.45">
      <c r="B159">
        <v>1284.5914560000001</v>
      </c>
      <c r="C159">
        <v>118.823019</v>
      </c>
      <c r="D159">
        <v>1284.5914560000001</v>
      </c>
      <c r="E159">
        <v>120.101721</v>
      </c>
      <c r="F159">
        <v>1284.5914560000001</v>
      </c>
      <c r="G159">
        <v>119.52460000000001</v>
      </c>
      <c r="H159">
        <v>1284.5914560000001</v>
      </c>
      <c r="I159">
        <v>118.162232</v>
      </c>
      <c r="J159">
        <v>1284.5914560000001</v>
      </c>
      <c r="K159">
        <v>119.410042</v>
      </c>
      <c r="L159">
        <v>1284.5914560000001</v>
      </c>
      <c r="M159">
        <v>118.613204</v>
      </c>
    </row>
    <row r="160" spans="2:13" x14ac:dyDescent="0.45">
      <c r="B160">
        <v>1286.520272</v>
      </c>
      <c r="C160">
        <v>118.965321</v>
      </c>
      <c r="D160">
        <v>1286.520272</v>
      </c>
      <c r="E160">
        <v>120.246122</v>
      </c>
      <c r="F160">
        <v>1286.520272</v>
      </c>
      <c r="G160">
        <v>119.61945299999999</v>
      </c>
      <c r="H160">
        <v>1286.520272</v>
      </c>
      <c r="I160">
        <v>118.13037</v>
      </c>
      <c r="J160">
        <v>1286.520272</v>
      </c>
      <c r="K160">
        <v>119.49192499999999</v>
      </c>
      <c r="L160">
        <v>1286.520272</v>
      </c>
      <c r="M160">
        <v>118.678776</v>
      </c>
    </row>
    <row r="161" spans="2:13" x14ac:dyDescent="0.45">
      <c r="B161">
        <v>1288.4490880000001</v>
      </c>
      <c r="C161">
        <v>119.011719</v>
      </c>
      <c r="D161">
        <v>1288.4490880000001</v>
      </c>
      <c r="E161">
        <v>120.379701</v>
      </c>
      <c r="F161">
        <v>1288.4490880000001</v>
      </c>
      <c r="G161">
        <v>119.69543</v>
      </c>
      <c r="H161">
        <v>1288.4490880000001</v>
      </c>
      <c r="I161">
        <v>118.15353500000001</v>
      </c>
      <c r="J161">
        <v>1288.4490880000001</v>
      </c>
      <c r="K161">
        <v>119.530243</v>
      </c>
      <c r="L161">
        <v>1288.4490880000001</v>
      </c>
      <c r="M161">
        <v>118.722795</v>
      </c>
    </row>
    <row r="162" spans="2:13" x14ac:dyDescent="0.45">
      <c r="B162">
        <v>1290.3779039999999</v>
      </c>
      <c r="C162">
        <v>119.061376</v>
      </c>
      <c r="D162">
        <v>1290.3779039999999</v>
      </c>
      <c r="E162">
        <v>120.44583800000001</v>
      </c>
      <c r="F162">
        <v>1290.3779039999999</v>
      </c>
      <c r="G162">
        <v>119.710252</v>
      </c>
      <c r="H162">
        <v>1290.3779039999999</v>
      </c>
      <c r="I162">
        <v>118.184802</v>
      </c>
      <c r="J162">
        <v>1290.3779039999999</v>
      </c>
      <c r="K162">
        <v>119.607811</v>
      </c>
      <c r="L162">
        <v>1290.3779039999999</v>
      </c>
      <c r="M162">
        <v>118.75436999999999</v>
      </c>
    </row>
    <row r="163" spans="2:13" x14ac:dyDescent="0.45">
      <c r="B163">
        <v>1292.30672</v>
      </c>
      <c r="C163">
        <v>119.15952900000001</v>
      </c>
      <c r="D163">
        <v>1292.30672</v>
      </c>
      <c r="E163">
        <v>120.46764</v>
      </c>
      <c r="F163">
        <v>1292.30672</v>
      </c>
      <c r="G163">
        <v>119.710278</v>
      </c>
      <c r="H163">
        <v>1292.30672</v>
      </c>
      <c r="I163">
        <v>118.183409</v>
      </c>
      <c r="J163">
        <v>1292.30672</v>
      </c>
      <c r="K163">
        <v>119.69359900000001</v>
      </c>
      <c r="L163">
        <v>1292.30672</v>
      </c>
      <c r="M163">
        <v>118.761224</v>
      </c>
    </row>
    <row r="164" spans="2:13" x14ac:dyDescent="0.45">
      <c r="B164">
        <v>1294.2355359999999</v>
      </c>
      <c r="C164">
        <v>119.27256800000001</v>
      </c>
      <c r="D164">
        <v>1294.2355359999999</v>
      </c>
      <c r="E164">
        <v>120.515553</v>
      </c>
      <c r="F164">
        <v>1294.2355359999999</v>
      </c>
      <c r="G164">
        <v>119.73196</v>
      </c>
      <c r="H164">
        <v>1294.2355359999999</v>
      </c>
      <c r="I164">
        <v>118.17068</v>
      </c>
      <c r="J164">
        <v>1294.2355359999999</v>
      </c>
      <c r="K164">
        <v>119.729225</v>
      </c>
      <c r="L164">
        <v>1294.2355359999999</v>
      </c>
      <c r="M164">
        <v>118.777371</v>
      </c>
    </row>
    <row r="165" spans="2:13" x14ac:dyDescent="0.45">
      <c r="B165">
        <v>1296.164352</v>
      </c>
      <c r="C165">
        <v>119.31441</v>
      </c>
      <c r="D165">
        <v>1296.164352</v>
      </c>
      <c r="E165">
        <v>120.57403000000001</v>
      </c>
      <c r="F165">
        <v>1296.164352</v>
      </c>
      <c r="G165">
        <v>119.76026400000001</v>
      </c>
      <c r="H165">
        <v>1296.164352</v>
      </c>
      <c r="I165">
        <v>118.09523299999999</v>
      </c>
      <c r="J165">
        <v>1296.164352</v>
      </c>
      <c r="K165">
        <v>119.731364</v>
      </c>
      <c r="L165">
        <v>1296.164352</v>
      </c>
      <c r="M165">
        <v>118.818591</v>
      </c>
    </row>
    <row r="166" spans="2:13" x14ac:dyDescent="0.45">
      <c r="B166">
        <v>1298.0931680000001</v>
      </c>
      <c r="C166">
        <v>119.374516</v>
      </c>
      <c r="D166">
        <v>1298.0931680000001</v>
      </c>
      <c r="E166">
        <v>120.63842600000001</v>
      </c>
      <c r="F166">
        <v>1298.0931680000001</v>
      </c>
      <c r="G166">
        <v>119.78663299999999</v>
      </c>
      <c r="H166">
        <v>1298.0931680000001</v>
      </c>
      <c r="I166">
        <v>118.023112</v>
      </c>
      <c r="J166">
        <v>1298.0931680000001</v>
      </c>
      <c r="K166">
        <v>119.72150600000001</v>
      </c>
      <c r="L166">
        <v>1298.0931680000001</v>
      </c>
      <c r="M166">
        <v>118.76508</v>
      </c>
    </row>
    <row r="167" spans="2:13" x14ac:dyDescent="0.45">
      <c r="B167">
        <v>1300.021984</v>
      </c>
      <c r="C167">
        <v>119.41731799999999</v>
      </c>
      <c r="D167">
        <v>1300.021984</v>
      </c>
      <c r="E167">
        <v>120.73555400000001</v>
      </c>
      <c r="F167">
        <v>1300.021984</v>
      </c>
      <c r="G167">
        <v>119.769892</v>
      </c>
      <c r="H167">
        <v>1300.021984</v>
      </c>
      <c r="I167">
        <v>117.959068</v>
      </c>
      <c r="J167">
        <v>1300.021984</v>
      </c>
      <c r="K167">
        <v>119.67199100000001</v>
      </c>
      <c r="L167">
        <v>1300.021984</v>
      </c>
      <c r="M167">
        <v>118.75692600000001</v>
      </c>
    </row>
    <row r="168" spans="2:13" x14ac:dyDescent="0.45">
      <c r="B168">
        <v>1301.9508000000001</v>
      </c>
      <c r="C168">
        <v>119.437352</v>
      </c>
      <c r="D168">
        <v>1301.9508000000001</v>
      </c>
      <c r="E168">
        <v>120.764359</v>
      </c>
      <c r="F168">
        <v>1301.9508000000001</v>
      </c>
      <c r="G168">
        <v>119.750882</v>
      </c>
      <c r="H168">
        <v>1301.9508000000001</v>
      </c>
      <c r="I168">
        <v>117.88643500000001</v>
      </c>
      <c r="J168">
        <v>1301.9508000000001</v>
      </c>
      <c r="K168">
        <v>119.68233600000001</v>
      </c>
      <c r="L168">
        <v>1301.9508000000001</v>
      </c>
      <c r="M168">
        <v>118.778605</v>
      </c>
    </row>
    <row r="169" spans="2:13" x14ac:dyDescent="0.45">
      <c r="B169">
        <v>1303.8796159999999</v>
      </c>
      <c r="C169">
        <v>119.48742900000001</v>
      </c>
      <c r="D169">
        <v>1303.8796159999999</v>
      </c>
      <c r="E169">
        <v>120.753237</v>
      </c>
      <c r="F169">
        <v>1303.8796159999999</v>
      </c>
      <c r="G169">
        <v>119.73196799999999</v>
      </c>
      <c r="H169">
        <v>1303.8796159999999</v>
      </c>
      <c r="I169">
        <v>117.847498</v>
      </c>
      <c r="J169">
        <v>1303.8796159999999</v>
      </c>
      <c r="K169">
        <v>119.68035</v>
      </c>
      <c r="L169">
        <v>1303.8796159999999</v>
      </c>
      <c r="M169">
        <v>118.778116</v>
      </c>
    </row>
    <row r="170" spans="2:13" x14ac:dyDescent="0.45">
      <c r="B170">
        <v>1305.808432</v>
      </c>
      <c r="C170">
        <v>119.528829</v>
      </c>
      <c r="D170">
        <v>1305.808432</v>
      </c>
      <c r="E170">
        <v>120.74004100000001</v>
      </c>
      <c r="F170">
        <v>1305.808432</v>
      </c>
      <c r="G170">
        <v>119.774376</v>
      </c>
      <c r="H170">
        <v>1305.808432</v>
      </c>
      <c r="I170">
        <v>117.879637</v>
      </c>
      <c r="J170">
        <v>1305.808432</v>
      </c>
      <c r="K170">
        <v>119.593166</v>
      </c>
      <c r="L170">
        <v>1305.808432</v>
      </c>
      <c r="M170">
        <v>118.76895500000001</v>
      </c>
    </row>
    <row r="171" spans="2:13" x14ac:dyDescent="0.45">
      <c r="B171">
        <v>1307.7372479999999</v>
      </c>
      <c r="C171">
        <v>119.55068900000001</v>
      </c>
      <c r="D171">
        <v>1307.7372479999999</v>
      </c>
      <c r="E171">
        <v>120.72729200000001</v>
      </c>
      <c r="F171">
        <v>1307.7372479999999</v>
      </c>
      <c r="G171">
        <v>119.841142</v>
      </c>
      <c r="H171">
        <v>1307.7372479999999</v>
      </c>
      <c r="I171">
        <v>117.948397</v>
      </c>
      <c r="J171">
        <v>1307.7372479999999</v>
      </c>
      <c r="K171">
        <v>119.564847</v>
      </c>
      <c r="L171">
        <v>1307.7372479999999</v>
      </c>
      <c r="M171">
        <v>118.745873</v>
      </c>
    </row>
    <row r="172" spans="2:13" x14ac:dyDescent="0.45">
      <c r="B172">
        <v>1309.666064</v>
      </c>
      <c r="C172">
        <v>119.584892</v>
      </c>
      <c r="D172">
        <v>1309.666064</v>
      </c>
      <c r="E172">
        <v>120.78033500000001</v>
      </c>
      <c r="F172">
        <v>1309.666064</v>
      </c>
      <c r="G172">
        <v>119.93482299999999</v>
      </c>
      <c r="H172">
        <v>1309.666064</v>
      </c>
      <c r="I172">
        <v>117.923716</v>
      </c>
      <c r="J172">
        <v>1309.666064</v>
      </c>
      <c r="K172">
        <v>119.59257700000001</v>
      </c>
      <c r="L172">
        <v>1309.666064</v>
      </c>
      <c r="M172">
        <v>118.775963</v>
      </c>
    </row>
    <row r="173" spans="2:13" x14ac:dyDescent="0.45">
      <c r="B173">
        <v>1311.5948800000001</v>
      </c>
      <c r="C173">
        <v>119.572737</v>
      </c>
      <c r="D173">
        <v>1311.5948800000001</v>
      </c>
      <c r="E173">
        <v>120.837363</v>
      </c>
      <c r="F173">
        <v>1311.5948800000001</v>
      </c>
      <c r="G173">
        <v>119.95483299999999</v>
      </c>
      <c r="H173">
        <v>1311.5948800000001</v>
      </c>
      <c r="I173">
        <v>117.84242</v>
      </c>
      <c r="J173">
        <v>1311.5948800000001</v>
      </c>
      <c r="K173">
        <v>119.586907</v>
      </c>
      <c r="L173">
        <v>1311.5948800000001</v>
      </c>
      <c r="M173">
        <v>118.787454</v>
      </c>
    </row>
    <row r="174" spans="2:13" x14ac:dyDescent="0.45">
      <c r="B174">
        <v>1313.523696</v>
      </c>
      <c r="C174">
        <v>119.57346099999999</v>
      </c>
      <c r="D174">
        <v>1313.523696</v>
      </c>
      <c r="E174">
        <v>120.83551300000001</v>
      </c>
      <c r="F174">
        <v>1313.523696</v>
      </c>
      <c r="G174">
        <v>119.980682</v>
      </c>
      <c r="H174">
        <v>1313.523696</v>
      </c>
      <c r="I174">
        <v>117.821048</v>
      </c>
      <c r="J174">
        <v>1313.523696</v>
      </c>
      <c r="K174">
        <v>119.557508</v>
      </c>
      <c r="L174">
        <v>1313.523696</v>
      </c>
      <c r="M174">
        <v>118.762153</v>
      </c>
    </row>
    <row r="175" spans="2:13" x14ac:dyDescent="0.45">
      <c r="B175">
        <v>1315.4525120000001</v>
      </c>
      <c r="C175">
        <v>119.604876</v>
      </c>
      <c r="D175">
        <v>1315.4525120000001</v>
      </c>
      <c r="E175">
        <v>120.85989500000001</v>
      </c>
      <c r="F175">
        <v>1315.4525120000001</v>
      </c>
      <c r="G175">
        <v>119.95963999999999</v>
      </c>
      <c r="H175">
        <v>1315.4525120000001</v>
      </c>
      <c r="I175">
        <v>117.859328</v>
      </c>
      <c r="J175">
        <v>1315.4525120000001</v>
      </c>
      <c r="K175">
        <v>119.566416</v>
      </c>
      <c r="L175">
        <v>1315.4525120000001</v>
      </c>
      <c r="M175">
        <v>118.82993999999999</v>
      </c>
    </row>
    <row r="176" spans="2:13" x14ac:dyDescent="0.45">
      <c r="B176">
        <v>1317.3813279999999</v>
      </c>
      <c r="C176">
        <v>119.649659</v>
      </c>
      <c r="D176">
        <v>1317.3813279999999</v>
      </c>
      <c r="E176">
        <v>120.89473700000001</v>
      </c>
      <c r="F176">
        <v>1317.3813279999999</v>
      </c>
      <c r="G176">
        <v>119.915436</v>
      </c>
      <c r="H176">
        <v>1317.3813279999999</v>
      </c>
      <c r="I176">
        <v>117.87439500000001</v>
      </c>
      <c r="J176">
        <v>1317.3813279999999</v>
      </c>
      <c r="K176">
        <v>119.62173199999999</v>
      </c>
      <c r="L176">
        <v>1317.3813279999999</v>
      </c>
      <c r="M176">
        <v>118.960582</v>
      </c>
    </row>
    <row r="177" spans="2:13" x14ac:dyDescent="0.45">
      <c r="B177">
        <v>1319.310144</v>
      </c>
      <c r="C177">
        <v>119.670721</v>
      </c>
      <c r="D177">
        <v>1319.310144</v>
      </c>
      <c r="E177">
        <v>120.89264</v>
      </c>
      <c r="F177">
        <v>1319.310144</v>
      </c>
      <c r="G177">
        <v>119.96363599999999</v>
      </c>
      <c r="H177">
        <v>1319.310144</v>
      </c>
      <c r="I177">
        <v>117.89524400000001</v>
      </c>
      <c r="J177">
        <v>1319.310144</v>
      </c>
      <c r="K177">
        <v>119.675708</v>
      </c>
      <c r="L177">
        <v>1319.310144</v>
      </c>
      <c r="M177">
        <v>118.99203</v>
      </c>
    </row>
    <row r="178" spans="2:13" x14ac:dyDescent="0.45">
      <c r="B178">
        <v>1321.2389599999999</v>
      </c>
      <c r="C178">
        <v>119.64782</v>
      </c>
      <c r="D178">
        <v>1321.2389599999999</v>
      </c>
      <c r="E178">
        <v>120.950529</v>
      </c>
      <c r="F178">
        <v>1321.2389599999999</v>
      </c>
      <c r="G178">
        <v>120.060171</v>
      </c>
      <c r="H178">
        <v>1321.2389599999999</v>
      </c>
      <c r="I178">
        <v>117.96343899999999</v>
      </c>
      <c r="J178">
        <v>1321.2389599999999</v>
      </c>
      <c r="K178">
        <v>119.696872</v>
      </c>
      <c r="L178">
        <v>1321.2389599999999</v>
      </c>
      <c r="M178">
        <v>119.05987</v>
      </c>
    </row>
    <row r="179" spans="2:13" x14ac:dyDescent="0.45">
      <c r="B179">
        <v>1323.167776</v>
      </c>
      <c r="C179">
        <v>119.62311099999999</v>
      </c>
      <c r="D179">
        <v>1323.167776</v>
      </c>
      <c r="E179">
        <v>121.039739</v>
      </c>
      <c r="F179">
        <v>1323.167776</v>
      </c>
      <c r="G179">
        <v>120.078332</v>
      </c>
      <c r="H179">
        <v>1323.167776</v>
      </c>
      <c r="I179">
        <v>117.96334</v>
      </c>
      <c r="J179">
        <v>1323.167776</v>
      </c>
      <c r="K179">
        <v>119.702524</v>
      </c>
      <c r="L179">
        <v>1323.167776</v>
      </c>
      <c r="M179">
        <v>119.13878800000001</v>
      </c>
    </row>
    <row r="180" spans="2:13" x14ac:dyDescent="0.45">
      <c r="B180">
        <v>1325.0965920000001</v>
      </c>
      <c r="C180">
        <v>119.657538</v>
      </c>
      <c r="D180">
        <v>1325.0965920000001</v>
      </c>
      <c r="E180">
        <v>121.02875900000001</v>
      </c>
      <c r="F180">
        <v>1325.0965920000001</v>
      </c>
      <c r="G180">
        <v>120.07256700000001</v>
      </c>
      <c r="H180">
        <v>1325.0965920000001</v>
      </c>
      <c r="I180">
        <v>117.93313999999999</v>
      </c>
      <c r="J180">
        <v>1325.0965920000001</v>
      </c>
      <c r="K180">
        <v>119.762551</v>
      </c>
      <c r="L180">
        <v>1325.0965920000001</v>
      </c>
      <c r="M180">
        <v>119.203248</v>
      </c>
    </row>
    <row r="181" spans="2:13" x14ac:dyDescent="0.45">
      <c r="B181">
        <v>1327.025408</v>
      </c>
      <c r="C181">
        <v>119.701493</v>
      </c>
      <c r="D181">
        <v>1327.025408</v>
      </c>
      <c r="E181">
        <v>121.01442800000001</v>
      </c>
      <c r="F181">
        <v>1327.025408</v>
      </c>
      <c r="G181">
        <v>120.008267</v>
      </c>
      <c r="H181">
        <v>1327.025408</v>
      </c>
      <c r="I181">
        <v>117.907143</v>
      </c>
      <c r="J181">
        <v>1327.025408</v>
      </c>
      <c r="K181">
        <v>119.865652</v>
      </c>
      <c r="L181">
        <v>1327.025408</v>
      </c>
      <c r="M181">
        <v>119.303049</v>
      </c>
    </row>
    <row r="182" spans="2:13" x14ac:dyDescent="0.45">
      <c r="B182">
        <v>1328.9542240000001</v>
      </c>
      <c r="C182">
        <v>119.699203</v>
      </c>
      <c r="D182">
        <v>1328.9542240000001</v>
      </c>
      <c r="E182">
        <v>121.042885</v>
      </c>
      <c r="F182">
        <v>1328.9542240000001</v>
      </c>
      <c r="G182">
        <v>120.00956499999999</v>
      </c>
      <c r="H182">
        <v>1328.9542240000001</v>
      </c>
      <c r="I182">
        <v>117.923035</v>
      </c>
      <c r="J182">
        <v>1328.9542240000001</v>
      </c>
      <c r="K182">
        <v>119.966222</v>
      </c>
      <c r="L182">
        <v>1328.9542240000001</v>
      </c>
      <c r="M182">
        <v>119.41686900000001</v>
      </c>
    </row>
    <row r="183" spans="2:13" x14ac:dyDescent="0.45">
      <c r="B183">
        <v>1330.8830399999999</v>
      </c>
      <c r="C183">
        <v>119.654113</v>
      </c>
      <c r="D183">
        <v>1330.8830399999999</v>
      </c>
      <c r="E183">
        <v>121.051957</v>
      </c>
      <c r="F183">
        <v>1330.8830399999999</v>
      </c>
      <c r="G183">
        <v>120.011954</v>
      </c>
      <c r="H183">
        <v>1330.8830399999999</v>
      </c>
      <c r="I183">
        <v>117.930283</v>
      </c>
      <c r="J183">
        <v>1330.8830399999999</v>
      </c>
      <c r="K183">
        <v>120.002965</v>
      </c>
      <c r="L183">
        <v>1330.8830399999999</v>
      </c>
      <c r="M183">
        <v>119.530722</v>
      </c>
    </row>
    <row r="184" spans="2:13" x14ac:dyDescent="0.45">
      <c r="B184">
        <v>1332.811856</v>
      </c>
      <c r="C184">
        <v>119.657882</v>
      </c>
      <c r="D184">
        <v>1332.811856</v>
      </c>
      <c r="E184">
        <v>121.03476000000001</v>
      </c>
      <c r="F184">
        <v>1332.811856</v>
      </c>
      <c r="G184">
        <v>120.013233</v>
      </c>
      <c r="H184">
        <v>1332.811856</v>
      </c>
      <c r="I184">
        <v>117.915344</v>
      </c>
      <c r="J184">
        <v>1332.811856</v>
      </c>
      <c r="K184">
        <v>120.028757</v>
      </c>
      <c r="L184">
        <v>1332.811856</v>
      </c>
      <c r="M184">
        <v>119.64266499999999</v>
      </c>
    </row>
    <row r="185" spans="2:13" x14ac:dyDescent="0.45">
      <c r="B185">
        <v>1334.7406719999999</v>
      </c>
      <c r="C185">
        <v>119.710596</v>
      </c>
      <c r="D185">
        <v>1334.7406719999999</v>
      </c>
      <c r="E185">
        <v>120.991901</v>
      </c>
      <c r="F185">
        <v>1334.7406719999999</v>
      </c>
      <c r="G185">
        <v>120.02703700000001</v>
      </c>
      <c r="H185">
        <v>1334.7406719999999</v>
      </c>
      <c r="I185">
        <v>117.93170600000001</v>
      </c>
      <c r="J185">
        <v>1334.7406719999999</v>
      </c>
      <c r="K185">
        <v>120.094548</v>
      </c>
      <c r="L185">
        <v>1334.7406719999999</v>
      </c>
      <c r="M185">
        <v>119.68464899999999</v>
      </c>
    </row>
    <row r="186" spans="2:13" x14ac:dyDescent="0.45">
      <c r="B186">
        <v>1336.669488</v>
      </c>
      <c r="C186">
        <v>119.70907699999999</v>
      </c>
      <c r="D186">
        <v>1336.669488</v>
      </c>
      <c r="E186">
        <v>121.007414</v>
      </c>
      <c r="F186">
        <v>1336.669488</v>
      </c>
      <c r="G186">
        <v>120.052578</v>
      </c>
      <c r="H186">
        <v>1336.669488</v>
      </c>
      <c r="I186">
        <v>117.99815</v>
      </c>
      <c r="J186">
        <v>1336.669488</v>
      </c>
      <c r="K186">
        <v>120.16137999999999</v>
      </c>
      <c r="L186">
        <v>1336.669488</v>
      </c>
      <c r="M186">
        <v>119.70177099999999</v>
      </c>
    </row>
    <row r="187" spans="2:13" x14ac:dyDescent="0.45">
      <c r="B187">
        <v>1338.5983040000001</v>
      </c>
      <c r="C187">
        <v>119.66075600000001</v>
      </c>
      <c r="D187">
        <v>1338.5983040000001</v>
      </c>
      <c r="E187">
        <v>121.00643700000001</v>
      </c>
      <c r="F187">
        <v>1338.5983040000001</v>
      </c>
      <c r="G187">
        <v>120.071568</v>
      </c>
      <c r="H187">
        <v>1338.5983040000001</v>
      </c>
      <c r="I187">
        <v>118.03883399999999</v>
      </c>
      <c r="J187">
        <v>1338.5983040000001</v>
      </c>
      <c r="K187">
        <v>120.191939</v>
      </c>
      <c r="L187">
        <v>1338.5983040000001</v>
      </c>
      <c r="M187">
        <v>119.684803</v>
      </c>
    </row>
    <row r="188" spans="2:13" x14ac:dyDescent="0.45">
      <c r="B188">
        <v>1340.52712</v>
      </c>
      <c r="C188">
        <v>119.645027</v>
      </c>
      <c r="D188">
        <v>1340.52712</v>
      </c>
      <c r="E188">
        <v>120.99444</v>
      </c>
      <c r="F188">
        <v>1340.52712</v>
      </c>
      <c r="G188">
        <v>120.117037</v>
      </c>
      <c r="H188">
        <v>1340.52712</v>
      </c>
      <c r="I188">
        <v>118.13793699999999</v>
      </c>
      <c r="J188">
        <v>1340.52712</v>
      </c>
      <c r="K188">
        <v>120.256913</v>
      </c>
      <c r="L188">
        <v>1340.52712</v>
      </c>
      <c r="M188">
        <v>119.63158</v>
      </c>
    </row>
    <row r="189" spans="2:13" x14ac:dyDescent="0.45">
      <c r="B189">
        <v>1342.4559360000001</v>
      </c>
      <c r="C189">
        <v>119.661438</v>
      </c>
      <c r="D189">
        <v>1342.4559360000001</v>
      </c>
      <c r="E189">
        <v>121.05420600000001</v>
      </c>
      <c r="F189">
        <v>1342.4559360000001</v>
      </c>
      <c r="G189">
        <v>120.149941</v>
      </c>
      <c r="H189">
        <v>1342.4559360000001</v>
      </c>
      <c r="I189">
        <v>118.233114</v>
      </c>
      <c r="J189">
        <v>1342.4559360000001</v>
      </c>
      <c r="K189">
        <v>120.31428200000001</v>
      </c>
      <c r="L189">
        <v>1342.4559360000001</v>
      </c>
      <c r="M189">
        <v>119.67207999999999</v>
      </c>
    </row>
    <row r="190" spans="2:13" x14ac:dyDescent="0.45">
      <c r="B190">
        <v>1344.3847519999999</v>
      </c>
      <c r="C190">
        <v>119.693324</v>
      </c>
      <c r="D190">
        <v>1344.3847519999999</v>
      </c>
      <c r="E190">
        <v>121.13641700000001</v>
      </c>
      <c r="F190">
        <v>1344.3847519999999</v>
      </c>
      <c r="G190">
        <v>120.177587</v>
      </c>
      <c r="H190">
        <v>1344.3847519999999</v>
      </c>
      <c r="I190">
        <v>118.338707</v>
      </c>
      <c r="J190">
        <v>1344.3847519999999</v>
      </c>
      <c r="K190">
        <v>120.33932799999999</v>
      </c>
      <c r="L190">
        <v>1344.3847519999999</v>
      </c>
      <c r="M190">
        <v>119.672369</v>
      </c>
    </row>
    <row r="191" spans="2:13" x14ac:dyDescent="0.45">
      <c r="B191">
        <v>1346.313568</v>
      </c>
      <c r="C191">
        <v>119.70083700000001</v>
      </c>
      <c r="D191">
        <v>1346.313568</v>
      </c>
      <c r="E191">
        <v>121.15017300000001</v>
      </c>
      <c r="F191">
        <v>1346.313568</v>
      </c>
      <c r="G191">
        <v>120.245152</v>
      </c>
      <c r="H191">
        <v>1346.313568</v>
      </c>
      <c r="I191">
        <v>118.41736899999999</v>
      </c>
      <c r="J191">
        <v>1346.313568</v>
      </c>
      <c r="K191">
        <v>120.30129100000001</v>
      </c>
      <c r="L191">
        <v>1346.313568</v>
      </c>
      <c r="M191">
        <v>119.619045</v>
      </c>
    </row>
    <row r="192" spans="2:13" x14ac:dyDescent="0.45">
      <c r="B192">
        <v>1348.2423839999999</v>
      </c>
      <c r="C192">
        <v>119.707854</v>
      </c>
      <c r="D192">
        <v>1348.2423839999999</v>
      </c>
      <c r="E192">
        <v>121.124483</v>
      </c>
      <c r="F192">
        <v>1348.2423839999999</v>
      </c>
      <c r="G192">
        <v>120.327316</v>
      </c>
      <c r="H192">
        <v>1348.2423839999999</v>
      </c>
      <c r="I192">
        <v>118.491253</v>
      </c>
      <c r="J192">
        <v>1348.2423839999999</v>
      </c>
      <c r="K192">
        <v>120.29956</v>
      </c>
      <c r="L192">
        <v>1348.2423839999999</v>
      </c>
      <c r="M192">
        <v>119.611428</v>
      </c>
    </row>
    <row r="193" spans="2:13" x14ac:dyDescent="0.45">
      <c r="B193">
        <v>1350.1712</v>
      </c>
      <c r="C193">
        <v>119.714433</v>
      </c>
      <c r="D193">
        <v>1350.1712</v>
      </c>
      <c r="E193">
        <v>121.101145</v>
      </c>
      <c r="F193">
        <v>1350.1712</v>
      </c>
      <c r="G193">
        <v>120.41348499999999</v>
      </c>
      <c r="H193">
        <v>1350.1712</v>
      </c>
      <c r="I193">
        <v>118.615819</v>
      </c>
      <c r="J193">
        <v>1350.1712</v>
      </c>
      <c r="K193">
        <v>120.32836</v>
      </c>
      <c r="L193">
        <v>1350.1712</v>
      </c>
      <c r="M193">
        <v>119.658704</v>
      </c>
    </row>
    <row r="194" spans="2:13" x14ac:dyDescent="0.45">
      <c r="B194">
        <v>1352.1000160000001</v>
      </c>
      <c r="C194">
        <v>119.740996</v>
      </c>
      <c r="D194">
        <v>1352.1000160000001</v>
      </c>
      <c r="E194">
        <v>121.11681900000001</v>
      </c>
      <c r="F194">
        <v>1352.1000160000001</v>
      </c>
      <c r="G194">
        <v>120.48626299999999</v>
      </c>
      <c r="H194">
        <v>1352.1000160000001</v>
      </c>
      <c r="I194">
        <v>118.737073</v>
      </c>
      <c r="J194">
        <v>1352.1000160000001</v>
      </c>
      <c r="K194">
        <v>120.32693</v>
      </c>
      <c r="L194">
        <v>1352.1000160000001</v>
      </c>
      <c r="M194">
        <v>119.72243</v>
      </c>
    </row>
    <row r="195" spans="2:13" x14ac:dyDescent="0.45">
      <c r="B195">
        <v>1354.028832</v>
      </c>
      <c r="C195">
        <v>119.731996</v>
      </c>
      <c r="D195">
        <v>1354.028832</v>
      </c>
      <c r="E195">
        <v>121.14162900000001</v>
      </c>
      <c r="F195">
        <v>1354.028832</v>
      </c>
      <c r="G195">
        <v>120.56254199999999</v>
      </c>
      <c r="H195">
        <v>1354.028832</v>
      </c>
      <c r="I195">
        <v>118.90485099999999</v>
      </c>
      <c r="J195">
        <v>1354.028832</v>
      </c>
      <c r="K195">
        <v>120.29621400000001</v>
      </c>
      <c r="L195">
        <v>1354.028832</v>
      </c>
      <c r="M195">
        <v>119.751113</v>
      </c>
    </row>
    <row r="196" spans="2:13" x14ac:dyDescent="0.45">
      <c r="B196">
        <v>1355.9576480000001</v>
      </c>
      <c r="C196">
        <v>119.67743900000001</v>
      </c>
      <c r="D196">
        <v>1355.9576480000001</v>
      </c>
      <c r="E196">
        <v>121.118081</v>
      </c>
      <c r="F196">
        <v>1355.9576480000001</v>
      </c>
      <c r="G196">
        <v>120.627696</v>
      </c>
      <c r="H196">
        <v>1355.9576480000001</v>
      </c>
      <c r="I196">
        <v>119.13467199999999</v>
      </c>
      <c r="J196">
        <v>1355.9576480000001</v>
      </c>
      <c r="K196">
        <v>120.28476499999999</v>
      </c>
      <c r="L196">
        <v>1355.9576480000001</v>
      </c>
      <c r="M196">
        <v>119.76669200000001</v>
      </c>
    </row>
    <row r="197" spans="2:13" x14ac:dyDescent="0.45">
      <c r="B197">
        <v>1357.8864639999999</v>
      </c>
      <c r="C197">
        <v>119.663805</v>
      </c>
      <c r="D197">
        <v>1357.8864639999999</v>
      </c>
      <c r="E197">
        <v>121.116094</v>
      </c>
      <c r="F197">
        <v>1357.8864639999999</v>
      </c>
      <c r="G197">
        <v>120.713706</v>
      </c>
      <c r="H197">
        <v>1357.8864639999999</v>
      </c>
      <c r="I197">
        <v>119.27018200000001</v>
      </c>
      <c r="J197">
        <v>1357.8864639999999</v>
      </c>
      <c r="K197">
        <v>120.31533400000001</v>
      </c>
      <c r="L197">
        <v>1357.8864639999999</v>
      </c>
      <c r="M197">
        <v>119.767269</v>
      </c>
    </row>
    <row r="198" spans="2:13" x14ac:dyDescent="0.45">
      <c r="B198">
        <v>1359.81528</v>
      </c>
      <c r="C198">
        <v>119.700202</v>
      </c>
      <c r="D198">
        <v>1359.81528</v>
      </c>
      <c r="E198">
        <v>121.142917</v>
      </c>
      <c r="F198">
        <v>1359.81528</v>
      </c>
      <c r="G198">
        <v>120.780125</v>
      </c>
      <c r="H198">
        <v>1359.81528</v>
      </c>
      <c r="I198">
        <v>119.343391</v>
      </c>
      <c r="J198">
        <v>1359.81528</v>
      </c>
      <c r="K198">
        <v>120.339158</v>
      </c>
      <c r="L198">
        <v>1359.81528</v>
      </c>
      <c r="M198">
        <v>119.77872000000001</v>
      </c>
    </row>
    <row r="199" spans="2:13" x14ac:dyDescent="0.45">
      <c r="B199">
        <v>1361.7440959999999</v>
      </c>
      <c r="C199">
        <v>119.675827</v>
      </c>
      <c r="D199">
        <v>1361.7440959999999</v>
      </c>
      <c r="E199">
        <v>121.160645</v>
      </c>
      <c r="F199">
        <v>1361.7440959999999</v>
      </c>
      <c r="G199">
        <v>120.821842</v>
      </c>
      <c r="H199">
        <v>1361.7440959999999</v>
      </c>
      <c r="I199">
        <v>119.41173000000001</v>
      </c>
      <c r="J199">
        <v>1361.7440959999999</v>
      </c>
      <c r="K199">
        <v>120.30483</v>
      </c>
      <c r="L199">
        <v>1361.7440959999999</v>
      </c>
      <c r="M199">
        <v>119.759834</v>
      </c>
    </row>
    <row r="200" spans="2:13" x14ac:dyDescent="0.45">
      <c r="B200">
        <v>1363.672912</v>
      </c>
      <c r="C200">
        <v>119.64685299999999</v>
      </c>
      <c r="D200">
        <v>1363.672912</v>
      </c>
      <c r="E200">
        <v>121.245693</v>
      </c>
      <c r="F200">
        <v>1363.672912</v>
      </c>
      <c r="G200">
        <v>120.916967</v>
      </c>
      <c r="H200">
        <v>1363.672912</v>
      </c>
      <c r="I200">
        <v>119.54716000000001</v>
      </c>
      <c r="J200">
        <v>1363.672912</v>
      </c>
      <c r="K200">
        <v>120.36753299999999</v>
      </c>
      <c r="L200">
        <v>1363.672912</v>
      </c>
      <c r="M200">
        <v>119.75443300000001</v>
      </c>
    </row>
    <row r="201" spans="2:13" x14ac:dyDescent="0.45">
      <c r="B201">
        <v>1365.6017280000001</v>
      </c>
      <c r="C201">
        <v>119.665789</v>
      </c>
      <c r="D201">
        <v>1365.6017280000001</v>
      </c>
      <c r="E201">
        <v>121.328784</v>
      </c>
      <c r="F201">
        <v>1365.6017280000001</v>
      </c>
      <c r="G201">
        <v>120.90212</v>
      </c>
      <c r="H201">
        <v>1365.6017280000001</v>
      </c>
      <c r="I201">
        <v>119.573627</v>
      </c>
      <c r="J201">
        <v>1365.6017280000001</v>
      </c>
      <c r="K201">
        <v>120.397846</v>
      </c>
      <c r="L201">
        <v>1365.6017280000001</v>
      </c>
      <c r="M201">
        <v>119.77063800000001</v>
      </c>
    </row>
    <row r="202" spans="2:13" x14ac:dyDescent="0.45">
      <c r="B202">
        <v>1367.530544</v>
      </c>
      <c r="C202">
        <v>119.663544</v>
      </c>
      <c r="D202">
        <v>1367.530544</v>
      </c>
      <c r="E202">
        <v>121.32728</v>
      </c>
      <c r="F202">
        <v>1367.530544</v>
      </c>
      <c r="G202">
        <v>120.87933099999999</v>
      </c>
      <c r="H202">
        <v>1367.530544</v>
      </c>
      <c r="I202">
        <v>119.51680899999999</v>
      </c>
      <c r="J202">
        <v>1367.530544</v>
      </c>
      <c r="K202">
        <v>120.388943</v>
      </c>
      <c r="L202">
        <v>1367.530544</v>
      </c>
      <c r="M202">
        <v>119.80888899999999</v>
      </c>
    </row>
    <row r="203" spans="2:13" x14ac:dyDescent="0.45">
      <c r="B203">
        <v>1369.4593600000001</v>
      </c>
      <c r="C203">
        <v>119.664388</v>
      </c>
      <c r="D203">
        <v>1369.4593600000001</v>
      </c>
      <c r="E203">
        <v>121.276217</v>
      </c>
      <c r="F203">
        <v>1369.4593600000001</v>
      </c>
      <c r="G203">
        <v>120.862692</v>
      </c>
      <c r="H203">
        <v>1369.4593600000001</v>
      </c>
      <c r="I203">
        <v>119.39854200000001</v>
      </c>
      <c r="J203">
        <v>1369.4593600000001</v>
      </c>
      <c r="K203">
        <v>120.38675000000001</v>
      </c>
      <c r="L203">
        <v>1369.4593600000001</v>
      </c>
      <c r="M203">
        <v>119.794082</v>
      </c>
    </row>
    <row r="204" spans="2:13" x14ac:dyDescent="0.45">
      <c r="B204">
        <v>1371.3881759999999</v>
      </c>
      <c r="C204">
        <v>119.71028699999999</v>
      </c>
      <c r="D204">
        <v>1371.3881759999999</v>
      </c>
      <c r="E204">
        <v>121.309117</v>
      </c>
      <c r="F204">
        <v>1371.3881759999999</v>
      </c>
      <c r="G204">
        <v>120.813526</v>
      </c>
      <c r="H204">
        <v>1371.3881759999999</v>
      </c>
      <c r="I204">
        <v>119.250978</v>
      </c>
      <c r="J204">
        <v>1371.3881759999999</v>
      </c>
      <c r="K204">
        <v>120.412459</v>
      </c>
      <c r="L204">
        <v>1371.3881759999999</v>
      </c>
      <c r="M204">
        <v>119.757413</v>
      </c>
    </row>
    <row r="205" spans="2:13" x14ac:dyDescent="0.45">
      <c r="B205">
        <v>1373.316992</v>
      </c>
      <c r="C205">
        <v>119.674553</v>
      </c>
      <c r="D205">
        <v>1373.316992</v>
      </c>
      <c r="E205">
        <v>121.31824400000001</v>
      </c>
      <c r="F205">
        <v>1373.316992</v>
      </c>
      <c r="G205">
        <v>120.792998</v>
      </c>
      <c r="H205">
        <v>1373.316992</v>
      </c>
      <c r="I205">
        <v>119.102937</v>
      </c>
      <c r="J205">
        <v>1373.316992</v>
      </c>
      <c r="K205">
        <v>120.47993</v>
      </c>
      <c r="L205">
        <v>1373.316992</v>
      </c>
      <c r="M205">
        <v>119.677559</v>
      </c>
    </row>
    <row r="206" spans="2:13" x14ac:dyDescent="0.45">
      <c r="B206">
        <v>1375.2458079999999</v>
      </c>
      <c r="C206">
        <v>119.589285</v>
      </c>
      <c r="D206">
        <v>1375.2458079999999</v>
      </c>
      <c r="E206">
        <v>121.212101</v>
      </c>
      <c r="F206">
        <v>1375.2458079999999</v>
      </c>
      <c r="G206">
        <v>120.688867</v>
      </c>
      <c r="H206">
        <v>1375.2458079999999</v>
      </c>
      <c r="I206">
        <v>118.98882999999999</v>
      </c>
      <c r="J206">
        <v>1375.2458079999999</v>
      </c>
      <c r="K206">
        <v>120.520706</v>
      </c>
      <c r="L206">
        <v>1375.2458079999999</v>
      </c>
      <c r="M206">
        <v>119.62282500000001</v>
      </c>
    </row>
    <row r="207" spans="2:13" x14ac:dyDescent="0.45">
      <c r="B207">
        <v>1377.174624</v>
      </c>
      <c r="C207">
        <v>119.610737</v>
      </c>
      <c r="D207">
        <v>1377.174624</v>
      </c>
      <c r="E207">
        <v>121.155894</v>
      </c>
      <c r="F207">
        <v>1377.174624</v>
      </c>
      <c r="G207">
        <v>120.579399</v>
      </c>
      <c r="H207">
        <v>1377.174624</v>
      </c>
      <c r="I207">
        <v>118.835601</v>
      </c>
      <c r="J207">
        <v>1377.174624</v>
      </c>
      <c r="K207">
        <v>120.4746</v>
      </c>
      <c r="L207">
        <v>1377.174624</v>
      </c>
      <c r="M207">
        <v>119.640793</v>
      </c>
    </row>
    <row r="208" spans="2:13" x14ac:dyDescent="0.45">
      <c r="B208">
        <v>1379.1034400000001</v>
      </c>
      <c r="C208">
        <v>119.647262</v>
      </c>
      <c r="D208">
        <v>1379.1034400000001</v>
      </c>
      <c r="E208">
        <v>121.136078</v>
      </c>
      <c r="F208">
        <v>1379.1034400000001</v>
      </c>
      <c r="G208">
        <v>120.515888</v>
      </c>
      <c r="H208">
        <v>1379.1034400000001</v>
      </c>
      <c r="I208">
        <v>118.699671</v>
      </c>
      <c r="J208">
        <v>1379.1034400000001</v>
      </c>
      <c r="K208">
        <v>120.46275</v>
      </c>
      <c r="L208">
        <v>1379.1034400000001</v>
      </c>
      <c r="M208">
        <v>119.64640199999999</v>
      </c>
    </row>
    <row r="209" spans="2:13" x14ac:dyDescent="0.45">
      <c r="B209">
        <v>1381.032256</v>
      </c>
      <c r="C209">
        <v>119.630144</v>
      </c>
      <c r="D209">
        <v>1381.032256</v>
      </c>
      <c r="E209">
        <v>121.134522</v>
      </c>
      <c r="F209">
        <v>1381.032256</v>
      </c>
      <c r="G209">
        <v>120.432018</v>
      </c>
      <c r="H209">
        <v>1381.032256</v>
      </c>
      <c r="I209">
        <v>118.59937499999999</v>
      </c>
      <c r="J209">
        <v>1381.032256</v>
      </c>
      <c r="K209">
        <v>120.405151</v>
      </c>
      <c r="L209">
        <v>1381.032256</v>
      </c>
      <c r="M209">
        <v>119.62120299999999</v>
      </c>
    </row>
    <row r="210" spans="2:13" x14ac:dyDescent="0.45">
      <c r="B210">
        <v>1382.9610720000001</v>
      </c>
      <c r="C210">
        <v>119.566351</v>
      </c>
      <c r="D210">
        <v>1382.9610720000001</v>
      </c>
      <c r="E210">
        <v>121.08957000000001</v>
      </c>
      <c r="F210">
        <v>1382.9610720000001</v>
      </c>
      <c r="G210">
        <v>120.368848</v>
      </c>
      <c r="H210">
        <v>1382.9610720000001</v>
      </c>
      <c r="I210">
        <v>118.60243</v>
      </c>
      <c r="J210">
        <v>1382.9610720000001</v>
      </c>
      <c r="K210">
        <v>120.360964</v>
      </c>
      <c r="L210">
        <v>1382.9610720000001</v>
      </c>
      <c r="M210">
        <v>119.61788799999999</v>
      </c>
    </row>
    <row r="211" spans="2:13" x14ac:dyDescent="0.45">
      <c r="B211">
        <v>1384.8898879999999</v>
      </c>
      <c r="C211">
        <v>119.57086</v>
      </c>
      <c r="D211">
        <v>1384.8898879999999</v>
      </c>
      <c r="E211">
        <v>121.03728100000001</v>
      </c>
      <c r="F211">
        <v>1384.8898879999999</v>
      </c>
      <c r="G211">
        <v>120.29902</v>
      </c>
      <c r="H211">
        <v>1384.8898879999999</v>
      </c>
      <c r="I211">
        <v>118.60681</v>
      </c>
      <c r="J211">
        <v>1384.8898879999999</v>
      </c>
      <c r="K211">
        <v>120.382981</v>
      </c>
      <c r="L211">
        <v>1384.8898879999999</v>
      </c>
      <c r="M211">
        <v>119.608093</v>
      </c>
    </row>
    <row r="212" spans="2:13" x14ac:dyDescent="0.45">
      <c r="B212">
        <v>1386.818704</v>
      </c>
      <c r="C212">
        <v>119.57543200000001</v>
      </c>
      <c r="D212">
        <v>1386.818704</v>
      </c>
      <c r="E212">
        <v>120.973707</v>
      </c>
      <c r="F212">
        <v>1386.818704</v>
      </c>
      <c r="G212">
        <v>120.281069</v>
      </c>
      <c r="H212">
        <v>1386.818704</v>
      </c>
      <c r="I212">
        <v>118.563059</v>
      </c>
      <c r="J212">
        <v>1386.818704</v>
      </c>
      <c r="K212">
        <v>120.345721</v>
      </c>
      <c r="L212">
        <v>1386.818704</v>
      </c>
      <c r="M212">
        <v>119.566962</v>
      </c>
    </row>
    <row r="213" spans="2:13" x14ac:dyDescent="0.45">
      <c r="B213">
        <v>1388.7475199999999</v>
      </c>
      <c r="C213">
        <v>119.548337</v>
      </c>
      <c r="D213">
        <v>1388.7475199999999</v>
      </c>
      <c r="E213">
        <v>120.962006</v>
      </c>
      <c r="F213">
        <v>1388.7475199999999</v>
      </c>
      <c r="G213">
        <v>120.31506</v>
      </c>
      <c r="H213">
        <v>1388.7475199999999</v>
      </c>
      <c r="I213">
        <v>118.63655799999999</v>
      </c>
      <c r="J213">
        <v>1388.7475199999999</v>
      </c>
      <c r="K213">
        <v>120.339219</v>
      </c>
      <c r="L213">
        <v>1388.7475199999999</v>
      </c>
      <c r="M213">
        <v>119.497347</v>
      </c>
    </row>
    <row r="214" spans="2:13" x14ac:dyDescent="0.45">
      <c r="B214">
        <v>1390.676336</v>
      </c>
      <c r="C214">
        <v>119.54746299999999</v>
      </c>
      <c r="D214">
        <v>1390.676336</v>
      </c>
      <c r="E214">
        <v>120.965462</v>
      </c>
      <c r="F214">
        <v>1390.676336</v>
      </c>
      <c r="G214">
        <v>120.348241</v>
      </c>
      <c r="H214">
        <v>1390.676336</v>
      </c>
      <c r="I214">
        <v>118.732579</v>
      </c>
      <c r="J214">
        <v>1390.676336</v>
      </c>
      <c r="K214">
        <v>120.367662</v>
      </c>
      <c r="L214">
        <v>1390.676336</v>
      </c>
      <c r="M214">
        <v>119.508323</v>
      </c>
    </row>
    <row r="215" spans="2:13" x14ac:dyDescent="0.45">
      <c r="B215">
        <v>1392.6051520000001</v>
      </c>
      <c r="C215">
        <v>119.547393</v>
      </c>
      <c r="D215">
        <v>1392.6051520000001</v>
      </c>
      <c r="E215">
        <v>120.93261800000001</v>
      </c>
      <c r="F215">
        <v>1392.6051520000001</v>
      </c>
      <c r="G215">
        <v>120.364346</v>
      </c>
      <c r="H215">
        <v>1392.6051520000001</v>
      </c>
      <c r="I215">
        <v>118.746104</v>
      </c>
      <c r="J215">
        <v>1392.6051520000001</v>
      </c>
      <c r="K215">
        <v>120.31901000000001</v>
      </c>
      <c r="L215">
        <v>1392.6051520000001</v>
      </c>
      <c r="M215">
        <v>119.509029</v>
      </c>
    </row>
    <row r="216" spans="2:13" x14ac:dyDescent="0.45">
      <c r="B216">
        <v>1394.533968</v>
      </c>
      <c r="C216">
        <v>119.557602</v>
      </c>
      <c r="D216">
        <v>1394.533968</v>
      </c>
      <c r="E216">
        <v>120.93359000000001</v>
      </c>
      <c r="F216">
        <v>1394.533968</v>
      </c>
      <c r="G216">
        <v>120.400604</v>
      </c>
      <c r="H216">
        <v>1394.533968</v>
      </c>
      <c r="I216">
        <v>118.764009</v>
      </c>
      <c r="J216">
        <v>1394.533968</v>
      </c>
      <c r="K216">
        <v>120.244362</v>
      </c>
      <c r="L216">
        <v>1394.533968</v>
      </c>
      <c r="M216">
        <v>119.487973</v>
      </c>
    </row>
    <row r="217" spans="2:13" x14ac:dyDescent="0.45">
      <c r="B217">
        <v>1396.4627840000001</v>
      </c>
      <c r="C217">
        <v>119.53918400000001</v>
      </c>
      <c r="D217">
        <v>1396.4627840000001</v>
      </c>
      <c r="E217">
        <v>121.033629</v>
      </c>
      <c r="F217">
        <v>1396.4627840000001</v>
      </c>
      <c r="G217">
        <v>120.433886</v>
      </c>
      <c r="H217">
        <v>1396.4627840000001</v>
      </c>
      <c r="I217">
        <v>118.912385</v>
      </c>
      <c r="J217">
        <v>1396.4627840000001</v>
      </c>
      <c r="K217">
        <v>120.27534300000001</v>
      </c>
      <c r="L217">
        <v>1396.4627840000001</v>
      </c>
      <c r="M217">
        <v>119.403425</v>
      </c>
    </row>
    <row r="218" spans="2:13" x14ac:dyDescent="0.45">
      <c r="B218">
        <v>1398.3915999999999</v>
      </c>
      <c r="C218">
        <v>119.46868600000001</v>
      </c>
      <c r="D218">
        <v>1398.3915999999999</v>
      </c>
      <c r="E218">
        <v>121.061285</v>
      </c>
      <c r="F218">
        <v>1398.3915999999999</v>
      </c>
      <c r="G218">
        <v>120.456293</v>
      </c>
      <c r="H218">
        <v>1398.3915999999999</v>
      </c>
      <c r="I218">
        <v>118.998977</v>
      </c>
      <c r="J218">
        <v>1398.3915999999999</v>
      </c>
      <c r="K218">
        <v>120.245653</v>
      </c>
      <c r="L218">
        <v>1398.3915999999999</v>
      </c>
      <c r="M218">
        <v>119.31233400000001</v>
      </c>
    </row>
    <row r="219" spans="2:13" x14ac:dyDescent="0.45">
      <c r="B219">
        <v>1400.320416</v>
      </c>
      <c r="C219">
        <v>119.421407</v>
      </c>
      <c r="D219">
        <v>1400.320416</v>
      </c>
      <c r="E219">
        <v>121.023382</v>
      </c>
      <c r="F219">
        <v>1400.320416</v>
      </c>
      <c r="G219">
        <v>120.53841799999999</v>
      </c>
      <c r="H219">
        <v>1400.320416</v>
      </c>
      <c r="I219">
        <v>119.086483</v>
      </c>
      <c r="J219">
        <v>1400.320416</v>
      </c>
      <c r="K219">
        <v>120.23117999999999</v>
      </c>
      <c r="L219">
        <v>1400.320416</v>
      </c>
      <c r="M219">
        <v>119.14950899999999</v>
      </c>
    </row>
    <row r="220" spans="2:13" x14ac:dyDescent="0.45">
      <c r="B220">
        <v>1402.2492319999999</v>
      </c>
      <c r="C220">
        <v>119.418262</v>
      </c>
      <c r="D220">
        <v>1402.2492319999999</v>
      </c>
      <c r="E220">
        <v>120.985608</v>
      </c>
      <c r="F220">
        <v>1402.2492319999999</v>
      </c>
      <c r="G220">
        <v>120.55212899999999</v>
      </c>
      <c r="H220">
        <v>1402.2492319999999</v>
      </c>
      <c r="I220">
        <v>119.061106</v>
      </c>
      <c r="J220">
        <v>1402.2492319999999</v>
      </c>
      <c r="K220">
        <v>120.169147</v>
      </c>
      <c r="L220">
        <v>1402.2492319999999</v>
      </c>
      <c r="M220">
        <v>119.117485</v>
      </c>
    </row>
    <row r="221" spans="2:13" x14ac:dyDescent="0.45">
      <c r="B221">
        <v>1404.178048</v>
      </c>
      <c r="C221">
        <v>119.416489</v>
      </c>
      <c r="D221">
        <v>1404.178048</v>
      </c>
      <c r="E221">
        <v>120.92317800000001</v>
      </c>
      <c r="F221">
        <v>1404.178048</v>
      </c>
      <c r="G221">
        <v>120.532464</v>
      </c>
      <c r="H221">
        <v>1404.178048</v>
      </c>
      <c r="I221">
        <v>119.036186</v>
      </c>
      <c r="J221">
        <v>1404.178048</v>
      </c>
      <c r="K221">
        <v>120.042935</v>
      </c>
      <c r="L221">
        <v>1404.178048</v>
      </c>
      <c r="M221">
        <v>119.008454</v>
      </c>
    </row>
    <row r="222" spans="2:13" x14ac:dyDescent="0.45">
      <c r="B222">
        <v>1406.1068640000001</v>
      </c>
      <c r="C222">
        <v>119.400577</v>
      </c>
      <c r="D222">
        <v>1406.1068640000001</v>
      </c>
      <c r="E222">
        <v>120.861655</v>
      </c>
      <c r="F222">
        <v>1406.1068640000001</v>
      </c>
      <c r="G222">
        <v>120.460565</v>
      </c>
      <c r="H222">
        <v>1406.1068640000001</v>
      </c>
      <c r="I222">
        <v>119.014415</v>
      </c>
      <c r="J222">
        <v>1406.1068640000001</v>
      </c>
      <c r="K222">
        <v>119.960211</v>
      </c>
      <c r="L222">
        <v>1406.1068640000001</v>
      </c>
      <c r="M222">
        <v>118.780402</v>
      </c>
    </row>
    <row r="223" spans="2:13" x14ac:dyDescent="0.45">
      <c r="B223">
        <v>1408.03568</v>
      </c>
      <c r="C223">
        <v>119.42403</v>
      </c>
      <c r="D223">
        <v>1408.03568</v>
      </c>
      <c r="E223">
        <v>120.84264300000001</v>
      </c>
      <c r="F223">
        <v>1408.03568</v>
      </c>
      <c r="G223">
        <v>120.390792</v>
      </c>
      <c r="H223">
        <v>1408.03568</v>
      </c>
      <c r="I223">
        <v>118.885667</v>
      </c>
      <c r="J223">
        <v>1408.03568</v>
      </c>
      <c r="K223">
        <v>119.886004</v>
      </c>
      <c r="L223">
        <v>1408.03568</v>
      </c>
      <c r="M223">
        <v>118.623632</v>
      </c>
    </row>
    <row r="224" spans="2:13" x14ac:dyDescent="0.45">
      <c r="B224">
        <v>1409.9644960000001</v>
      </c>
      <c r="C224">
        <v>119.43686099999999</v>
      </c>
      <c r="D224">
        <v>1409.9644960000001</v>
      </c>
      <c r="E224">
        <v>120.837861</v>
      </c>
      <c r="F224">
        <v>1409.9644960000001</v>
      </c>
      <c r="G224">
        <v>120.347545</v>
      </c>
      <c r="H224">
        <v>1409.9644960000001</v>
      </c>
      <c r="I224">
        <v>118.75679100000001</v>
      </c>
      <c r="J224">
        <v>1409.9644960000001</v>
      </c>
      <c r="K224">
        <v>119.818202</v>
      </c>
      <c r="L224">
        <v>1409.9644960000001</v>
      </c>
      <c r="M224">
        <v>118.51119300000001</v>
      </c>
    </row>
    <row r="225" spans="2:13" x14ac:dyDescent="0.45">
      <c r="B225">
        <v>1411.8933119999999</v>
      </c>
      <c r="C225">
        <v>119.386252</v>
      </c>
      <c r="D225">
        <v>1411.8933119999999</v>
      </c>
      <c r="E225">
        <v>120.777704</v>
      </c>
      <c r="F225">
        <v>1411.8933119999999</v>
      </c>
      <c r="G225">
        <v>120.304697</v>
      </c>
      <c r="H225">
        <v>1411.8933119999999</v>
      </c>
      <c r="I225">
        <v>118.69437499999999</v>
      </c>
      <c r="J225">
        <v>1411.8933119999999</v>
      </c>
      <c r="K225">
        <v>119.742493</v>
      </c>
      <c r="L225">
        <v>1411.8933119999999</v>
      </c>
      <c r="M225">
        <v>118.367904</v>
      </c>
    </row>
    <row r="226" spans="2:13" x14ac:dyDescent="0.45">
      <c r="B226">
        <v>1413.822128</v>
      </c>
      <c r="C226">
        <v>119.366675</v>
      </c>
      <c r="D226">
        <v>1413.822128</v>
      </c>
      <c r="E226">
        <v>120.736277</v>
      </c>
      <c r="F226">
        <v>1413.822128</v>
      </c>
      <c r="G226">
        <v>120.277356</v>
      </c>
      <c r="H226">
        <v>1413.822128</v>
      </c>
      <c r="I226">
        <v>118.662699</v>
      </c>
      <c r="J226">
        <v>1413.822128</v>
      </c>
      <c r="K226">
        <v>119.67420199999999</v>
      </c>
      <c r="L226">
        <v>1413.822128</v>
      </c>
      <c r="M226">
        <v>118.345034</v>
      </c>
    </row>
    <row r="227" spans="2:13" x14ac:dyDescent="0.45">
      <c r="B227">
        <v>1415.7509439999999</v>
      </c>
      <c r="C227">
        <v>119.39627400000001</v>
      </c>
      <c r="D227">
        <v>1415.7509439999999</v>
      </c>
      <c r="E227">
        <v>120.724695</v>
      </c>
      <c r="F227">
        <v>1415.7509439999999</v>
      </c>
      <c r="G227">
        <v>120.25372900000001</v>
      </c>
      <c r="H227">
        <v>1415.7509439999999</v>
      </c>
      <c r="I227">
        <v>118.676197</v>
      </c>
      <c r="J227">
        <v>1415.7509439999999</v>
      </c>
      <c r="K227">
        <v>119.62056200000001</v>
      </c>
      <c r="L227">
        <v>1415.7509439999999</v>
      </c>
      <c r="M227">
        <v>118.41233</v>
      </c>
    </row>
    <row r="228" spans="2:13" x14ac:dyDescent="0.45">
      <c r="B228">
        <v>1417.67976</v>
      </c>
      <c r="C228">
        <v>119.388589</v>
      </c>
      <c r="D228">
        <v>1417.67976</v>
      </c>
      <c r="E228">
        <v>120.69252</v>
      </c>
      <c r="F228">
        <v>1417.67976</v>
      </c>
      <c r="G228">
        <v>120.261754</v>
      </c>
      <c r="H228">
        <v>1417.67976</v>
      </c>
      <c r="I228">
        <v>118.70842500000001</v>
      </c>
      <c r="J228">
        <v>1417.67976</v>
      </c>
      <c r="K228">
        <v>119.60745</v>
      </c>
      <c r="L228">
        <v>1417.67976</v>
      </c>
      <c r="M228">
        <v>118.52222399999999</v>
      </c>
    </row>
    <row r="229" spans="2:13" x14ac:dyDescent="0.45">
      <c r="B229">
        <v>1419.6085760000001</v>
      </c>
      <c r="C229">
        <v>119.23085399999999</v>
      </c>
      <c r="D229">
        <v>1419.6085760000001</v>
      </c>
      <c r="E229">
        <v>120.74410400000001</v>
      </c>
      <c r="F229">
        <v>1419.6085760000001</v>
      </c>
      <c r="G229">
        <v>120.33089200000001</v>
      </c>
      <c r="H229">
        <v>1419.6085760000001</v>
      </c>
      <c r="I229">
        <v>118.68501000000001</v>
      </c>
      <c r="J229">
        <v>1419.6085760000001</v>
      </c>
      <c r="K229">
        <v>119.710363</v>
      </c>
      <c r="L229">
        <v>1419.6085760000001</v>
      </c>
      <c r="M229">
        <v>118.471861</v>
      </c>
    </row>
    <row r="230" spans="2:13" x14ac:dyDescent="0.45">
      <c r="B230">
        <v>1421.537392</v>
      </c>
      <c r="C230">
        <v>119.22223</v>
      </c>
      <c r="D230">
        <v>1421.537392</v>
      </c>
      <c r="E230">
        <v>120.841925</v>
      </c>
      <c r="F230">
        <v>1421.537392</v>
      </c>
      <c r="G230">
        <v>120.330152</v>
      </c>
      <c r="H230">
        <v>1421.537392</v>
      </c>
      <c r="I230">
        <v>118.69117300000001</v>
      </c>
      <c r="J230">
        <v>1421.537392</v>
      </c>
      <c r="K230">
        <v>119.782482</v>
      </c>
      <c r="L230">
        <v>1421.537392</v>
      </c>
      <c r="M230">
        <v>118.53695999999999</v>
      </c>
    </row>
    <row r="231" spans="2:13" x14ac:dyDescent="0.45">
      <c r="B231">
        <v>1423.4662080000001</v>
      </c>
      <c r="C231">
        <v>119.238384</v>
      </c>
      <c r="D231">
        <v>1423.4662080000001</v>
      </c>
      <c r="E231">
        <v>120.855346</v>
      </c>
      <c r="F231">
        <v>1423.4662080000001</v>
      </c>
      <c r="G231">
        <v>120.25318</v>
      </c>
      <c r="H231">
        <v>1423.4662080000001</v>
      </c>
      <c r="I231">
        <v>118.564542</v>
      </c>
      <c r="J231">
        <v>1423.4662080000001</v>
      </c>
      <c r="K231">
        <v>119.758047</v>
      </c>
      <c r="L231">
        <v>1423.4662080000001</v>
      </c>
      <c r="M231">
        <v>118.603601</v>
      </c>
    </row>
    <row r="232" spans="2:13" x14ac:dyDescent="0.45">
      <c r="B232">
        <v>1425.3950239999999</v>
      </c>
      <c r="C232">
        <v>119.256066</v>
      </c>
      <c r="D232">
        <v>1425.3950239999999</v>
      </c>
      <c r="E232">
        <v>120.809759</v>
      </c>
      <c r="F232">
        <v>1425.3950239999999</v>
      </c>
      <c r="G232">
        <v>120.233406</v>
      </c>
      <c r="H232">
        <v>1425.3950239999999</v>
      </c>
      <c r="I232">
        <v>118.441998</v>
      </c>
      <c r="J232">
        <v>1425.3950239999999</v>
      </c>
      <c r="K232">
        <v>119.73571200000001</v>
      </c>
      <c r="L232">
        <v>1425.3950239999999</v>
      </c>
      <c r="M232">
        <v>118.587613</v>
      </c>
    </row>
    <row r="233" spans="2:13" x14ac:dyDescent="0.45">
      <c r="B233">
        <v>1427.32384</v>
      </c>
      <c r="C233">
        <v>119.252174</v>
      </c>
      <c r="D233">
        <v>1427.32384</v>
      </c>
      <c r="E233">
        <v>120.830135</v>
      </c>
      <c r="F233">
        <v>1427.32384</v>
      </c>
      <c r="G233">
        <v>120.175365</v>
      </c>
      <c r="H233">
        <v>1427.32384</v>
      </c>
      <c r="I233">
        <v>118.25393099999999</v>
      </c>
      <c r="J233">
        <v>1427.32384</v>
      </c>
      <c r="K233">
        <v>119.61704400000001</v>
      </c>
      <c r="L233">
        <v>1427.32384</v>
      </c>
      <c r="M233">
        <v>118.571854</v>
      </c>
    </row>
    <row r="234" spans="2:13" x14ac:dyDescent="0.45">
      <c r="B234">
        <v>1429.2526559999999</v>
      </c>
      <c r="C234">
        <v>119.210865</v>
      </c>
      <c r="D234">
        <v>1429.2526559999999</v>
      </c>
      <c r="E234">
        <v>120.824792</v>
      </c>
      <c r="F234">
        <v>1429.2526559999999</v>
      </c>
      <c r="G234">
        <v>120.130619</v>
      </c>
      <c r="H234">
        <v>1429.2526559999999</v>
      </c>
      <c r="I234">
        <v>118.08269199999999</v>
      </c>
      <c r="J234">
        <v>1429.2526559999999</v>
      </c>
      <c r="K234">
        <v>119.54577999999999</v>
      </c>
      <c r="L234">
        <v>1429.2526559999999</v>
      </c>
      <c r="M234">
        <v>118.500821</v>
      </c>
    </row>
    <row r="235" spans="2:13" x14ac:dyDescent="0.45">
      <c r="B235">
        <v>1431.181472</v>
      </c>
      <c r="C235">
        <v>119.23973100000001</v>
      </c>
      <c r="D235">
        <v>1431.181472</v>
      </c>
      <c r="E235">
        <v>120.74535900000001</v>
      </c>
      <c r="F235">
        <v>1431.181472</v>
      </c>
      <c r="G235">
        <v>120.021601</v>
      </c>
      <c r="H235">
        <v>1431.181472</v>
      </c>
      <c r="I235">
        <v>117.94959</v>
      </c>
      <c r="J235">
        <v>1431.181472</v>
      </c>
      <c r="K235">
        <v>119.498923</v>
      </c>
      <c r="L235">
        <v>1431.181472</v>
      </c>
      <c r="M235">
        <v>118.37927000000001</v>
      </c>
    </row>
    <row r="236" spans="2:13" x14ac:dyDescent="0.45">
      <c r="B236">
        <v>1433.1102880000001</v>
      </c>
      <c r="C236">
        <v>119.25513599999999</v>
      </c>
      <c r="D236">
        <v>1433.1102880000001</v>
      </c>
      <c r="E236">
        <v>120.75683100000001</v>
      </c>
      <c r="F236">
        <v>1433.1102880000001</v>
      </c>
      <c r="G236">
        <v>119.986271</v>
      </c>
      <c r="H236">
        <v>1433.1102880000001</v>
      </c>
      <c r="I236">
        <v>117.863838</v>
      </c>
      <c r="J236">
        <v>1433.1102880000001</v>
      </c>
      <c r="K236">
        <v>119.480268</v>
      </c>
      <c r="L236">
        <v>1433.1102880000001</v>
      </c>
      <c r="M236">
        <v>118.317115</v>
      </c>
    </row>
    <row r="237" spans="2:13" x14ac:dyDescent="0.45">
      <c r="B237">
        <v>1435.039104</v>
      </c>
      <c r="C237">
        <v>119.195753</v>
      </c>
      <c r="D237">
        <v>1435.039104</v>
      </c>
      <c r="E237">
        <v>120.757766</v>
      </c>
      <c r="F237">
        <v>1435.039104</v>
      </c>
      <c r="G237">
        <v>119.948049</v>
      </c>
      <c r="H237">
        <v>1435.039104</v>
      </c>
      <c r="I237">
        <v>117.794005</v>
      </c>
      <c r="J237">
        <v>1435.039104</v>
      </c>
      <c r="K237">
        <v>119.343997</v>
      </c>
      <c r="L237">
        <v>1435.039104</v>
      </c>
      <c r="M237">
        <v>118.26467</v>
      </c>
    </row>
    <row r="238" spans="2:13" x14ac:dyDescent="0.45">
      <c r="B238">
        <v>1436.96792</v>
      </c>
      <c r="C238">
        <v>119.10622100000001</v>
      </c>
      <c r="D238">
        <v>1436.96792</v>
      </c>
      <c r="E238">
        <v>120.670975</v>
      </c>
      <c r="F238">
        <v>1436.96792</v>
      </c>
      <c r="G238">
        <v>120.01056199999999</v>
      </c>
      <c r="H238">
        <v>1436.96792</v>
      </c>
      <c r="I238">
        <v>117.83313099999999</v>
      </c>
      <c r="J238">
        <v>1436.96792</v>
      </c>
      <c r="K238">
        <v>119.243008</v>
      </c>
      <c r="L238">
        <v>1436.96792</v>
      </c>
      <c r="M238">
        <v>118.07227899999999</v>
      </c>
    </row>
    <row r="239" spans="2:13" x14ac:dyDescent="0.45">
      <c r="B239">
        <v>1438.8967359999999</v>
      </c>
      <c r="C239">
        <v>119.11929000000001</v>
      </c>
      <c r="D239">
        <v>1438.8967359999999</v>
      </c>
      <c r="E239">
        <v>120.654005</v>
      </c>
      <c r="F239">
        <v>1438.8967359999999</v>
      </c>
      <c r="G239">
        <v>119.988253</v>
      </c>
      <c r="H239">
        <v>1438.8967359999999</v>
      </c>
      <c r="I239">
        <v>117.857541</v>
      </c>
      <c r="J239">
        <v>1438.8967359999999</v>
      </c>
      <c r="K239">
        <v>119.291693</v>
      </c>
      <c r="L239">
        <v>1438.8967359999999</v>
      </c>
      <c r="M239">
        <v>117.973972</v>
      </c>
    </row>
    <row r="240" spans="2:13" x14ac:dyDescent="0.45">
      <c r="B240">
        <v>1440.825552</v>
      </c>
      <c r="C240">
        <v>119.13472899999999</v>
      </c>
      <c r="D240">
        <v>1440.825552</v>
      </c>
      <c r="E240">
        <v>120.634721</v>
      </c>
      <c r="F240">
        <v>1440.825552</v>
      </c>
      <c r="G240">
        <v>119.896964</v>
      </c>
      <c r="H240">
        <v>1440.825552</v>
      </c>
      <c r="I240">
        <v>117.812439</v>
      </c>
      <c r="J240">
        <v>1440.825552</v>
      </c>
      <c r="K240">
        <v>119.214212</v>
      </c>
      <c r="L240">
        <v>1440.825552</v>
      </c>
      <c r="M240">
        <v>117.960791</v>
      </c>
    </row>
    <row r="241" spans="2:13" x14ac:dyDescent="0.45">
      <c r="B241">
        <v>1442.7543680000001</v>
      </c>
      <c r="C241">
        <v>119.115028</v>
      </c>
      <c r="D241">
        <v>1442.7543680000001</v>
      </c>
      <c r="E241">
        <v>120.576503</v>
      </c>
      <c r="F241">
        <v>1442.7543680000001</v>
      </c>
      <c r="G241">
        <v>119.847679</v>
      </c>
      <c r="H241">
        <v>1442.7543680000001</v>
      </c>
      <c r="I241">
        <v>117.750607</v>
      </c>
      <c r="J241">
        <v>1442.7543680000001</v>
      </c>
      <c r="K241">
        <v>119.080066</v>
      </c>
      <c r="L241">
        <v>1442.7543680000001</v>
      </c>
      <c r="M241">
        <v>117.88037</v>
      </c>
    </row>
    <row r="242" spans="2:13" x14ac:dyDescent="0.45">
      <c r="B242">
        <v>1444.683184</v>
      </c>
      <c r="C242">
        <v>119.142644</v>
      </c>
      <c r="D242">
        <v>1444.683184</v>
      </c>
      <c r="E242">
        <v>120.526302</v>
      </c>
      <c r="F242">
        <v>1444.683184</v>
      </c>
      <c r="G242">
        <v>119.816484</v>
      </c>
      <c r="H242">
        <v>1444.683184</v>
      </c>
      <c r="I242">
        <v>117.663453</v>
      </c>
      <c r="J242">
        <v>1444.683184</v>
      </c>
      <c r="K242">
        <v>119.001127</v>
      </c>
      <c r="L242">
        <v>1444.683184</v>
      </c>
      <c r="M242">
        <v>117.796915</v>
      </c>
    </row>
    <row r="243" spans="2:13" x14ac:dyDescent="0.45">
      <c r="B243">
        <v>1446.6120000000001</v>
      </c>
      <c r="C243">
        <v>119.12160799999999</v>
      </c>
      <c r="D243">
        <v>1446.6120000000001</v>
      </c>
      <c r="E243">
        <v>120.43845</v>
      </c>
      <c r="F243">
        <v>1446.6120000000001</v>
      </c>
      <c r="G243">
        <v>119.72782100000001</v>
      </c>
      <c r="H243">
        <v>1446.6120000000001</v>
      </c>
      <c r="I243">
        <v>117.575183</v>
      </c>
      <c r="J243">
        <v>1446.6120000000001</v>
      </c>
      <c r="K243">
        <v>118.885594</v>
      </c>
      <c r="L243">
        <v>1446.6120000000001</v>
      </c>
      <c r="M243">
        <v>117.633707</v>
      </c>
    </row>
    <row r="244" spans="2:13" x14ac:dyDescent="0.45">
      <c r="B244">
        <v>1448.5408159999999</v>
      </c>
      <c r="C244">
        <v>119.020303</v>
      </c>
      <c r="D244">
        <v>1448.5408159999999</v>
      </c>
      <c r="E244">
        <v>120.350313</v>
      </c>
      <c r="F244">
        <v>1448.5408159999999</v>
      </c>
      <c r="G244">
        <v>119.69893999999999</v>
      </c>
      <c r="H244">
        <v>1448.5408159999999</v>
      </c>
      <c r="I244">
        <v>117.575292</v>
      </c>
      <c r="J244">
        <v>1448.5408159999999</v>
      </c>
      <c r="K244">
        <v>118.759891</v>
      </c>
      <c r="L244">
        <v>1448.5408159999999</v>
      </c>
      <c r="M244">
        <v>117.477108</v>
      </c>
    </row>
    <row r="245" spans="2:13" x14ac:dyDescent="0.45">
      <c r="B245">
        <v>1450.469632</v>
      </c>
      <c r="C245">
        <v>119.025997</v>
      </c>
      <c r="D245">
        <v>1450.469632</v>
      </c>
      <c r="E245">
        <v>120.334633</v>
      </c>
      <c r="F245">
        <v>1450.469632</v>
      </c>
      <c r="G245">
        <v>119.658407</v>
      </c>
      <c r="H245">
        <v>1450.469632</v>
      </c>
      <c r="I245">
        <v>117.623195</v>
      </c>
      <c r="J245">
        <v>1450.469632</v>
      </c>
      <c r="K245">
        <v>118.69590100000001</v>
      </c>
      <c r="L245">
        <v>1450.469632</v>
      </c>
      <c r="M245">
        <v>117.375799</v>
      </c>
    </row>
    <row r="246" spans="2:13" x14ac:dyDescent="0.45">
      <c r="B246">
        <v>1452.3984479999999</v>
      </c>
      <c r="C246">
        <v>119.07342300000001</v>
      </c>
      <c r="D246">
        <v>1452.3984479999999</v>
      </c>
      <c r="E246">
        <v>120.382311</v>
      </c>
      <c r="F246">
        <v>1452.3984479999999</v>
      </c>
      <c r="G246">
        <v>119.610529</v>
      </c>
      <c r="H246">
        <v>1452.3984479999999</v>
      </c>
      <c r="I246">
        <v>117.642781</v>
      </c>
      <c r="J246">
        <v>1452.3984479999999</v>
      </c>
      <c r="K246">
        <v>118.625192</v>
      </c>
      <c r="L246">
        <v>1452.3984479999999</v>
      </c>
      <c r="M246">
        <v>117.31374599999999</v>
      </c>
    </row>
    <row r="247" spans="2:13" x14ac:dyDescent="0.45">
      <c r="B247">
        <v>1454.327264</v>
      </c>
      <c r="C247">
        <v>119.083905</v>
      </c>
      <c r="D247">
        <v>1454.327264</v>
      </c>
      <c r="E247">
        <v>120.44050900000001</v>
      </c>
      <c r="F247">
        <v>1454.327264</v>
      </c>
      <c r="G247">
        <v>119.50348700000001</v>
      </c>
      <c r="H247">
        <v>1454.327264</v>
      </c>
      <c r="I247">
        <v>117.541399</v>
      </c>
      <c r="J247">
        <v>1454.327264</v>
      </c>
      <c r="K247">
        <v>118.48316199999999</v>
      </c>
      <c r="L247">
        <v>1454.327264</v>
      </c>
      <c r="M247">
        <v>117.25760699999999</v>
      </c>
    </row>
    <row r="248" spans="2:13" x14ac:dyDescent="0.45">
      <c r="B248">
        <v>1456.2560800000001</v>
      </c>
      <c r="C248">
        <v>118.95712</v>
      </c>
      <c r="D248">
        <v>1456.2560800000001</v>
      </c>
      <c r="E248">
        <v>120.358552</v>
      </c>
      <c r="F248">
        <v>1456.2560800000001</v>
      </c>
      <c r="G248">
        <v>119.44738099999999</v>
      </c>
      <c r="H248">
        <v>1456.2560800000001</v>
      </c>
      <c r="I248">
        <v>117.435597</v>
      </c>
      <c r="J248">
        <v>1456.2560800000001</v>
      </c>
      <c r="K248">
        <v>118.335392</v>
      </c>
      <c r="L248">
        <v>1456.2560800000001</v>
      </c>
      <c r="M248">
        <v>117.01466600000001</v>
      </c>
    </row>
    <row r="249" spans="2:13" x14ac:dyDescent="0.45">
      <c r="B249">
        <v>1458.184896</v>
      </c>
      <c r="C249">
        <v>118.80587</v>
      </c>
      <c r="D249">
        <v>1458.184896</v>
      </c>
      <c r="E249">
        <v>120.136683</v>
      </c>
      <c r="F249">
        <v>1458.184896</v>
      </c>
      <c r="G249">
        <v>119.513347</v>
      </c>
      <c r="H249">
        <v>1458.184896</v>
      </c>
      <c r="I249">
        <v>117.495064</v>
      </c>
      <c r="J249">
        <v>1458.184896</v>
      </c>
      <c r="K249">
        <v>118.38186399999999</v>
      </c>
      <c r="L249">
        <v>1458.184896</v>
      </c>
      <c r="M249">
        <v>116.450766</v>
      </c>
    </row>
    <row r="250" spans="2:13" x14ac:dyDescent="0.45">
      <c r="B250">
        <v>1460.1137120000001</v>
      </c>
      <c r="C250">
        <v>118.87998</v>
      </c>
      <c r="D250">
        <v>1460.1137120000001</v>
      </c>
      <c r="E250">
        <v>120.185444</v>
      </c>
      <c r="F250">
        <v>1460.1137120000001</v>
      </c>
      <c r="G250">
        <v>119.46803199999999</v>
      </c>
      <c r="H250">
        <v>1460.1137120000001</v>
      </c>
      <c r="I250">
        <v>117.399095</v>
      </c>
      <c r="J250">
        <v>1460.1137120000001</v>
      </c>
      <c r="K250">
        <v>118.372801</v>
      </c>
      <c r="L250">
        <v>1460.1137120000001</v>
      </c>
      <c r="M250">
        <v>116.444982</v>
      </c>
    </row>
    <row r="251" spans="2:13" x14ac:dyDescent="0.45">
      <c r="B251">
        <v>1462.0425279999999</v>
      </c>
      <c r="C251">
        <v>118.92279000000001</v>
      </c>
      <c r="D251">
        <v>1462.0425279999999</v>
      </c>
      <c r="E251">
        <v>120.19398</v>
      </c>
      <c r="F251">
        <v>1462.0425279999999</v>
      </c>
      <c r="G251">
        <v>119.333445</v>
      </c>
      <c r="H251">
        <v>1462.0425279999999</v>
      </c>
      <c r="I251">
        <v>117.21721700000001</v>
      </c>
      <c r="J251">
        <v>1462.0425279999999</v>
      </c>
      <c r="K251">
        <v>118.26856100000001</v>
      </c>
      <c r="L251">
        <v>1462.0425279999999</v>
      </c>
      <c r="M251">
        <v>116.467465</v>
      </c>
    </row>
    <row r="252" spans="2:13" x14ac:dyDescent="0.45">
      <c r="B252">
        <v>1463.971344</v>
      </c>
      <c r="C252">
        <v>118.883724</v>
      </c>
      <c r="D252">
        <v>1463.971344</v>
      </c>
      <c r="E252">
        <v>120.11472400000001</v>
      </c>
      <c r="F252">
        <v>1463.971344</v>
      </c>
      <c r="G252">
        <v>119.23559899999999</v>
      </c>
      <c r="H252">
        <v>1463.971344</v>
      </c>
      <c r="I252">
        <v>117.011623</v>
      </c>
      <c r="J252">
        <v>1463.971344</v>
      </c>
      <c r="K252">
        <v>118.16027699999999</v>
      </c>
      <c r="L252">
        <v>1463.971344</v>
      </c>
      <c r="M252">
        <v>116.391508</v>
      </c>
    </row>
    <row r="253" spans="2:13" x14ac:dyDescent="0.45">
      <c r="B253">
        <v>1465.9001599999999</v>
      </c>
      <c r="C253">
        <v>118.85891100000001</v>
      </c>
      <c r="D253">
        <v>1465.9001599999999</v>
      </c>
      <c r="E253">
        <v>119.947187</v>
      </c>
      <c r="F253">
        <v>1465.9001599999999</v>
      </c>
      <c r="G253">
        <v>119.111743</v>
      </c>
      <c r="H253">
        <v>1465.9001599999999</v>
      </c>
      <c r="I253">
        <v>116.818018</v>
      </c>
      <c r="J253">
        <v>1465.9001599999999</v>
      </c>
      <c r="K253">
        <v>118.10118</v>
      </c>
      <c r="L253">
        <v>1465.9001599999999</v>
      </c>
      <c r="M253">
        <v>116.117543</v>
      </c>
    </row>
    <row r="254" spans="2:13" x14ac:dyDescent="0.45">
      <c r="B254">
        <v>1467.828976</v>
      </c>
      <c r="C254">
        <v>118.866623</v>
      </c>
      <c r="D254">
        <v>1467.828976</v>
      </c>
      <c r="E254">
        <v>119.927391</v>
      </c>
      <c r="F254">
        <v>1467.828976</v>
      </c>
      <c r="G254">
        <v>118.960491</v>
      </c>
      <c r="H254">
        <v>1467.828976</v>
      </c>
      <c r="I254">
        <v>116.63102000000001</v>
      </c>
      <c r="J254">
        <v>1467.828976</v>
      </c>
      <c r="K254">
        <v>118.052369</v>
      </c>
      <c r="L254">
        <v>1467.828976</v>
      </c>
      <c r="M254">
        <v>116.03217600000001</v>
      </c>
    </row>
    <row r="255" spans="2:13" x14ac:dyDescent="0.45">
      <c r="B255">
        <v>1469.7577920000001</v>
      </c>
      <c r="C255">
        <v>118.848283</v>
      </c>
      <c r="D255">
        <v>1469.7577920000001</v>
      </c>
      <c r="E255">
        <v>119.894819</v>
      </c>
      <c r="F255">
        <v>1469.7577920000001</v>
      </c>
      <c r="G255">
        <v>118.797602</v>
      </c>
      <c r="H255">
        <v>1469.7577920000001</v>
      </c>
      <c r="I255">
        <v>116.448488</v>
      </c>
      <c r="J255">
        <v>1469.7577920000001</v>
      </c>
      <c r="K255">
        <v>117.967375</v>
      </c>
      <c r="L255">
        <v>1469.7577920000001</v>
      </c>
      <c r="M255">
        <v>116.02094700000001</v>
      </c>
    </row>
    <row r="256" spans="2:13" x14ac:dyDescent="0.45">
      <c r="B256">
        <v>1471.686608</v>
      </c>
      <c r="C256">
        <v>118.78537300000001</v>
      </c>
      <c r="D256">
        <v>1471.686608</v>
      </c>
      <c r="E256">
        <v>119.786874</v>
      </c>
      <c r="F256">
        <v>1471.686608</v>
      </c>
      <c r="G256">
        <v>118.700219</v>
      </c>
      <c r="H256">
        <v>1471.686608</v>
      </c>
      <c r="I256">
        <v>116.26414800000001</v>
      </c>
      <c r="J256">
        <v>1471.686608</v>
      </c>
      <c r="K256">
        <v>117.772792</v>
      </c>
      <c r="L256">
        <v>1471.686608</v>
      </c>
      <c r="M256">
        <v>115.906261</v>
      </c>
    </row>
    <row r="257" spans="2:13" x14ac:dyDescent="0.45">
      <c r="B257">
        <v>1473.6154240000001</v>
      </c>
      <c r="C257">
        <v>118.6917</v>
      </c>
      <c r="D257">
        <v>1473.6154240000001</v>
      </c>
      <c r="E257">
        <v>119.643119</v>
      </c>
      <c r="F257">
        <v>1473.6154240000001</v>
      </c>
      <c r="G257">
        <v>118.707823</v>
      </c>
      <c r="H257">
        <v>1473.6154240000001</v>
      </c>
      <c r="I257">
        <v>116.08877699999999</v>
      </c>
      <c r="J257">
        <v>1473.6154240000001</v>
      </c>
      <c r="K257">
        <v>117.69372199999999</v>
      </c>
      <c r="L257">
        <v>1473.6154240000001</v>
      </c>
      <c r="M257">
        <v>115.66082</v>
      </c>
    </row>
    <row r="258" spans="2:13" x14ac:dyDescent="0.45">
      <c r="B258">
        <v>1475.5442399999999</v>
      </c>
      <c r="C258">
        <v>118.687929</v>
      </c>
      <c r="D258">
        <v>1475.5442399999999</v>
      </c>
      <c r="E258">
        <v>119.67236700000001</v>
      </c>
      <c r="F258">
        <v>1475.5442399999999</v>
      </c>
      <c r="G258">
        <v>118.632205</v>
      </c>
      <c r="H258">
        <v>1475.5442399999999</v>
      </c>
      <c r="I258">
        <v>116.007969</v>
      </c>
      <c r="J258">
        <v>1475.5442399999999</v>
      </c>
      <c r="K258">
        <v>117.726608</v>
      </c>
      <c r="L258">
        <v>1475.5442399999999</v>
      </c>
      <c r="M258">
        <v>115.671902</v>
      </c>
    </row>
    <row r="259" spans="2:13" x14ac:dyDescent="0.45">
      <c r="B259">
        <v>1477.473056</v>
      </c>
      <c r="C259">
        <v>118.705071</v>
      </c>
      <c r="D259">
        <v>1477.473056</v>
      </c>
      <c r="E259">
        <v>119.696793</v>
      </c>
      <c r="F259">
        <v>1477.473056</v>
      </c>
      <c r="G259">
        <v>118.63022100000001</v>
      </c>
      <c r="H259">
        <v>1477.473056</v>
      </c>
      <c r="I259">
        <v>116.01436</v>
      </c>
      <c r="J259">
        <v>1477.473056</v>
      </c>
      <c r="K259">
        <v>117.799404</v>
      </c>
      <c r="L259">
        <v>1477.473056</v>
      </c>
      <c r="M259">
        <v>115.728647</v>
      </c>
    </row>
    <row r="260" spans="2:13" x14ac:dyDescent="0.45">
      <c r="B260">
        <v>1479.4018719999999</v>
      </c>
      <c r="C260">
        <v>118.786224</v>
      </c>
      <c r="D260">
        <v>1479.4018719999999</v>
      </c>
      <c r="E260">
        <v>119.711636</v>
      </c>
      <c r="F260">
        <v>1479.4018719999999</v>
      </c>
      <c r="G260">
        <v>118.60902299999999</v>
      </c>
      <c r="H260">
        <v>1479.4018719999999</v>
      </c>
      <c r="I260">
        <v>115.940928</v>
      </c>
      <c r="J260">
        <v>1479.4018719999999</v>
      </c>
      <c r="K260">
        <v>117.785082</v>
      </c>
      <c r="L260">
        <v>1479.4018719999999</v>
      </c>
      <c r="M260">
        <v>115.875255</v>
      </c>
    </row>
    <row r="261" spans="2:13" x14ac:dyDescent="0.45">
      <c r="B261">
        <v>1481.330688</v>
      </c>
      <c r="C261">
        <v>118.766927</v>
      </c>
      <c r="D261">
        <v>1481.330688</v>
      </c>
      <c r="E261">
        <v>119.719123</v>
      </c>
      <c r="F261">
        <v>1481.330688</v>
      </c>
      <c r="G261">
        <v>118.60676599999999</v>
      </c>
      <c r="H261">
        <v>1481.330688</v>
      </c>
      <c r="I261">
        <v>115.82824100000001</v>
      </c>
      <c r="J261">
        <v>1481.330688</v>
      </c>
      <c r="K261">
        <v>117.775576</v>
      </c>
      <c r="L261">
        <v>1481.330688</v>
      </c>
      <c r="M261">
        <v>115.969318</v>
      </c>
    </row>
    <row r="262" spans="2:13" x14ac:dyDescent="0.45">
      <c r="B262">
        <v>1483.2595040000001</v>
      </c>
      <c r="C262">
        <v>118.70966199999999</v>
      </c>
      <c r="D262">
        <v>1483.2595040000001</v>
      </c>
      <c r="E262">
        <v>119.720747</v>
      </c>
      <c r="F262">
        <v>1483.2595040000001</v>
      </c>
      <c r="G262">
        <v>118.582291</v>
      </c>
      <c r="H262">
        <v>1483.2595040000001</v>
      </c>
      <c r="I262">
        <v>115.753308</v>
      </c>
      <c r="J262">
        <v>1483.2595040000001</v>
      </c>
      <c r="K262">
        <v>117.77399</v>
      </c>
      <c r="L262">
        <v>1483.2595040000001</v>
      </c>
      <c r="M262">
        <v>116.039777</v>
      </c>
    </row>
    <row r="263" spans="2:13" x14ac:dyDescent="0.45">
      <c r="B263">
        <v>1485.18832</v>
      </c>
      <c r="C263">
        <v>118.737369</v>
      </c>
      <c r="D263">
        <v>1485.18832</v>
      </c>
      <c r="E263">
        <v>119.709914</v>
      </c>
      <c r="F263">
        <v>1485.18832</v>
      </c>
      <c r="G263">
        <v>118.50272200000001</v>
      </c>
      <c r="H263">
        <v>1485.18832</v>
      </c>
      <c r="I263">
        <v>115.686998</v>
      </c>
      <c r="J263">
        <v>1485.18832</v>
      </c>
      <c r="K263">
        <v>117.75829400000001</v>
      </c>
      <c r="L263">
        <v>1485.18832</v>
      </c>
      <c r="M263">
        <v>116.188953</v>
      </c>
    </row>
    <row r="264" spans="2:13" x14ac:dyDescent="0.45">
      <c r="B264">
        <v>1487.1171360000001</v>
      </c>
      <c r="C264">
        <v>118.739513</v>
      </c>
      <c r="D264">
        <v>1487.1171360000001</v>
      </c>
      <c r="E264">
        <v>119.688011</v>
      </c>
      <c r="F264">
        <v>1487.1171360000001</v>
      </c>
      <c r="G264">
        <v>118.40454</v>
      </c>
      <c r="H264">
        <v>1487.1171360000001</v>
      </c>
      <c r="I264">
        <v>115.667419</v>
      </c>
      <c r="J264">
        <v>1487.1171360000001</v>
      </c>
      <c r="K264">
        <v>117.86173700000001</v>
      </c>
      <c r="L264">
        <v>1487.1171360000001</v>
      </c>
      <c r="M264">
        <v>116.330697</v>
      </c>
    </row>
    <row r="265" spans="2:13" x14ac:dyDescent="0.45">
      <c r="B265">
        <v>1489.0459519999999</v>
      </c>
      <c r="C265">
        <v>118.61777600000001</v>
      </c>
      <c r="D265">
        <v>1489.0459519999999</v>
      </c>
      <c r="E265">
        <v>119.657421</v>
      </c>
      <c r="F265">
        <v>1489.0459519999999</v>
      </c>
      <c r="G265">
        <v>118.37873500000001</v>
      </c>
      <c r="H265">
        <v>1489.0459519999999</v>
      </c>
      <c r="I265">
        <v>115.631962</v>
      </c>
      <c r="J265">
        <v>1489.0459519999999</v>
      </c>
      <c r="K265">
        <v>117.93840400000001</v>
      </c>
      <c r="L265">
        <v>1489.0459519999999</v>
      </c>
      <c r="M265">
        <v>116.357494</v>
      </c>
    </row>
    <row r="266" spans="2:13" x14ac:dyDescent="0.45">
      <c r="B266">
        <v>1490.974768</v>
      </c>
      <c r="C266">
        <v>118.572351</v>
      </c>
      <c r="D266">
        <v>1490.974768</v>
      </c>
      <c r="E266">
        <v>119.63573700000001</v>
      </c>
      <c r="F266">
        <v>1490.974768</v>
      </c>
      <c r="G266">
        <v>118.507544</v>
      </c>
      <c r="H266">
        <v>1490.974768</v>
      </c>
      <c r="I266">
        <v>115.765863</v>
      </c>
      <c r="J266">
        <v>1490.974768</v>
      </c>
      <c r="K266">
        <v>117.977024</v>
      </c>
      <c r="L266">
        <v>1490.974768</v>
      </c>
      <c r="M266">
        <v>116.321704</v>
      </c>
    </row>
    <row r="267" spans="2:13" x14ac:dyDescent="0.45">
      <c r="B267">
        <v>1492.9035839999999</v>
      </c>
      <c r="C267">
        <v>118.68928200000001</v>
      </c>
      <c r="D267">
        <v>1492.9035839999999</v>
      </c>
      <c r="E267">
        <v>119.64030200000001</v>
      </c>
      <c r="F267">
        <v>1492.9035839999999</v>
      </c>
      <c r="G267">
        <v>118.47156200000001</v>
      </c>
      <c r="H267">
        <v>1492.9035839999999</v>
      </c>
      <c r="I267">
        <v>115.88683899999999</v>
      </c>
      <c r="J267">
        <v>1492.9035839999999</v>
      </c>
      <c r="K267">
        <v>118.10026999999999</v>
      </c>
      <c r="L267">
        <v>1492.9035839999999</v>
      </c>
      <c r="M267">
        <v>116.492195</v>
      </c>
    </row>
    <row r="268" spans="2:13" x14ac:dyDescent="0.45">
      <c r="B268">
        <v>1494.8324</v>
      </c>
      <c r="C268">
        <v>118.673231</v>
      </c>
      <c r="D268">
        <v>1494.8324</v>
      </c>
      <c r="E268">
        <v>119.553511</v>
      </c>
      <c r="F268">
        <v>1494.8324</v>
      </c>
      <c r="G268">
        <v>118.41856300000001</v>
      </c>
      <c r="H268">
        <v>1494.8324</v>
      </c>
      <c r="I268">
        <v>115.949073</v>
      </c>
      <c r="J268">
        <v>1494.8324</v>
      </c>
      <c r="K268">
        <v>118.145349</v>
      </c>
      <c r="L268">
        <v>1494.8324</v>
      </c>
      <c r="M268">
        <v>116.67525500000001</v>
      </c>
    </row>
    <row r="269" spans="2:13" x14ac:dyDescent="0.45">
      <c r="B269">
        <v>1496.7612160000001</v>
      </c>
      <c r="C269">
        <v>118.518636</v>
      </c>
      <c r="D269">
        <v>1496.7612160000001</v>
      </c>
      <c r="E269">
        <v>119.458006</v>
      </c>
      <c r="F269">
        <v>1496.7612160000001</v>
      </c>
      <c r="G269">
        <v>118.429452</v>
      </c>
      <c r="H269">
        <v>1496.7612160000001</v>
      </c>
      <c r="I269">
        <v>116.059324</v>
      </c>
      <c r="J269">
        <v>1496.7612160000001</v>
      </c>
      <c r="K269">
        <v>118.184449</v>
      </c>
      <c r="L269">
        <v>1496.7612160000001</v>
      </c>
      <c r="M269">
        <v>116.717978</v>
      </c>
    </row>
    <row r="270" spans="2:13" x14ac:dyDescent="0.45">
      <c r="B270">
        <v>1498.690032</v>
      </c>
      <c r="C270">
        <v>118.525228</v>
      </c>
      <c r="D270">
        <v>1498.690032</v>
      </c>
      <c r="E270">
        <v>119.559073</v>
      </c>
      <c r="F270">
        <v>1498.690032</v>
      </c>
      <c r="G270">
        <v>118.579748</v>
      </c>
      <c r="H270">
        <v>1498.690032</v>
      </c>
      <c r="I270">
        <v>116.187229</v>
      </c>
      <c r="J270">
        <v>1498.690032</v>
      </c>
      <c r="K270">
        <v>118.26026400000001</v>
      </c>
      <c r="L270">
        <v>1498.690032</v>
      </c>
      <c r="M270">
        <v>116.740388</v>
      </c>
    </row>
    <row r="271" spans="2:13" x14ac:dyDescent="0.45">
      <c r="B271">
        <v>1500.6188480000001</v>
      </c>
      <c r="C271">
        <v>118.593491</v>
      </c>
      <c r="D271">
        <v>1500.6188480000001</v>
      </c>
      <c r="E271">
        <v>119.61809100000001</v>
      </c>
      <c r="F271">
        <v>1500.6188480000001</v>
      </c>
      <c r="G271">
        <v>118.619433</v>
      </c>
      <c r="H271">
        <v>1500.6188480000001</v>
      </c>
      <c r="I271">
        <v>116.317564</v>
      </c>
      <c r="J271">
        <v>1500.6188480000001</v>
      </c>
      <c r="K271">
        <v>118.31707900000001</v>
      </c>
      <c r="L271">
        <v>1500.6188480000001</v>
      </c>
      <c r="M271">
        <v>116.851372</v>
      </c>
    </row>
    <row r="272" spans="2:13" x14ac:dyDescent="0.45">
      <c r="B272">
        <v>1502.5476639999999</v>
      </c>
      <c r="C272">
        <v>118.630723</v>
      </c>
      <c r="D272">
        <v>1502.5476639999999</v>
      </c>
      <c r="E272">
        <v>119.62017800000001</v>
      </c>
      <c r="F272">
        <v>1502.5476639999999</v>
      </c>
      <c r="G272">
        <v>118.557238</v>
      </c>
      <c r="H272">
        <v>1502.5476639999999</v>
      </c>
      <c r="I272">
        <v>116.387018</v>
      </c>
      <c r="J272">
        <v>1502.5476639999999</v>
      </c>
      <c r="K272">
        <v>118.318487</v>
      </c>
      <c r="L272">
        <v>1502.5476639999999</v>
      </c>
      <c r="M272">
        <v>116.952061</v>
      </c>
    </row>
    <row r="273" spans="2:13" x14ac:dyDescent="0.45">
      <c r="B273">
        <v>1504.47648</v>
      </c>
      <c r="C273">
        <v>118.614424</v>
      </c>
      <c r="D273">
        <v>1504.47648</v>
      </c>
      <c r="E273">
        <v>119.60737400000001</v>
      </c>
      <c r="F273">
        <v>1504.47648</v>
      </c>
      <c r="G273">
        <v>118.532409</v>
      </c>
      <c r="H273">
        <v>1504.47648</v>
      </c>
      <c r="I273">
        <v>116.336692</v>
      </c>
      <c r="J273">
        <v>1504.47648</v>
      </c>
      <c r="K273">
        <v>118.30285000000001</v>
      </c>
      <c r="L273">
        <v>1504.47648</v>
      </c>
      <c r="M273">
        <v>117.017309</v>
      </c>
    </row>
    <row r="274" spans="2:13" x14ac:dyDescent="0.45">
      <c r="B274">
        <v>1506.4052959999999</v>
      </c>
      <c r="C274">
        <v>118.36866999999999</v>
      </c>
      <c r="D274">
        <v>1506.4052959999999</v>
      </c>
      <c r="E274">
        <v>119.34907700000001</v>
      </c>
      <c r="F274">
        <v>1506.4052959999999</v>
      </c>
      <c r="G274">
        <v>118.719984</v>
      </c>
      <c r="H274">
        <v>1506.4052959999999</v>
      </c>
      <c r="I274">
        <v>116.424791</v>
      </c>
      <c r="J274">
        <v>1506.4052959999999</v>
      </c>
      <c r="K274">
        <v>118.29324800000001</v>
      </c>
      <c r="L274">
        <v>1506.4052959999999</v>
      </c>
      <c r="M274">
        <v>116.88703700000001</v>
      </c>
    </row>
    <row r="275" spans="2:13" x14ac:dyDescent="0.45">
      <c r="B275">
        <v>1508.334112</v>
      </c>
      <c r="C275">
        <v>118.265551</v>
      </c>
      <c r="D275">
        <v>1508.334112</v>
      </c>
      <c r="E275">
        <v>119.296808</v>
      </c>
      <c r="F275">
        <v>1508.334112</v>
      </c>
      <c r="G275">
        <v>118.744422</v>
      </c>
      <c r="H275">
        <v>1508.334112</v>
      </c>
      <c r="I275">
        <v>116.858368</v>
      </c>
      <c r="J275">
        <v>1508.334112</v>
      </c>
      <c r="K275">
        <v>118.615448</v>
      </c>
      <c r="L275">
        <v>1508.334112</v>
      </c>
      <c r="M275">
        <v>116.734752</v>
      </c>
    </row>
    <row r="276" spans="2:13" x14ac:dyDescent="0.45">
      <c r="B276">
        <v>1510.2629280000001</v>
      </c>
      <c r="C276">
        <v>118.441294</v>
      </c>
      <c r="D276">
        <v>1510.2629280000001</v>
      </c>
      <c r="E276">
        <v>119.409942</v>
      </c>
      <c r="F276">
        <v>1510.2629280000001</v>
      </c>
      <c r="G276">
        <v>118.622039</v>
      </c>
      <c r="H276">
        <v>1510.2629280000001</v>
      </c>
      <c r="I276">
        <v>116.84141200000001</v>
      </c>
      <c r="J276">
        <v>1510.2629280000001</v>
      </c>
      <c r="K276">
        <v>118.625399</v>
      </c>
      <c r="L276">
        <v>1510.2629280000001</v>
      </c>
      <c r="M276">
        <v>116.955983</v>
      </c>
    </row>
    <row r="277" spans="2:13" x14ac:dyDescent="0.45">
      <c r="B277">
        <v>1512.191744</v>
      </c>
      <c r="C277">
        <v>118.50355399999999</v>
      </c>
      <c r="D277">
        <v>1512.191744</v>
      </c>
      <c r="E277">
        <v>119.473348</v>
      </c>
      <c r="F277">
        <v>1512.191744</v>
      </c>
      <c r="G277">
        <v>118.57213</v>
      </c>
      <c r="H277">
        <v>1512.191744</v>
      </c>
      <c r="I277">
        <v>116.84858199999999</v>
      </c>
      <c r="J277">
        <v>1512.191744</v>
      </c>
      <c r="K277">
        <v>118.61891300000001</v>
      </c>
      <c r="L277">
        <v>1512.191744</v>
      </c>
      <c r="M277">
        <v>117.045355</v>
      </c>
    </row>
    <row r="278" spans="2:13" x14ac:dyDescent="0.45">
      <c r="B278">
        <v>1514.1205600000001</v>
      </c>
      <c r="C278">
        <v>118.506359</v>
      </c>
      <c r="D278">
        <v>1514.1205600000001</v>
      </c>
      <c r="E278">
        <v>119.50197300000001</v>
      </c>
      <c r="F278">
        <v>1514.1205600000001</v>
      </c>
      <c r="G278">
        <v>118.509576</v>
      </c>
      <c r="H278">
        <v>1514.1205600000001</v>
      </c>
      <c r="I278">
        <v>116.824292</v>
      </c>
      <c r="J278">
        <v>1514.1205600000001</v>
      </c>
      <c r="K278">
        <v>118.54123800000001</v>
      </c>
      <c r="L278">
        <v>1514.1205600000001</v>
      </c>
      <c r="M278">
        <v>117.12297599999999</v>
      </c>
    </row>
    <row r="279" spans="2:13" x14ac:dyDescent="0.45">
      <c r="B279">
        <v>1516.0493759999999</v>
      </c>
      <c r="C279">
        <v>118.406126</v>
      </c>
      <c r="D279">
        <v>1516.0493759999999</v>
      </c>
      <c r="E279">
        <v>119.395087</v>
      </c>
      <c r="F279">
        <v>1516.0493759999999</v>
      </c>
      <c r="G279">
        <v>118.55296300000001</v>
      </c>
      <c r="H279">
        <v>1516.0493759999999</v>
      </c>
      <c r="I279">
        <v>116.73249800000001</v>
      </c>
      <c r="J279">
        <v>1516.0493759999999</v>
      </c>
      <c r="K279">
        <v>118.500379</v>
      </c>
      <c r="L279">
        <v>1516.0493759999999</v>
      </c>
      <c r="M279">
        <v>117.110844</v>
      </c>
    </row>
    <row r="280" spans="2:13" x14ac:dyDescent="0.45">
      <c r="B280">
        <v>1517.978192</v>
      </c>
      <c r="C280">
        <v>118.41039000000001</v>
      </c>
      <c r="D280">
        <v>1517.978192</v>
      </c>
      <c r="E280">
        <v>119.37152400000001</v>
      </c>
      <c r="F280">
        <v>1517.978192</v>
      </c>
      <c r="G280">
        <v>118.68864000000001</v>
      </c>
      <c r="H280">
        <v>1517.978192</v>
      </c>
      <c r="I280">
        <v>116.78115</v>
      </c>
      <c r="J280">
        <v>1517.978192</v>
      </c>
      <c r="K280">
        <v>118.645456</v>
      </c>
      <c r="L280">
        <v>1517.978192</v>
      </c>
      <c r="M280">
        <v>117.02385599999999</v>
      </c>
    </row>
    <row r="281" spans="2:13" x14ac:dyDescent="0.45">
      <c r="B281">
        <v>1519.9070079999999</v>
      </c>
      <c r="C281">
        <v>118.483943</v>
      </c>
      <c r="D281">
        <v>1519.9070079999999</v>
      </c>
      <c r="E281">
        <v>119.427031</v>
      </c>
      <c r="F281">
        <v>1519.9070079999999</v>
      </c>
      <c r="G281">
        <v>118.619075</v>
      </c>
      <c r="H281">
        <v>1519.9070079999999</v>
      </c>
      <c r="I281">
        <v>116.68592700000001</v>
      </c>
      <c r="J281">
        <v>1519.9070079999999</v>
      </c>
      <c r="K281">
        <v>118.574935</v>
      </c>
      <c r="L281">
        <v>1519.9070079999999</v>
      </c>
      <c r="M281">
        <v>117.04207</v>
      </c>
    </row>
    <row r="282" spans="2:13" x14ac:dyDescent="0.45">
      <c r="B282">
        <v>1521.835824</v>
      </c>
      <c r="C282">
        <v>118.292823</v>
      </c>
      <c r="D282">
        <v>1521.835824</v>
      </c>
      <c r="E282">
        <v>119.226716</v>
      </c>
      <c r="F282">
        <v>1521.835824</v>
      </c>
      <c r="G282">
        <v>118.461387</v>
      </c>
      <c r="H282">
        <v>1521.835824</v>
      </c>
      <c r="I282">
        <v>116.701072</v>
      </c>
      <c r="J282">
        <v>1521.835824</v>
      </c>
      <c r="K282">
        <v>118.601705</v>
      </c>
      <c r="L282">
        <v>1521.835824</v>
      </c>
      <c r="M282">
        <v>116.82012899999999</v>
      </c>
    </row>
    <row r="283" spans="2:13" x14ac:dyDescent="0.45">
      <c r="B283">
        <v>1523.7646400000001</v>
      </c>
      <c r="C283">
        <v>118.239549</v>
      </c>
      <c r="D283">
        <v>1523.7646400000001</v>
      </c>
      <c r="E283">
        <v>119.148512</v>
      </c>
      <c r="F283">
        <v>1523.7646400000001</v>
      </c>
      <c r="G283">
        <v>118.307283</v>
      </c>
      <c r="H283">
        <v>1523.7646400000001</v>
      </c>
      <c r="I283">
        <v>116.77525</v>
      </c>
      <c r="J283">
        <v>1523.7646400000001</v>
      </c>
      <c r="K283">
        <v>118.749556</v>
      </c>
      <c r="L283">
        <v>1523.7646400000001</v>
      </c>
      <c r="M283">
        <v>116.860888</v>
      </c>
    </row>
    <row r="284" spans="2:13" x14ac:dyDescent="0.45">
      <c r="B284">
        <v>1525.693456</v>
      </c>
      <c r="C284">
        <v>118.277602</v>
      </c>
      <c r="D284">
        <v>1525.693456</v>
      </c>
      <c r="E284">
        <v>119.130415</v>
      </c>
      <c r="F284">
        <v>1525.693456</v>
      </c>
      <c r="G284">
        <v>118.244957</v>
      </c>
      <c r="H284">
        <v>1525.693456</v>
      </c>
      <c r="I284">
        <v>116.61420099999999</v>
      </c>
      <c r="J284">
        <v>1525.693456</v>
      </c>
      <c r="K284">
        <v>118.700416</v>
      </c>
      <c r="L284">
        <v>1525.693456</v>
      </c>
      <c r="M284">
        <v>116.923968</v>
      </c>
    </row>
    <row r="285" spans="2:13" x14ac:dyDescent="0.45">
      <c r="B285">
        <v>1527.6222720000001</v>
      </c>
      <c r="C285">
        <v>118.346611</v>
      </c>
      <c r="D285">
        <v>1527.6222720000001</v>
      </c>
      <c r="E285">
        <v>119.09091000000001</v>
      </c>
      <c r="F285">
        <v>1527.6222720000001</v>
      </c>
      <c r="G285">
        <v>118.20607</v>
      </c>
      <c r="H285">
        <v>1527.6222720000001</v>
      </c>
      <c r="I285">
        <v>116.48351700000001</v>
      </c>
      <c r="J285">
        <v>1527.6222720000001</v>
      </c>
      <c r="K285">
        <v>118.650717</v>
      </c>
      <c r="L285">
        <v>1527.6222720000001</v>
      </c>
      <c r="M285">
        <v>116.841644</v>
      </c>
    </row>
    <row r="286" spans="2:13" x14ac:dyDescent="0.45">
      <c r="B286">
        <v>1529.5510879999999</v>
      </c>
      <c r="C286">
        <v>118.40688</v>
      </c>
      <c r="D286">
        <v>1529.5510879999999</v>
      </c>
      <c r="E286">
        <v>119.024677</v>
      </c>
      <c r="F286">
        <v>1529.5510879999999</v>
      </c>
      <c r="G286">
        <v>118.137089</v>
      </c>
      <c r="H286">
        <v>1529.5510879999999</v>
      </c>
      <c r="I286">
        <v>116.386849</v>
      </c>
      <c r="J286">
        <v>1529.5510879999999</v>
      </c>
      <c r="K286">
        <v>118.692562</v>
      </c>
      <c r="L286">
        <v>1529.5510879999999</v>
      </c>
      <c r="M286">
        <v>116.801427</v>
      </c>
    </row>
    <row r="287" spans="2:13" x14ac:dyDescent="0.45">
      <c r="B287">
        <v>1531.479904</v>
      </c>
      <c r="C287">
        <v>118.40792</v>
      </c>
      <c r="D287">
        <v>1531.479904</v>
      </c>
      <c r="E287">
        <v>119.01142800000001</v>
      </c>
      <c r="F287">
        <v>1531.479904</v>
      </c>
      <c r="G287">
        <v>118.025868</v>
      </c>
      <c r="H287">
        <v>1531.479904</v>
      </c>
      <c r="I287">
        <v>116.26262</v>
      </c>
      <c r="J287">
        <v>1531.479904</v>
      </c>
      <c r="K287">
        <v>118.61595800000001</v>
      </c>
      <c r="L287">
        <v>1531.479904</v>
      </c>
      <c r="M287">
        <v>116.829025</v>
      </c>
    </row>
    <row r="288" spans="2:13" x14ac:dyDescent="0.45">
      <c r="B288">
        <v>1533.4087199999999</v>
      </c>
      <c r="C288">
        <v>118.283672</v>
      </c>
      <c r="D288">
        <v>1533.4087199999999</v>
      </c>
      <c r="E288">
        <v>118.93495900000001</v>
      </c>
      <c r="F288">
        <v>1533.4087199999999</v>
      </c>
      <c r="G288">
        <v>117.973249</v>
      </c>
      <c r="H288">
        <v>1533.4087199999999</v>
      </c>
      <c r="I288">
        <v>116.105912</v>
      </c>
      <c r="J288">
        <v>1533.4087199999999</v>
      </c>
      <c r="K288">
        <v>118.511539</v>
      </c>
      <c r="L288">
        <v>1533.4087199999999</v>
      </c>
      <c r="M288">
        <v>116.692684</v>
      </c>
    </row>
    <row r="289" spans="2:13" x14ac:dyDescent="0.45">
      <c r="B289">
        <v>1535.337536</v>
      </c>
      <c r="C289">
        <v>118.287133</v>
      </c>
      <c r="D289">
        <v>1535.337536</v>
      </c>
      <c r="E289">
        <v>118.91576000000001</v>
      </c>
      <c r="F289">
        <v>1535.337536</v>
      </c>
      <c r="G289">
        <v>117.98696700000001</v>
      </c>
      <c r="H289">
        <v>1535.337536</v>
      </c>
      <c r="I289">
        <v>115.935023</v>
      </c>
      <c r="J289">
        <v>1535.337536</v>
      </c>
      <c r="K289">
        <v>118.487619</v>
      </c>
      <c r="L289">
        <v>1535.337536</v>
      </c>
      <c r="M289">
        <v>116.577352</v>
      </c>
    </row>
    <row r="290" spans="2:13" x14ac:dyDescent="0.45">
      <c r="B290">
        <v>1537.2663520000001</v>
      </c>
      <c r="C290">
        <v>118.304666</v>
      </c>
      <c r="D290">
        <v>1537.2663520000001</v>
      </c>
      <c r="E290">
        <v>118.908597</v>
      </c>
      <c r="F290">
        <v>1537.2663520000001</v>
      </c>
      <c r="G290">
        <v>117.924089</v>
      </c>
      <c r="H290">
        <v>1537.2663520000001</v>
      </c>
      <c r="I290">
        <v>115.839044</v>
      </c>
      <c r="J290">
        <v>1537.2663520000001</v>
      </c>
      <c r="K290">
        <v>118.393016</v>
      </c>
      <c r="L290">
        <v>1537.2663520000001</v>
      </c>
      <c r="M290">
        <v>116.592416</v>
      </c>
    </row>
    <row r="291" spans="2:13" x14ac:dyDescent="0.45">
      <c r="B291">
        <v>1539.195168</v>
      </c>
      <c r="C291">
        <v>118.169391</v>
      </c>
      <c r="D291">
        <v>1539.195168</v>
      </c>
      <c r="E291">
        <v>118.744789</v>
      </c>
      <c r="F291">
        <v>1539.195168</v>
      </c>
      <c r="G291">
        <v>117.829599</v>
      </c>
      <c r="H291">
        <v>1539.195168</v>
      </c>
      <c r="I291">
        <v>115.81009299999999</v>
      </c>
      <c r="J291">
        <v>1539.195168</v>
      </c>
      <c r="K291">
        <v>118.295376</v>
      </c>
      <c r="L291">
        <v>1539.195168</v>
      </c>
      <c r="M291">
        <v>116.399601</v>
      </c>
    </row>
    <row r="292" spans="2:13" x14ac:dyDescent="0.45">
      <c r="B292">
        <v>1541.1239840000001</v>
      </c>
      <c r="C292">
        <v>118.111097</v>
      </c>
      <c r="D292">
        <v>1541.1239840000001</v>
      </c>
      <c r="E292">
        <v>118.609205</v>
      </c>
      <c r="F292">
        <v>1541.1239840000001</v>
      </c>
      <c r="G292">
        <v>117.57785</v>
      </c>
      <c r="H292">
        <v>1541.1239840000001</v>
      </c>
      <c r="I292">
        <v>115.70683099999999</v>
      </c>
      <c r="J292">
        <v>1541.1239840000001</v>
      </c>
      <c r="K292">
        <v>118.43520700000001</v>
      </c>
      <c r="L292">
        <v>1541.1239840000001</v>
      </c>
      <c r="M292">
        <v>116.118764</v>
      </c>
    </row>
    <row r="293" spans="2:13" x14ac:dyDescent="0.45">
      <c r="B293">
        <v>1543.0527999999999</v>
      </c>
      <c r="C293">
        <v>118.228275</v>
      </c>
      <c r="D293">
        <v>1543.0527999999999</v>
      </c>
      <c r="E293">
        <v>118.614102</v>
      </c>
      <c r="F293">
        <v>1543.0527999999999</v>
      </c>
      <c r="G293">
        <v>117.478736</v>
      </c>
      <c r="H293">
        <v>1543.0527999999999</v>
      </c>
      <c r="I293">
        <v>115.569813</v>
      </c>
      <c r="J293">
        <v>1543.0527999999999</v>
      </c>
      <c r="K293">
        <v>118.461009</v>
      </c>
      <c r="L293">
        <v>1543.0527999999999</v>
      </c>
      <c r="M293">
        <v>116.075249</v>
      </c>
    </row>
    <row r="294" spans="2:13" x14ac:dyDescent="0.45">
      <c r="B294">
        <v>1544.981616</v>
      </c>
      <c r="C294">
        <v>118.237503</v>
      </c>
      <c r="D294">
        <v>1544.981616</v>
      </c>
      <c r="E294">
        <v>118.598101</v>
      </c>
      <c r="F294">
        <v>1544.981616</v>
      </c>
      <c r="G294">
        <v>117.440136</v>
      </c>
      <c r="H294">
        <v>1544.981616</v>
      </c>
      <c r="I294">
        <v>115.43066</v>
      </c>
      <c r="J294">
        <v>1544.981616</v>
      </c>
      <c r="K294">
        <v>118.377336</v>
      </c>
      <c r="L294">
        <v>1544.981616</v>
      </c>
      <c r="M294">
        <v>115.914805</v>
      </c>
    </row>
    <row r="295" spans="2:13" x14ac:dyDescent="0.45">
      <c r="B295">
        <v>1546.9104319999999</v>
      </c>
      <c r="C295">
        <v>118.278347</v>
      </c>
      <c r="D295">
        <v>1546.9104319999999</v>
      </c>
      <c r="E295">
        <v>118.640557</v>
      </c>
      <c r="F295">
        <v>1546.9104319999999</v>
      </c>
      <c r="G295">
        <v>117.40840300000001</v>
      </c>
      <c r="H295">
        <v>1546.9104319999999</v>
      </c>
      <c r="I295">
        <v>115.248345</v>
      </c>
      <c r="J295">
        <v>1546.9104319999999</v>
      </c>
      <c r="K295">
        <v>118.29598799999999</v>
      </c>
      <c r="L295">
        <v>1546.9104319999999</v>
      </c>
      <c r="M295">
        <v>115.948047</v>
      </c>
    </row>
    <row r="296" spans="2:13" x14ac:dyDescent="0.45">
      <c r="B296">
        <v>1548.839248</v>
      </c>
      <c r="C296">
        <v>118.281014</v>
      </c>
      <c r="D296">
        <v>1548.839248</v>
      </c>
      <c r="E296">
        <v>118.64614300000001</v>
      </c>
      <c r="F296">
        <v>1548.839248</v>
      </c>
      <c r="G296">
        <v>117.409981</v>
      </c>
      <c r="H296">
        <v>1548.839248</v>
      </c>
      <c r="I296">
        <v>115.080833</v>
      </c>
      <c r="J296">
        <v>1548.839248</v>
      </c>
      <c r="K296">
        <v>118.180939</v>
      </c>
      <c r="L296">
        <v>1548.839248</v>
      </c>
      <c r="M296">
        <v>115.98563900000001</v>
      </c>
    </row>
    <row r="297" spans="2:13" x14ac:dyDescent="0.45">
      <c r="B297">
        <v>1550.7680640000001</v>
      </c>
      <c r="C297">
        <v>118.22439199999999</v>
      </c>
      <c r="D297">
        <v>1550.7680640000001</v>
      </c>
      <c r="E297">
        <v>118.574988</v>
      </c>
      <c r="F297">
        <v>1550.7680640000001</v>
      </c>
      <c r="G297">
        <v>117.32835300000001</v>
      </c>
      <c r="H297">
        <v>1550.7680640000001</v>
      </c>
      <c r="I297">
        <v>114.97337400000001</v>
      </c>
      <c r="J297">
        <v>1550.7680640000001</v>
      </c>
      <c r="K297">
        <v>118.179534</v>
      </c>
      <c r="L297">
        <v>1550.7680640000001</v>
      </c>
      <c r="M297">
        <v>115.89420200000001</v>
      </c>
    </row>
    <row r="298" spans="2:13" x14ac:dyDescent="0.45">
      <c r="B298">
        <v>1552.69688</v>
      </c>
      <c r="C298">
        <v>118.20989</v>
      </c>
      <c r="D298">
        <v>1552.69688</v>
      </c>
      <c r="E298">
        <v>118.56002700000001</v>
      </c>
      <c r="F298">
        <v>1552.69688</v>
      </c>
      <c r="G298">
        <v>117.232688</v>
      </c>
      <c r="H298">
        <v>1552.69688</v>
      </c>
      <c r="I298">
        <v>114.83034600000001</v>
      </c>
      <c r="J298">
        <v>1552.69688</v>
      </c>
      <c r="K298">
        <v>118.068951</v>
      </c>
      <c r="L298">
        <v>1552.69688</v>
      </c>
      <c r="M298">
        <v>115.859261</v>
      </c>
    </row>
    <row r="299" spans="2:13" x14ac:dyDescent="0.45">
      <c r="B299">
        <v>1554.6256960000001</v>
      </c>
      <c r="C299">
        <v>118.150395</v>
      </c>
      <c r="D299">
        <v>1554.6256960000001</v>
      </c>
      <c r="E299">
        <v>118.477941</v>
      </c>
      <c r="F299">
        <v>1554.6256960000001</v>
      </c>
      <c r="G299">
        <v>117.21171699999999</v>
      </c>
      <c r="H299">
        <v>1554.6256960000001</v>
      </c>
      <c r="I299">
        <v>114.744786</v>
      </c>
      <c r="J299">
        <v>1554.6256960000001</v>
      </c>
      <c r="K299">
        <v>117.993049</v>
      </c>
      <c r="L299">
        <v>1554.6256960000001</v>
      </c>
      <c r="M299">
        <v>115.79300600000001</v>
      </c>
    </row>
    <row r="300" spans="2:13" x14ac:dyDescent="0.45">
      <c r="B300">
        <v>1556.5545119999999</v>
      </c>
      <c r="C300">
        <v>118.19254599999999</v>
      </c>
      <c r="D300">
        <v>1556.5545119999999</v>
      </c>
      <c r="E300">
        <v>118.405444</v>
      </c>
      <c r="F300">
        <v>1556.5545119999999</v>
      </c>
      <c r="G300">
        <v>117.152165</v>
      </c>
      <c r="H300">
        <v>1556.5545119999999</v>
      </c>
      <c r="I300">
        <v>114.687653</v>
      </c>
      <c r="J300">
        <v>1556.5545119999999</v>
      </c>
      <c r="K300">
        <v>117.968597</v>
      </c>
      <c r="L300">
        <v>1556.5545119999999</v>
      </c>
      <c r="M300">
        <v>115.891907</v>
      </c>
    </row>
    <row r="301" spans="2:13" x14ac:dyDescent="0.45">
      <c r="B301">
        <v>1558.483328</v>
      </c>
      <c r="C301">
        <v>117.990287</v>
      </c>
      <c r="D301">
        <v>1558.483328</v>
      </c>
      <c r="E301">
        <v>118.17945300000001</v>
      </c>
      <c r="F301">
        <v>1558.483328</v>
      </c>
      <c r="G301">
        <v>117.202839</v>
      </c>
      <c r="H301">
        <v>1558.483328</v>
      </c>
      <c r="I301">
        <v>114.579944</v>
      </c>
      <c r="J301">
        <v>1558.483328</v>
      </c>
      <c r="K301">
        <v>117.920373</v>
      </c>
      <c r="L301">
        <v>1558.483328</v>
      </c>
      <c r="M301">
        <v>115.911755</v>
      </c>
    </row>
    <row r="302" spans="2:13" x14ac:dyDescent="0.45">
      <c r="B302">
        <v>1560.4121439999999</v>
      </c>
      <c r="C302">
        <v>117.922505</v>
      </c>
      <c r="D302">
        <v>1560.4121439999999</v>
      </c>
      <c r="E302">
        <v>118.232349</v>
      </c>
      <c r="F302">
        <v>1560.4121439999999</v>
      </c>
      <c r="G302">
        <v>117.18586999999999</v>
      </c>
      <c r="H302">
        <v>1560.4121439999999</v>
      </c>
      <c r="I302">
        <v>114.70354399999999</v>
      </c>
      <c r="J302">
        <v>1560.4121439999999</v>
      </c>
      <c r="K302">
        <v>118.143443</v>
      </c>
      <c r="L302">
        <v>1560.4121439999999</v>
      </c>
      <c r="M302">
        <v>115.354195</v>
      </c>
    </row>
    <row r="303" spans="2:13" x14ac:dyDescent="0.45">
      <c r="B303">
        <v>1562.34096</v>
      </c>
      <c r="C303">
        <v>118.12543700000001</v>
      </c>
      <c r="D303">
        <v>1562.34096</v>
      </c>
      <c r="E303">
        <v>118.367009</v>
      </c>
      <c r="F303">
        <v>1562.34096</v>
      </c>
      <c r="G303">
        <v>117.04550399999999</v>
      </c>
      <c r="H303">
        <v>1562.34096</v>
      </c>
      <c r="I303">
        <v>114.52871500000001</v>
      </c>
      <c r="J303">
        <v>1562.34096</v>
      </c>
      <c r="K303">
        <v>117.917873</v>
      </c>
      <c r="L303">
        <v>1562.34096</v>
      </c>
      <c r="M303">
        <v>115.41247300000001</v>
      </c>
    </row>
    <row r="304" spans="2:13" x14ac:dyDescent="0.45">
      <c r="B304">
        <v>1564.2697760000001</v>
      </c>
      <c r="C304">
        <v>118.140809</v>
      </c>
      <c r="D304">
        <v>1564.2697760000001</v>
      </c>
      <c r="E304">
        <v>118.379718</v>
      </c>
      <c r="F304">
        <v>1564.2697760000001</v>
      </c>
      <c r="G304">
        <v>116.960865</v>
      </c>
      <c r="H304">
        <v>1564.2697760000001</v>
      </c>
      <c r="I304">
        <v>114.416462</v>
      </c>
      <c r="J304">
        <v>1564.2697760000001</v>
      </c>
      <c r="K304">
        <v>117.743708</v>
      </c>
      <c r="L304">
        <v>1564.2697760000001</v>
      </c>
      <c r="M304">
        <v>115.402891</v>
      </c>
    </row>
    <row r="305" spans="2:13" x14ac:dyDescent="0.45">
      <c r="B305">
        <v>1566.198592</v>
      </c>
      <c r="C305">
        <v>118.084035</v>
      </c>
      <c r="D305">
        <v>1566.198592</v>
      </c>
      <c r="E305">
        <v>118.36089100000001</v>
      </c>
      <c r="F305">
        <v>1566.198592</v>
      </c>
      <c r="G305">
        <v>116.956625</v>
      </c>
      <c r="H305">
        <v>1566.198592</v>
      </c>
      <c r="I305">
        <v>114.409139</v>
      </c>
      <c r="J305">
        <v>1566.198592</v>
      </c>
      <c r="K305">
        <v>117.690084</v>
      </c>
      <c r="L305">
        <v>1566.198592</v>
      </c>
      <c r="M305">
        <v>115.420897</v>
      </c>
    </row>
    <row r="306" spans="2:13" x14ac:dyDescent="0.45">
      <c r="B306">
        <v>1568.1274080000001</v>
      </c>
      <c r="C306">
        <v>118.04494699999999</v>
      </c>
      <c r="D306">
        <v>1568.1274080000001</v>
      </c>
      <c r="E306">
        <v>118.353463</v>
      </c>
      <c r="F306">
        <v>1568.1274080000001</v>
      </c>
      <c r="G306">
        <v>116.97113</v>
      </c>
      <c r="H306">
        <v>1568.1274080000001</v>
      </c>
      <c r="I306">
        <v>114.32294400000001</v>
      </c>
      <c r="J306">
        <v>1568.1274080000001</v>
      </c>
      <c r="K306">
        <v>117.56868900000001</v>
      </c>
      <c r="L306">
        <v>1568.1274080000001</v>
      </c>
      <c r="M306">
        <v>115.473032</v>
      </c>
    </row>
    <row r="307" spans="2:13" x14ac:dyDescent="0.45">
      <c r="B307">
        <v>1570.0562239999999</v>
      </c>
      <c r="C307">
        <v>117.98555899999999</v>
      </c>
      <c r="D307">
        <v>1570.0562239999999</v>
      </c>
      <c r="E307">
        <v>118.29839800000001</v>
      </c>
      <c r="F307">
        <v>1570.0562239999999</v>
      </c>
      <c r="G307">
        <v>117.081214</v>
      </c>
      <c r="H307">
        <v>1570.0562239999999</v>
      </c>
      <c r="I307">
        <v>114.358621</v>
      </c>
      <c r="J307">
        <v>1570.0562239999999</v>
      </c>
      <c r="K307">
        <v>117.56658299999999</v>
      </c>
      <c r="L307">
        <v>1570.0562239999999</v>
      </c>
      <c r="M307">
        <v>115.46808299999999</v>
      </c>
    </row>
    <row r="308" spans="2:13" x14ac:dyDescent="0.45">
      <c r="B308">
        <v>1571.98504</v>
      </c>
      <c r="C308">
        <v>118.095625</v>
      </c>
      <c r="D308">
        <v>1571.98504</v>
      </c>
      <c r="E308">
        <v>118.359736</v>
      </c>
      <c r="F308">
        <v>1571.98504</v>
      </c>
      <c r="G308">
        <v>117.053138</v>
      </c>
      <c r="H308">
        <v>1571.98504</v>
      </c>
      <c r="I308">
        <v>114.47478700000001</v>
      </c>
      <c r="J308">
        <v>1571.98504</v>
      </c>
      <c r="K308">
        <v>117.66465599999999</v>
      </c>
      <c r="L308">
        <v>1571.98504</v>
      </c>
      <c r="M308">
        <v>115.530261</v>
      </c>
    </row>
    <row r="309" spans="2:13" x14ac:dyDescent="0.45">
      <c r="B309">
        <v>1573.9138559999999</v>
      </c>
      <c r="C309">
        <v>118.129268</v>
      </c>
      <c r="D309">
        <v>1573.9138559999999</v>
      </c>
      <c r="E309">
        <v>118.399209</v>
      </c>
      <c r="F309">
        <v>1573.9138559999999</v>
      </c>
      <c r="G309">
        <v>116.987739</v>
      </c>
      <c r="H309">
        <v>1573.9138559999999</v>
      </c>
      <c r="I309">
        <v>114.485478</v>
      </c>
      <c r="J309">
        <v>1573.9138559999999</v>
      </c>
      <c r="K309">
        <v>117.612914</v>
      </c>
      <c r="L309">
        <v>1573.9138559999999</v>
      </c>
      <c r="M309">
        <v>115.640232</v>
      </c>
    </row>
    <row r="310" spans="2:13" x14ac:dyDescent="0.45">
      <c r="B310">
        <v>1575.842672</v>
      </c>
      <c r="C310">
        <v>118.010498</v>
      </c>
      <c r="D310">
        <v>1575.842672</v>
      </c>
      <c r="E310">
        <v>118.331802</v>
      </c>
      <c r="F310">
        <v>1575.842672</v>
      </c>
      <c r="G310">
        <v>117.078485</v>
      </c>
      <c r="H310">
        <v>1575.842672</v>
      </c>
      <c r="I310">
        <v>114.531762</v>
      </c>
      <c r="J310">
        <v>1575.842672</v>
      </c>
      <c r="K310">
        <v>117.497653</v>
      </c>
      <c r="L310">
        <v>1575.842672</v>
      </c>
      <c r="M310">
        <v>115.693691</v>
      </c>
    </row>
    <row r="311" spans="2:13" x14ac:dyDescent="0.45">
      <c r="B311">
        <v>1577.7714880000001</v>
      </c>
      <c r="C311">
        <v>117.924492</v>
      </c>
      <c r="D311">
        <v>1577.7714880000001</v>
      </c>
      <c r="E311">
        <v>118.25658300000001</v>
      </c>
      <c r="F311">
        <v>1577.7714880000001</v>
      </c>
      <c r="G311">
        <v>117.191323</v>
      </c>
      <c r="H311">
        <v>1577.7714880000001</v>
      </c>
      <c r="I311">
        <v>114.724878</v>
      </c>
      <c r="J311">
        <v>1577.7714880000001</v>
      </c>
      <c r="K311">
        <v>117.548715</v>
      </c>
      <c r="L311">
        <v>1577.7714880000001</v>
      </c>
      <c r="M311">
        <v>115.59730500000001</v>
      </c>
    </row>
    <row r="312" spans="2:13" x14ac:dyDescent="0.45">
      <c r="B312">
        <v>1579.700304</v>
      </c>
      <c r="C312">
        <v>118.004239</v>
      </c>
      <c r="D312">
        <v>1579.700304</v>
      </c>
      <c r="E312">
        <v>118.31824400000001</v>
      </c>
      <c r="F312">
        <v>1579.700304</v>
      </c>
      <c r="G312">
        <v>117.169163</v>
      </c>
      <c r="H312">
        <v>1579.700304</v>
      </c>
      <c r="I312">
        <v>114.76678</v>
      </c>
      <c r="J312">
        <v>1579.700304</v>
      </c>
      <c r="K312">
        <v>117.578519</v>
      </c>
      <c r="L312">
        <v>1579.700304</v>
      </c>
      <c r="M312">
        <v>115.685935</v>
      </c>
    </row>
    <row r="313" spans="2:13" x14ac:dyDescent="0.45">
      <c r="B313">
        <v>1581.6291200000001</v>
      </c>
      <c r="C313">
        <v>117.984568</v>
      </c>
      <c r="D313">
        <v>1581.6291200000001</v>
      </c>
      <c r="E313">
        <v>118.325436</v>
      </c>
      <c r="F313">
        <v>1581.6291200000001</v>
      </c>
      <c r="G313">
        <v>117.205844</v>
      </c>
      <c r="H313">
        <v>1581.6291200000001</v>
      </c>
      <c r="I313">
        <v>114.857567</v>
      </c>
      <c r="J313">
        <v>1581.6291200000001</v>
      </c>
      <c r="K313">
        <v>117.62276</v>
      </c>
      <c r="L313">
        <v>1581.6291200000001</v>
      </c>
      <c r="M313">
        <v>115.783693</v>
      </c>
    </row>
    <row r="314" spans="2:13" x14ac:dyDescent="0.45">
      <c r="B314">
        <v>1583.5579359999999</v>
      </c>
      <c r="C314">
        <v>117.964097</v>
      </c>
      <c r="D314">
        <v>1583.5579359999999</v>
      </c>
      <c r="E314">
        <v>118.29853900000001</v>
      </c>
      <c r="F314">
        <v>1583.5579359999999</v>
      </c>
      <c r="G314">
        <v>117.257142</v>
      </c>
      <c r="H314">
        <v>1583.5579359999999</v>
      </c>
      <c r="I314">
        <v>114.984606</v>
      </c>
      <c r="J314">
        <v>1583.5579359999999</v>
      </c>
      <c r="K314">
        <v>117.659004</v>
      </c>
      <c r="L314">
        <v>1583.5579359999999</v>
      </c>
      <c r="M314">
        <v>115.87618000000001</v>
      </c>
    </row>
    <row r="315" spans="2:13" x14ac:dyDescent="0.45">
      <c r="B315">
        <v>1585.486752</v>
      </c>
      <c r="C315">
        <v>117.924786</v>
      </c>
      <c r="D315">
        <v>1585.486752</v>
      </c>
      <c r="E315">
        <v>118.27761100000001</v>
      </c>
      <c r="F315">
        <v>1585.486752</v>
      </c>
      <c r="G315">
        <v>117.301129</v>
      </c>
      <c r="H315">
        <v>1585.486752</v>
      </c>
      <c r="I315">
        <v>115.086198</v>
      </c>
      <c r="J315">
        <v>1585.486752</v>
      </c>
      <c r="K315">
        <v>117.67550900000001</v>
      </c>
      <c r="L315">
        <v>1585.486752</v>
      </c>
      <c r="M315">
        <v>115.944199</v>
      </c>
    </row>
    <row r="316" spans="2:13" x14ac:dyDescent="0.45">
      <c r="B316">
        <v>1587.4155679999999</v>
      </c>
      <c r="C316">
        <v>117.91123</v>
      </c>
      <c r="D316">
        <v>1587.4155679999999</v>
      </c>
      <c r="E316">
        <v>118.255392</v>
      </c>
      <c r="F316">
        <v>1587.4155679999999</v>
      </c>
      <c r="G316">
        <v>117.333585</v>
      </c>
      <c r="H316">
        <v>1587.4155679999999</v>
      </c>
      <c r="I316">
        <v>115.180587</v>
      </c>
      <c r="J316">
        <v>1587.4155679999999</v>
      </c>
      <c r="K316">
        <v>117.696668</v>
      </c>
      <c r="L316">
        <v>1587.4155679999999</v>
      </c>
      <c r="M316">
        <v>115.960285</v>
      </c>
    </row>
    <row r="317" spans="2:13" x14ac:dyDescent="0.45">
      <c r="B317">
        <v>1589.344384</v>
      </c>
      <c r="C317">
        <v>117.90976499999999</v>
      </c>
      <c r="D317">
        <v>1589.344384</v>
      </c>
      <c r="E317">
        <v>118.17198500000001</v>
      </c>
      <c r="F317">
        <v>1589.344384</v>
      </c>
      <c r="G317">
        <v>117.33696500000001</v>
      </c>
      <c r="H317">
        <v>1589.344384</v>
      </c>
      <c r="I317">
        <v>115.287599</v>
      </c>
      <c r="J317">
        <v>1589.344384</v>
      </c>
      <c r="K317">
        <v>117.708037</v>
      </c>
      <c r="L317">
        <v>1589.344384</v>
      </c>
      <c r="M317">
        <v>116.000013</v>
      </c>
    </row>
    <row r="318" spans="2:13" x14ac:dyDescent="0.45">
      <c r="B318">
        <v>1591.2732000000001</v>
      </c>
      <c r="C318">
        <v>117.885504</v>
      </c>
      <c r="D318">
        <v>1591.2732000000001</v>
      </c>
      <c r="E318">
        <v>118.119158</v>
      </c>
      <c r="F318">
        <v>1591.2732000000001</v>
      </c>
      <c r="G318">
        <v>117.299143</v>
      </c>
      <c r="H318">
        <v>1591.2732000000001</v>
      </c>
      <c r="I318">
        <v>115.379152</v>
      </c>
      <c r="J318">
        <v>1591.2732000000001</v>
      </c>
      <c r="K318">
        <v>117.72082399999999</v>
      </c>
      <c r="L318">
        <v>1591.2732000000001</v>
      </c>
      <c r="M318">
        <v>116.07960199999999</v>
      </c>
    </row>
    <row r="319" spans="2:13" x14ac:dyDescent="0.45">
      <c r="B319">
        <v>1593.202016</v>
      </c>
      <c r="C319">
        <v>117.839578</v>
      </c>
      <c r="D319">
        <v>1593.202016</v>
      </c>
      <c r="E319">
        <v>118.07845400000001</v>
      </c>
      <c r="F319">
        <v>1593.202016</v>
      </c>
      <c r="G319">
        <v>117.28319999999999</v>
      </c>
      <c r="H319">
        <v>1593.202016</v>
      </c>
      <c r="I319">
        <v>115.448992</v>
      </c>
      <c r="J319">
        <v>1593.202016</v>
      </c>
      <c r="K319">
        <v>117.697666</v>
      </c>
      <c r="L319">
        <v>1593.202016</v>
      </c>
      <c r="M319">
        <v>116.151589</v>
      </c>
    </row>
    <row r="320" spans="2:13" x14ac:dyDescent="0.45">
      <c r="B320">
        <v>1595.1308320000001</v>
      </c>
      <c r="C320">
        <v>117.774772</v>
      </c>
      <c r="D320">
        <v>1595.1308320000001</v>
      </c>
      <c r="E320">
        <v>118.068258</v>
      </c>
      <c r="F320">
        <v>1595.1308320000001</v>
      </c>
      <c r="G320">
        <v>117.298652</v>
      </c>
      <c r="H320">
        <v>1595.1308320000001</v>
      </c>
      <c r="I320">
        <v>115.526274</v>
      </c>
      <c r="J320">
        <v>1595.1308320000001</v>
      </c>
      <c r="K320">
        <v>117.725036</v>
      </c>
      <c r="L320">
        <v>1595.1308320000001</v>
      </c>
      <c r="M320">
        <v>116.209288</v>
      </c>
    </row>
    <row r="321" spans="2:13" x14ac:dyDescent="0.45">
      <c r="B321">
        <v>1597.0596479999999</v>
      </c>
      <c r="C321">
        <v>117.735552</v>
      </c>
      <c r="D321">
        <v>1597.0596479999999</v>
      </c>
      <c r="E321">
        <v>118.069564</v>
      </c>
      <c r="F321">
        <v>1597.0596479999999</v>
      </c>
      <c r="G321">
        <v>117.333046</v>
      </c>
      <c r="H321">
        <v>1597.0596479999999</v>
      </c>
      <c r="I321">
        <v>115.647983</v>
      </c>
      <c r="J321">
        <v>1597.0596479999999</v>
      </c>
      <c r="K321">
        <v>117.759125</v>
      </c>
      <c r="L321">
        <v>1597.0596479999999</v>
      </c>
      <c r="M321">
        <v>116.268913</v>
      </c>
    </row>
    <row r="322" spans="2:13" x14ac:dyDescent="0.45">
      <c r="B322">
        <v>1598.988464</v>
      </c>
      <c r="C322">
        <v>117.749776</v>
      </c>
      <c r="D322">
        <v>1598.988464</v>
      </c>
      <c r="E322">
        <v>118.079064</v>
      </c>
      <c r="F322">
        <v>1598.988464</v>
      </c>
      <c r="G322">
        <v>117.405069</v>
      </c>
      <c r="H322">
        <v>1598.988464</v>
      </c>
      <c r="I322">
        <v>115.74023200000001</v>
      </c>
      <c r="J322">
        <v>1598.988464</v>
      </c>
      <c r="K322">
        <v>117.736017</v>
      </c>
      <c r="L322">
        <v>1598.988464</v>
      </c>
      <c r="M322">
        <v>116.302189</v>
      </c>
    </row>
    <row r="323" spans="2:13" x14ac:dyDescent="0.45">
      <c r="B323">
        <v>1600.9172799999999</v>
      </c>
      <c r="C323">
        <v>117.71978</v>
      </c>
      <c r="D323">
        <v>1600.9172799999999</v>
      </c>
      <c r="E323">
        <v>118.08077</v>
      </c>
      <c r="F323">
        <v>1600.9172799999999</v>
      </c>
      <c r="G323">
        <v>117.464367</v>
      </c>
      <c r="H323">
        <v>1600.9172799999999</v>
      </c>
      <c r="I323">
        <v>115.815653</v>
      </c>
      <c r="J323">
        <v>1600.9172799999999</v>
      </c>
      <c r="K323">
        <v>117.73069599999999</v>
      </c>
      <c r="L323">
        <v>1600.9172799999999</v>
      </c>
      <c r="M323">
        <v>116.386804</v>
      </c>
    </row>
    <row r="324" spans="2:13" x14ac:dyDescent="0.45">
      <c r="B324">
        <v>1602.846096</v>
      </c>
      <c r="C324">
        <v>117.672287</v>
      </c>
      <c r="D324">
        <v>1602.846096</v>
      </c>
      <c r="E324">
        <v>118.07331000000001</v>
      </c>
      <c r="F324">
        <v>1602.846096</v>
      </c>
      <c r="G324">
        <v>117.482507</v>
      </c>
      <c r="H324">
        <v>1602.846096</v>
      </c>
      <c r="I324">
        <v>115.87344400000001</v>
      </c>
      <c r="J324">
        <v>1602.846096</v>
      </c>
      <c r="K324">
        <v>117.741604</v>
      </c>
      <c r="L324">
        <v>1602.846096</v>
      </c>
      <c r="M324">
        <v>116.46197100000001</v>
      </c>
    </row>
    <row r="325" spans="2:13" x14ac:dyDescent="0.45">
      <c r="B325">
        <v>1604.7749120000001</v>
      </c>
      <c r="C325">
        <v>117.624206</v>
      </c>
      <c r="D325">
        <v>1604.7749120000001</v>
      </c>
      <c r="E325">
        <v>118.032336</v>
      </c>
      <c r="F325">
        <v>1604.7749120000001</v>
      </c>
      <c r="G325">
        <v>117.47261</v>
      </c>
      <c r="H325">
        <v>1604.7749120000001</v>
      </c>
      <c r="I325">
        <v>115.969516</v>
      </c>
      <c r="J325">
        <v>1604.7749120000001</v>
      </c>
      <c r="K325">
        <v>117.775227</v>
      </c>
      <c r="L325">
        <v>1604.7749120000001</v>
      </c>
      <c r="M325">
        <v>116.484402</v>
      </c>
    </row>
    <row r="326" spans="2:13" x14ac:dyDescent="0.45">
      <c r="B326">
        <v>1606.703728</v>
      </c>
      <c r="C326">
        <v>117.555249</v>
      </c>
      <c r="D326">
        <v>1606.703728</v>
      </c>
      <c r="E326">
        <v>118.011517</v>
      </c>
      <c r="F326">
        <v>1606.703728</v>
      </c>
      <c r="G326">
        <v>117.463042</v>
      </c>
      <c r="H326">
        <v>1606.703728</v>
      </c>
      <c r="I326">
        <v>116.053493</v>
      </c>
      <c r="J326">
        <v>1606.703728</v>
      </c>
      <c r="K326">
        <v>117.795547</v>
      </c>
      <c r="L326">
        <v>1606.703728</v>
      </c>
      <c r="M326">
        <v>116.486745</v>
      </c>
    </row>
    <row r="327" spans="2:13" x14ac:dyDescent="0.45">
      <c r="B327">
        <v>1608.6325440000001</v>
      </c>
      <c r="C327">
        <v>117.491916</v>
      </c>
      <c r="D327">
        <v>1608.6325440000001</v>
      </c>
      <c r="E327">
        <v>118.03535000000001</v>
      </c>
      <c r="F327">
        <v>1608.6325440000001</v>
      </c>
      <c r="G327">
        <v>117.462586</v>
      </c>
      <c r="H327">
        <v>1608.6325440000001</v>
      </c>
      <c r="I327">
        <v>116.154363</v>
      </c>
      <c r="J327">
        <v>1608.6325440000001</v>
      </c>
      <c r="K327">
        <v>117.81325699999999</v>
      </c>
      <c r="L327">
        <v>1608.6325440000001</v>
      </c>
      <c r="M327">
        <v>116.425276</v>
      </c>
    </row>
    <row r="328" spans="2:13" x14ac:dyDescent="0.45">
      <c r="B328">
        <v>1610.5613599999999</v>
      </c>
      <c r="C328">
        <v>117.471405</v>
      </c>
      <c r="D328">
        <v>1610.5613599999999</v>
      </c>
      <c r="E328">
        <v>118.02618600000001</v>
      </c>
      <c r="F328">
        <v>1610.5613599999999</v>
      </c>
      <c r="G328">
        <v>117.463081</v>
      </c>
      <c r="H328">
        <v>1610.5613599999999</v>
      </c>
      <c r="I328">
        <v>116.18554</v>
      </c>
      <c r="J328">
        <v>1610.5613599999999</v>
      </c>
      <c r="K328">
        <v>117.776487</v>
      </c>
      <c r="L328">
        <v>1610.5613599999999</v>
      </c>
      <c r="M328">
        <v>116.39737</v>
      </c>
    </row>
    <row r="329" spans="2:13" x14ac:dyDescent="0.45">
      <c r="B329">
        <v>1612.490176</v>
      </c>
      <c r="C329">
        <v>117.457583</v>
      </c>
      <c r="D329">
        <v>1612.490176</v>
      </c>
      <c r="E329">
        <v>117.943572</v>
      </c>
      <c r="F329">
        <v>1612.490176</v>
      </c>
      <c r="G329">
        <v>117.44107700000001</v>
      </c>
      <c r="H329">
        <v>1612.490176</v>
      </c>
      <c r="I329">
        <v>116.186853</v>
      </c>
      <c r="J329">
        <v>1612.490176</v>
      </c>
      <c r="K329">
        <v>117.76988799999999</v>
      </c>
      <c r="L329">
        <v>1612.490176</v>
      </c>
      <c r="M329">
        <v>116.40857</v>
      </c>
    </row>
    <row r="330" spans="2:13" x14ac:dyDescent="0.45">
      <c r="B330">
        <v>1614.4189919999999</v>
      </c>
      <c r="C330">
        <v>117.404878</v>
      </c>
      <c r="D330">
        <v>1614.4189919999999</v>
      </c>
      <c r="E330">
        <v>117.889341</v>
      </c>
      <c r="F330">
        <v>1614.4189919999999</v>
      </c>
      <c r="G330">
        <v>117.384699</v>
      </c>
      <c r="H330">
        <v>1614.4189919999999</v>
      </c>
      <c r="I330">
        <v>116.110257</v>
      </c>
      <c r="J330">
        <v>1614.4189919999999</v>
      </c>
      <c r="K330">
        <v>117.806189</v>
      </c>
      <c r="L330">
        <v>1614.4189919999999</v>
      </c>
      <c r="M330">
        <v>116.457537</v>
      </c>
    </row>
    <row r="331" spans="2:13" x14ac:dyDescent="0.45">
      <c r="B331">
        <v>1616.347808</v>
      </c>
      <c r="C331">
        <v>117.222576</v>
      </c>
      <c r="D331">
        <v>1616.347808</v>
      </c>
      <c r="E331">
        <v>117.879312</v>
      </c>
      <c r="F331">
        <v>1616.347808</v>
      </c>
      <c r="G331">
        <v>117.41459</v>
      </c>
      <c r="H331">
        <v>1616.347808</v>
      </c>
      <c r="I331">
        <v>116.024067</v>
      </c>
      <c r="J331">
        <v>1616.347808</v>
      </c>
      <c r="K331">
        <v>117.79279699999999</v>
      </c>
      <c r="L331">
        <v>1616.347808</v>
      </c>
      <c r="M331">
        <v>116.463134</v>
      </c>
    </row>
    <row r="332" spans="2:13" x14ac:dyDescent="0.45">
      <c r="B332">
        <v>1618.2766240000001</v>
      </c>
      <c r="C332">
        <v>117.14501</v>
      </c>
      <c r="D332">
        <v>1618.2766240000001</v>
      </c>
      <c r="E332">
        <v>117.865252</v>
      </c>
      <c r="F332">
        <v>1618.2766240000001</v>
      </c>
      <c r="G332">
        <v>117.44050300000001</v>
      </c>
      <c r="H332">
        <v>1618.2766240000001</v>
      </c>
      <c r="I332">
        <v>116.121239</v>
      </c>
      <c r="J332">
        <v>1618.2766240000001</v>
      </c>
      <c r="K332">
        <v>117.787239</v>
      </c>
      <c r="L332">
        <v>1618.2766240000001</v>
      </c>
      <c r="M332">
        <v>116.337445</v>
      </c>
    </row>
    <row r="333" spans="2:13" x14ac:dyDescent="0.45">
      <c r="B333">
        <v>1620.20544</v>
      </c>
      <c r="C333">
        <v>117.203957</v>
      </c>
      <c r="D333">
        <v>1620.20544</v>
      </c>
      <c r="E333">
        <v>117.82335400000001</v>
      </c>
      <c r="F333">
        <v>1620.20544</v>
      </c>
      <c r="G333">
        <v>117.334957</v>
      </c>
      <c r="H333">
        <v>1620.20544</v>
      </c>
      <c r="I333">
        <v>116.10199799999999</v>
      </c>
      <c r="J333">
        <v>1620.20544</v>
      </c>
      <c r="K333">
        <v>117.776804</v>
      </c>
      <c r="L333">
        <v>1620.20544</v>
      </c>
      <c r="M333">
        <v>116.332185</v>
      </c>
    </row>
    <row r="334" spans="2:13" x14ac:dyDescent="0.45">
      <c r="B334">
        <v>1622.1342560000001</v>
      </c>
      <c r="C334">
        <v>117.180915</v>
      </c>
      <c r="D334">
        <v>1622.1342560000001</v>
      </c>
      <c r="E334">
        <v>117.772768</v>
      </c>
      <c r="F334">
        <v>1622.1342560000001</v>
      </c>
      <c r="G334">
        <v>117.225692</v>
      </c>
      <c r="H334">
        <v>1622.1342560000001</v>
      </c>
      <c r="I334">
        <v>116.01942099999999</v>
      </c>
      <c r="J334">
        <v>1622.1342560000001</v>
      </c>
      <c r="K334">
        <v>117.728351</v>
      </c>
      <c r="L334">
        <v>1622.1342560000001</v>
      </c>
      <c r="M334">
        <v>116.354181</v>
      </c>
    </row>
    <row r="335" spans="2:13" x14ac:dyDescent="0.45">
      <c r="B335">
        <v>1624.0630719999999</v>
      </c>
      <c r="C335">
        <v>117.13568100000001</v>
      </c>
      <c r="D335">
        <v>1624.0630719999999</v>
      </c>
      <c r="E335">
        <v>117.70920000000001</v>
      </c>
      <c r="F335">
        <v>1624.0630719999999</v>
      </c>
      <c r="G335">
        <v>117.22994799999999</v>
      </c>
      <c r="H335">
        <v>1624.0630719999999</v>
      </c>
      <c r="I335">
        <v>116.046598</v>
      </c>
      <c r="J335">
        <v>1624.0630719999999</v>
      </c>
      <c r="K335">
        <v>117.753366</v>
      </c>
      <c r="L335">
        <v>1624.0630719999999</v>
      </c>
      <c r="M335">
        <v>116.26125999999999</v>
      </c>
    </row>
    <row r="336" spans="2:13" x14ac:dyDescent="0.45">
      <c r="B336">
        <v>1625.991888</v>
      </c>
      <c r="C336">
        <v>117.137182</v>
      </c>
      <c r="D336">
        <v>1625.991888</v>
      </c>
      <c r="E336">
        <v>117.729529</v>
      </c>
      <c r="F336">
        <v>1625.991888</v>
      </c>
      <c r="G336">
        <v>117.23165400000001</v>
      </c>
      <c r="H336">
        <v>1625.991888</v>
      </c>
      <c r="I336">
        <v>116.005286</v>
      </c>
      <c r="J336">
        <v>1625.991888</v>
      </c>
      <c r="K336">
        <v>117.764188</v>
      </c>
      <c r="L336">
        <v>1625.991888</v>
      </c>
      <c r="M336">
        <v>116.14657</v>
      </c>
    </row>
    <row r="337" spans="2:13" x14ac:dyDescent="0.45">
      <c r="B337">
        <v>1627.9207039999999</v>
      </c>
      <c r="C337">
        <v>117.093102</v>
      </c>
      <c r="D337">
        <v>1627.9207039999999</v>
      </c>
      <c r="E337">
        <v>117.74075000000001</v>
      </c>
      <c r="F337">
        <v>1627.9207039999999</v>
      </c>
      <c r="G337">
        <v>117.20865000000001</v>
      </c>
      <c r="H337">
        <v>1627.9207039999999</v>
      </c>
      <c r="I337">
        <v>115.90922</v>
      </c>
      <c r="J337">
        <v>1627.9207039999999</v>
      </c>
      <c r="K337">
        <v>117.715542</v>
      </c>
      <c r="L337">
        <v>1627.9207039999999</v>
      </c>
      <c r="M337">
        <v>116.054574</v>
      </c>
    </row>
    <row r="338" spans="2:13" x14ac:dyDescent="0.45">
      <c r="B338">
        <v>1629.84952</v>
      </c>
      <c r="C338">
        <v>117.124056</v>
      </c>
      <c r="D338">
        <v>1629.84952</v>
      </c>
      <c r="E338">
        <v>117.728915</v>
      </c>
      <c r="F338">
        <v>1629.84952</v>
      </c>
      <c r="G338">
        <v>117.209823</v>
      </c>
      <c r="H338">
        <v>1629.84952</v>
      </c>
      <c r="I338">
        <v>115.904143</v>
      </c>
      <c r="J338">
        <v>1629.84952</v>
      </c>
      <c r="K338">
        <v>117.64003599999999</v>
      </c>
      <c r="L338">
        <v>1629.84952</v>
      </c>
      <c r="M338">
        <v>116.040463</v>
      </c>
    </row>
    <row r="339" spans="2:13" x14ac:dyDescent="0.45">
      <c r="B339">
        <v>1631.7783360000001</v>
      </c>
      <c r="C339">
        <v>117.18039</v>
      </c>
      <c r="D339">
        <v>1631.7783360000001</v>
      </c>
      <c r="E339">
        <v>117.72263700000001</v>
      </c>
      <c r="F339">
        <v>1631.7783360000001</v>
      </c>
      <c r="G339">
        <v>117.15706</v>
      </c>
      <c r="H339">
        <v>1631.7783360000001</v>
      </c>
      <c r="I339">
        <v>115.882896</v>
      </c>
      <c r="J339">
        <v>1631.7783360000001</v>
      </c>
      <c r="K339">
        <v>117.579712</v>
      </c>
      <c r="L339">
        <v>1631.7783360000001</v>
      </c>
      <c r="M339">
        <v>116.09058899999999</v>
      </c>
    </row>
    <row r="340" spans="2:13" x14ac:dyDescent="0.45">
      <c r="B340">
        <v>1633.707152</v>
      </c>
      <c r="C340">
        <v>117.203095</v>
      </c>
      <c r="D340">
        <v>1633.707152</v>
      </c>
      <c r="E340">
        <v>117.65781100000001</v>
      </c>
      <c r="F340">
        <v>1633.707152</v>
      </c>
      <c r="G340">
        <v>117.069506</v>
      </c>
      <c r="H340">
        <v>1633.707152</v>
      </c>
      <c r="I340">
        <v>115.772199</v>
      </c>
      <c r="J340">
        <v>1633.707152</v>
      </c>
      <c r="K340">
        <v>117.507105</v>
      </c>
      <c r="L340">
        <v>1633.707152</v>
      </c>
      <c r="M340">
        <v>116.11897500000001</v>
      </c>
    </row>
    <row r="341" spans="2:13" x14ac:dyDescent="0.45">
      <c r="B341">
        <v>1635.635968</v>
      </c>
      <c r="C341">
        <v>117.114408</v>
      </c>
      <c r="D341">
        <v>1635.635968</v>
      </c>
      <c r="E341">
        <v>117.48222200000001</v>
      </c>
      <c r="F341">
        <v>1635.635968</v>
      </c>
      <c r="G341">
        <v>117.018829</v>
      </c>
      <c r="H341">
        <v>1635.635968</v>
      </c>
      <c r="I341">
        <v>115.811984</v>
      </c>
      <c r="J341">
        <v>1635.635968</v>
      </c>
      <c r="K341">
        <v>117.534153</v>
      </c>
      <c r="L341">
        <v>1635.635968</v>
      </c>
      <c r="M341">
        <v>116.030676</v>
      </c>
    </row>
    <row r="342" spans="2:13" x14ac:dyDescent="0.45">
      <c r="B342">
        <v>1637.5647839999999</v>
      </c>
      <c r="C342">
        <v>117.019159</v>
      </c>
      <c r="D342">
        <v>1637.5647839999999</v>
      </c>
      <c r="E342">
        <v>117.450748</v>
      </c>
      <c r="F342">
        <v>1637.5647839999999</v>
      </c>
      <c r="G342">
        <v>117.05457</v>
      </c>
      <c r="H342">
        <v>1637.5647839999999</v>
      </c>
      <c r="I342">
        <v>116.025299</v>
      </c>
      <c r="J342">
        <v>1637.5647839999999</v>
      </c>
      <c r="K342">
        <v>117.787761</v>
      </c>
      <c r="L342">
        <v>1637.5647839999999</v>
      </c>
      <c r="M342">
        <v>115.865584</v>
      </c>
    </row>
    <row r="343" spans="2:13" x14ac:dyDescent="0.45">
      <c r="B343">
        <v>1639.4936</v>
      </c>
      <c r="C343">
        <v>117.06363399999999</v>
      </c>
      <c r="D343">
        <v>1639.4936</v>
      </c>
      <c r="E343">
        <v>117.50793900000001</v>
      </c>
      <c r="F343">
        <v>1639.4936</v>
      </c>
      <c r="G343">
        <v>117.039804</v>
      </c>
      <c r="H343">
        <v>1639.4936</v>
      </c>
      <c r="I343">
        <v>115.98270100000001</v>
      </c>
      <c r="J343">
        <v>1639.4936</v>
      </c>
      <c r="K343">
        <v>117.781969</v>
      </c>
      <c r="L343">
        <v>1639.4936</v>
      </c>
      <c r="M343">
        <v>115.95017300000001</v>
      </c>
    </row>
    <row r="344" spans="2:13" x14ac:dyDescent="0.45">
      <c r="B344">
        <v>1641.4224160000001</v>
      </c>
      <c r="C344">
        <v>117.07138399999999</v>
      </c>
      <c r="D344">
        <v>1641.4224160000001</v>
      </c>
      <c r="E344">
        <v>117.523651</v>
      </c>
      <c r="F344">
        <v>1641.4224160000001</v>
      </c>
      <c r="G344">
        <v>117.052639</v>
      </c>
      <c r="H344">
        <v>1641.4224160000001</v>
      </c>
      <c r="I344">
        <v>115.95575599999999</v>
      </c>
      <c r="J344">
        <v>1641.4224160000001</v>
      </c>
      <c r="K344">
        <v>117.728227</v>
      </c>
      <c r="L344">
        <v>1641.4224160000001</v>
      </c>
      <c r="M344">
        <v>116.072166</v>
      </c>
    </row>
    <row r="345" spans="2:13" x14ac:dyDescent="0.45">
      <c r="B345">
        <v>1643.351232</v>
      </c>
      <c r="C345">
        <v>117.08333</v>
      </c>
      <c r="D345">
        <v>1643.351232</v>
      </c>
      <c r="E345">
        <v>117.516222</v>
      </c>
      <c r="F345">
        <v>1643.351232</v>
      </c>
      <c r="G345">
        <v>117.05109899999999</v>
      </c>
      <c r="H345">
        <v>1643.351232</v>
      </c>
      <c r="I345">
        <v>115.98854900000001</v>
      </c>
      <c r="J345">
        <v>1643.351232</v>
      </c>
      <c r="K345">
        <v>117.712135</v>
      </c>
      <c r="L345">
        <v>1643.351232</v>
      </c>
      <c r="M345">
        <v>116.194756</v>
      </c>
    </row>
    <row r="346" spans="2:13" x14ac:dyDescent="0.45">
      <c r="B346">
        <v>1645.2800480000001</v>
      </c>
      <c r="C346">
        <v>117.060377</v>
      </c>
      <c r="D346">
        <v>1645.2800480000001</v>
      </c>
      <c r="E346">
        <v>117.50272100000001</v>
      </c>
      <c r="F346">
        <v>1645.2800480000001</v>
      </c>
      <c r="G346">
        <v>117.020831</v>
      </c>
      <c r="H346">
        <v>1645.2800480000001</v>
      </c>
      <c r="I346">
        <v>115.952033</v>
      </c>
      <c r="J346">
        <v>1645.2800480000001</v>
      </c>
      <c r="K346">
        <v>117.669265</v>
      </c>
      <c r="L346">
        <v>1645.2800480000001</v>
      </c>
      <c r="M346">
        <v>116.210217</v>
      </c>
    </row>
    <row r="347" spans="2:13" x14ac:dyDescent="0.45">
      <c r="B347">
        <v>1647.2088639999999</v>
      </c>
      <c r="C347">
        <v>116.85266799999999</v>
      </c>
      <c r="D347">
        <v>1647.2088639999999</v>
      </c>
      <c r="E347">
        <v>117.528735</v>
      </c>
      <c r="F347">
        <v>1647.2088639999999</v>
      </c>
      <c r="G347">
        <v>117.108127</v>
      </c>
      <c r="H347">
        <v>1647.2088639999999</v>
      </c>
      <c r="I347">
        <v>116.022998</v>
      </c>
      <c r="J347">
        <v>1647.2088639999999</v>
      </c>
      <c r="K347">
        <v>117.764557</v>
      </c>
      <c r="L347">
        <v>1647.2088639999999</v>
      </c>
      <c r="M347">
        <v>116.054075</v>
      </c>
    </row>
    <row r="348" spans="2:13" x14ac:dyDescent="0.45">
      <c r="B348">
        <v>1649.13768</v>
      </c>
      <c r="C348">
        <v>116.987818</v>
      </c>
      <c r="D348">
        <v>1649.13768</v>
      </c>
      <c r="E348">
        <v>117.53920500000001</v>
      </c>
      <c r="F348">
        <v>1649.13768</v>
      </c>
      <c r="G348">
        <v>117.174262</v>
      </c>
      <c r="H348">
        <v>1649.13768</v>
      </c>
      <c r="I348">
        <v>116.178162</v>
      </c>
      <c r="J348">
        <v>1649.13768</v>
      </c>
      <c r="K348">
        <v>117.966275</v>
      </c>
      <c r="L348">
        <v>1649.13768</v>
      </c>
      <c r="M348">
        <v>116.08865400000001</v>
      </c>
    </row>
    <row r="349" spans="2:13" x14ac:dyDescent="0.45">
      <c r="B349">
        <v>1651.0664959999999</v>
      </c>
      <c r="C349">
        <v>117.105738</v>
      </c>
      <c r="D349">
        <v>1651.0664959999999</v>
      </c>
      <c r="E349">
        <v>117.55026000000001</v>
      </c>
      <c r="F349">
        <v>1651.0664959999999</v>
      </c>
      <c r="G349">
        <v>117.05623900000001</v>
      </c>
      <c r="H349">
        <v>1651.0664959999999</v>
      </c>
      <c r="I349">
        <v>116.07314</v>
      </c>
      <c r="J349">
        <v>1651.0664959999999</v>
      </c>
      <c r="K349">
        <v>117.853481</v>
      </c>
      <c r="L349">
        <v>1651.0664959999999</v>
      </c>
      <c r="M349">
        <v>116.305165</v>
      </c>
    </row>
    <row r="350" spans="2:13" x14ac:dyDescent="0.45">
      <c r="B350">
        <v>1652.995312</v>
      </c>
      <c r="C350">
        <v>116.806792</v>
      </c>
      <c r="D350">
        <v>1652.995312</v>
      </c>
      <c r="E350">
        <v>117.474186</v>
      </c>
      <c r="F350">
        <v>1652.995312</v>
      </c>
      <c r="G350">
        <v>116.99955199999999</v>
      </c>
      <c r="H350">
        <v>1652.995312</v>
      </c>
      <c r="I350">
        <v>115.965608</v>
      </c>
      <c r="J350">
        <v>1652.995312</v>
      </c>
      <c r="K350">
        <v>117.76727</v>
      </c>
      <c r="L350">
        <v>1652.995312</v>
      </c>
      <c r="M350">
        <v>116.16762</v>
      </c>
    </row>
    <row r="351" spans="2:13" x14ac:dyDescent="0.45">
      <c r="B351">
        <v>1654.9241280000001</v>
      </c>
      <c r="C351">
        <v>116.851342</v>
      </c>
      <c r="D351">
        <v>1654.9241280000001</v>
      </c>
      <c r="E351">
        <v>117.49584400000001</v>
      </c>
      <c r="F351">
        <v>1654.9241280000001</v>
      </c>
      <c r="G351">
        <v>117.25738699999999</v>
      </c>
      <c r="H351">
        <v>1654.9241280000001</v>
      </c>
      <c r="I351">
        <v>116.37342700000001</v>
      </c>
      <c r="J351">
        <v>1654.9241280000001</v>
      </c>
      <c r="K351">
        <v>118.140052</v>
      </c>
      <c r="L351">
        <v>1654.9241280000001</v>
      </c>
      <c r="M351">
        <v>116.011229</v>
      </c>
    </row>
    <row r="352" spans="2:13" x14ac:dyDescent="0.45">
      <c r="B352">
        <v>1656.852944</v>
      </c>
      <c r="C352">
        <v>117.048723</v>
      </c>
      <c r="D352">
        <v>1656.852944</v>
      </c>
      <c r="E352">
        <v>117.567437</v>
      </c>
      <c r="F352">
        <v>1656.852944</v>
      </c>
      <c r="G352">
        <v>117.255049</v>
      </c>
      <c r="H352">
        <v>1656.852944</v>
      </c>
      <c r="I352">
        <v>116.414621</v>
      </c>
      <c r="J352">
        <v>1656.852944</v>
      </c>
      <c r="K352">
        <v>118.104071</v>
      </c>
      <c r="L352">
        <v>1656.852944</v>
      </c>
      <c r="M352">
        <v>116.193805</v>
      </c>
    </row>
    <row r="353" spans="2:13" x14ac:dyDescent="0.45">
      <c r="B353">
        <v>1658.7817600000001</v>
      </c>
      <c r="C353">
        <v>117.054794</v>
      </c>
      <c r="D353">
        <v>1658.7817600000001</v>
      </c>
      <c r="E353">
        <v>117.629154</v>
      </c>
      <c r="F353">
        <v>1658.7817600000001</v>
      </c>
      <c r="G353">
        <v>117.292669</v>
      </c>
      <c r="H353">
        <v>1658.7817600000001</v>
      </c>
      <c r="I353">
        <v>116.40060099999999</v>
      </c>
      <c r="J353">
        <v>1658.7817600000001</v>
      </c>
      <c r="K353">
        <v>118.055977</v>
      </c>
      <c r="L353">
        <v>1658.7817600000001</v>
      </c>
      <c r="M353">
        <v>116.300614</v>
      </c>
    </row>
    <row r="354" spans="2:13" x14ac:dyDescent="0.45">
      <c r="B354">
        <v>1660.7105759999999</v>
      </c>
      <c r="C354">
        <v>116.96862900000001</v>
      </c>
      <c r="D354">
        <v>1660.7105759999999</v>
      </c>
      <c r="E354">
        <v>117.703856</v>
      </c>
      <c r="F354">
        <v>1660.7105759999999</v>
      </c>
      <c r="G354">
        <v>117.323919</v>
      </c>
      <c r="H354">
        <v>1660.7105759999999</v>
      </c>
      <c r="I354">
        <v>116.401376</v>
      </c>
      <c r="J354">
        <v>1660.7105759999999</v>
      </c>
      <c r="K354">
        <v>118.059011</v>
      </c>
      <c r="L354">
        <v>1660.7105759999999</v>
      </c>
      <c r="M354">
        <v>116.42018400000001</v>
      </c>
    </row>
    <row r="355" spans="2:13" x14ac:dyDescent="0.45">
      <c r="B355">
        <v>1662.639392</v>
      </c>
      <c r="C355">
        <v>116.882873</v>
      </c>
      <c r="D355">
        <v>1662.639392</v>
      </c>
      <c r="E355">
        <v>117.730475</v>
      </c>
      <c r="F355">
        <v>1662.639392</v>
      </c>
      <c r="G355">
        <v>117.39368</v>
      </c>
      <c r="H355">
        <v>1662.639392</v>
      </c>
      <c r="I355">
        <v>116.50021099999999</v>
      </c>
      <c r="J355">
        <v>1662.639392</v>
      </c>
      <c r="K355">
        <v>118.12170500000001</v>
      </c>
      <c r="L355">
        <v>1662.639392</v>
      </c>
      <c r="M355">
        <v>116.516367</v>
      </c>
    </row>
    <row r="356" spans="2:13" x14ac:dyDescent="0.45">
      <c r="B356">
        <v>1664.5682079999999</v>
      </c>
      <c r="C356">
        <v>116.96538099999999</v>
      </c>
      <c r="D356">
        <v>1664.5682079999999</v>
      </c>
      <c r="E356">
        <v>117.713088</v>
      </c>
      <c r="F356">
        <v>1664.5682079999999</v>
      </c>
      <c r="G356">
        <v>117.475944</v>
      </c>
      <c r="H356">
        <v>1664.5682079999999</v>
      </c>
      <c r="I356">
        <v>116.61841800000001</v>
      </c>
      <c r="J356">
        <v>1664.5682079999999</v>
      </c>
      <c r="K356">
        <v>118.235843</v>
      </c>
      <c r="L356">
        <v>1664.5682079999999</v>
      </c>
      <c r="M356">
        <v>116.588368</v>
      </c>
    </row>
    <row r="357" spans="2:13" x14ac:dyDescent="0.45">
      <c r="B357">
        <v>1666.497024</v>
      </c>
      <c r="C357">
        <v>117.023032</v>
      </c>
      <c r="D357">
        <v>1666.497024</v>
      </c>
      <c r="E357">
        <v>117.743289</v>
      </c>
      <c r="F357">
        <v>1666.497024</v>
      </c>
      <c r="G357">
        <v>117.47725800000001</v>
      </c>
      <c r="H357">
        <v>1666.497024</v>
      </c>
      <c r="I357">
        <v>116.63032</v>
      </c>
      <c r="J357">
        <v>1666.497024</v>
      </c>
      <c r="K357">
        <v>118.239716</v>
      </c>
      <c r="L357">
        <v>1666.497024</v>
      </c>
      <c r="M357">
        <v>116.710567</v>
      </c>
    </row>
    <row r="358" spans="2:13" x14ac:dyDescent="0.45">
      <c r="B358">
        <v>1668.4258400000001</v>
      </c>
      <c r="C358">
        <v>116.948716</v>
      </c>
      <c r="D358">
        <v>1668.4258400000001</v>
      </c>
      <c r="E358">
        <v>117.696513</v>
      </c>
      <c r="F358">
        <v>1668.4258400000001</v>
      </c>
      <c r="G358">
        <v>117.457947</v>
      </c>
      <c r="H358">
        <v>1668.4258400000001</v>
      </c>
      <c r="I358">
        <v>116.671565</v>
      </c>
      <c r="J358">
        <v>1668.4258400000001</v>
      </c>
      <c r="K358">
        <v>118.178029</v>
      </c>
      <c r="L358">
        <v>1668.4258400000001</v>
      </c>
      <c r="M358">
        <v>116.736566</v>
      </c>
    </row>
    <row r="359" spans="2:13" x14ac:dyDescent="0.45">
      <c r="B359">
        <v>1670.354656</v>
      </c>
      <c r="C359">
        <v>116.897852</v>
      </c>
      <c r="D359">
        <v>1670.354656</v>
      </c>
      <c r="E359">
        <v>117.624318</v>
      </c>
      <c r="F359">
        <v>1670.354656</v>
      </c>
      <c r="G359">
        <v>117.488938</v>
      </c>
      <c r="H359">
        <v>1670.354656</v>
      </c>
      <c r="I359">
        <v>116.823001</v>
      </c>
      <c r="J359">
        <v>1670.354656</v>
      </c>
      <c r="K359">
        <v>118.16651</v>
      </c>
      <c r="L359">
        <v>1670.354656</v>
      </c>
      <c r="M359">
        <v>116.69125099999999</v>
      </c>
    </row>
    <row r="360" spans="2:13" x14ac:dyDescent="0.45">
      <c r="B360">
        <v>1672.2834720000001</v>
      </c>
      <c r="C360">
        <v>116.976517</v>
      </c>
      <c r="D360">
        <v>1672.2834720000001</v>
      </c>
      <c r="E360">
        <v>117.71190300000001</v>
      </c>
      <c r="F360">
        <v>1672.2834720000001</v>
      </c>
      <c r="G360">
        <v>117.553127</v>
      </c>
      <c r="H360">
        <v>1672.2834720000001</v>
      </c>
      <c r="I360">
        <v>116.88951299999999</v>
      </c>
      <c r="J360">
        <v>1672.2834720000001</v>
      </c>
      <c r="K360">
        <v>118.313069</v>
      </c>
      <c r="L360">
        <v>1672.2834720000001</v>
      </c>
      <c r="M360">
        <v>116.837029</v>
      </c>
    </row>
    <row r="361" spans="2:13" x14ac:dyDescent="0.45">
      <c r="B361">
        <v>1674.2122879999999</v>
      </c>
      <c r="C361">
        <v>116.930089</v>
      </c>
      <c r="D361">
        <v>1674.2122879999999</v>
      </c>
      <c r="E361">
        <v>117.79732200000001</v>
      </c>
      <c r="F361">
        <v>1674.2122879999999</v>
      </c>
      <c r="G361">
        <v>117.581942</v>
      </c>
      <c r="H361">
        <v>1674.2122879999999</v>
      </c>
      <c r="I361">
        <v>116.881513</v>
      </c>
      <c r="J361">
        <v>1674.2122879999999</v>
      </c>
      <c r="K361">
        <v>118.370233</v>
      </c>
      <c r="L361">
        <v>1674.2122879999999</v>
      </c>
      <c r="M361">
        <v>116.962655</v>
      </c>
    </row>
    <row r="362" spans="2:13" x14ac:dyDescent="0.45">
      <c r="B362">
        <v>1676.141104</v>
      </c>
      <c r="C362">
        <v>116.861086</v>
      </c>
      <c r="D362">
        <v>1676.141104</v>
      </c>
      <c r="E362">
        <v>117.816751</v>
      </c>
      <c r="F362">
        <v>1676.141104</v>
      </c>
      <c r="G362">
        <v>117.663163</v>
      </c>
      <c r="H362">
        <v>1676.141104</v>
      </c>
      <c r="I362">
        <v>116.981803</v>
      </c>
      <c r="J362">
        <v>1676.141104</v>
      </c>
      <c r="K362">
        <v>118.408795</v>
      </c>
      <c r="L362">
        <v>1676.141104</v>
      </c>
      <c r="M362">
        <v>116.957071</v>
      </c>
    </row>
    <row r="363" spans="2:13" x14ac:dyDescent="0.45">
      <c r="B363">
        <v>1678.0699199999999</v>
      </c>
      <c r="C363">
        <v>116.896912</v>
      </c>
      <c r="D363">
        <v>1678.0699199999999</v>
      </c>
      <c r="E363">
        <v>117.812511</v>
      </c>
      <c r="F363">
        <v>1678.0699199999999</v>
      </c>
      <c r="G363">
        <v>117.668601</v>
      </c>
      <c r="H363">
        <v>1678.0699199999999</v>
      </c>
      <c r="I363">
        <v>116.947717</v>
      </c>
      <c r="J363">
        <v>1678.0699199999999</v>
      </c>
      <c r="K363">
        <v>118.339596</v>
      </c>
      <c r="L363">
        <v>1678.0699199999999</v>
      </c>
      <c r="M363">
        <v>117.096587</v>
      </c>
    </row>
    <row r="364" spans="2:13" x14ac:dyDescent="0.45">
      <c r="B364">
        <v>1679.998736</v>
      </c>
      <c r="C364">
        <v>116.889802</v>
      </c>
      <c r="D364">
        <v>1679.998736</v>
      </c>
      <c r="E364">
        <v>117.770792</v>
      </c>
      <c r="F364">
        <v>1679.998736</v>
      </c>
      <c r="G364">
        <v>117.692694</v>
      </c>
      <c r="H364">
        <v>1679.998736</v>
      </c>
      <c r="I364">
        <v>116.885946</v>
      </c>
      <c r="J364">
        <v>1679.998736</v>
      </c>
      <c r="K364">
        <v>118.291336</v>
      </c>
      <c r="L364">
        <v>1679.998736</v>
      </c>
      <c r="M364">
        <v>117.226561</v>
      </c>
    </row>
    <row r="365" spans="2:13" x14ac:dyDescent="0.45">
      <c r="B365">
        <v>1681.9275520000001</v>
      </c>
      <c r="C365">
        <v>116.913044</v>
      </c>
      <c r="D365">
        <v>1681.9275520000001</v>
      </c>
      <c r="E365">
        <v>117.80961500000001</v>
      </c>
      <c r="F365">
        <v>1681.9275520000001</v>
      </c>
      <c r="G365">
        <v>117.687111</v>
      </c>
      <c r="H365">
        <v>1681.9275520000001</v>
      </c>
      <c r="I365">
        <v>116.89916700000001</v>
      </c>
      <c r="J365">
        <v>1681.9275520000001</v>
      </c>
      <c r="K365">
        <v>118.16408800000001</v>
      </c>
      <c r="L365">
        <v>1681.9275520000001</v>
      </c>
      <c r="M365">
        <v>117.400137</v>
      </c>
    </row>
    <row r="366" spans="2:13" x14ac:dyDescent="0.45">
      <c r="B366">
        <v>1683.856368</v>
      </c>
      <c r="C366">
        <v>116.62365200000001</v>
      </c>
      <c r="D366">
        <v>1683.856368</v>
      </c>
      <c r="E366">
        <v>117.844407</v>
      </c>
      <c r="F366">
        <v>1683.856368</v>
      </c>
      <c r="G366">
        <v>117.71422800000001</v>
      </c>
      <c r="H366">
        <v>1683.856368</v>
      </c>
      <c r="I366">
        <v>116.938875</v>
      </c>
      <c r="J366">
        <v>1683.856368</v>
      </c>
      <c r="K366">
        <v>118.033331</v>
      </c>
      <c r="L366">
        <v>1683.856368</v>
      </c>
      <c r="M366">
        <v>117.409475</v>
      </c>
    </row>
    <row r="367" spans="2:13" x14ac:dyDescent="0.45">
      <c r="B367">
        <v>1685.7851840000001</v>
      </c>
      <c r="C367">
        <v>116.59789600000001</v>
      </c>
      <c r="D367">
        <v>1685.7851840000001</v>
      </c>
      <c r="E367">
        <v>117.778312</v>
      </c>
      <c r="F367">
        <v>1685.7851840000001</v>
      </c>
      <c r="G367">
        <v>117.81769300000001</v>
      </c>
      <c r="H367">
        <v>1685.7851840000001</v>
      </c>
      <c r="I367">
        <v>117.191242</v>
      </c>
      <c r="J367">
        <v>1685.7851840000001</v>
      </c>
      <c r="K367">
        <v>118.462315</v>
      </c>
      <c r="L367">
        <v>1685.7851840000001</v>
      </c>
      <c r="M367">
        <v>117.27793800000001</v>
      </c>
    </row>
    <row r="368" spans="2:13" x14ac:dyDescent="0.45">
      <c r="B368">
        <v>1687.7139999999999</v>
      </c>
      <c r="C368">
        <v>116.851321</v>
      </c>
      <c r="D368">
        <v>1687.7139999999999</v>
      </c>
      <c r="E368">
        <v>117.776752</v>
      </c>
      <c r="F368">
        <v>1687.7139999999999</v>
      </c>
      <c r="G368">
        <v>117.754481</v>
      </c>
      <c r="H368">
        <v>1687.7139999999999</v>
      </c>
      <c r="I368">
        <v>117.116456</v>
      </c>
      <c r="J368">
        <v>1687.7139999999999</v>
      </c>
      <c r="K368">
        <v>118.424531</v>
      </c>
      <c r="L368">
        <v>1687.7139999999999</v>
      </c>
      <c r="M368">
        <v>117.405209</v>
      </c>
    </row>
    <row r="369" spans="2:13" x14ac:dyDescent="0.45">
      <c r="B369">
        <v>1689.642816</v>
      </c>
      <c r="C369">
        <v>116.91691</v>
      </c>
      <c r="D369">
        <v>1689.642816</v>
      </c>
      <c r="E369">
        <v>117.769819</v>
      </c>
      <c r="F369">
        <v>1689.642816</v>
      </c>
      <c r="G369">
        <v>117.708326</v>
      </c>
      <c r="H369">
        <v>1689.642816</v>
      </c>
      <c r="I369">
        <v>117.127889</v>
      </c>
      <c r="J369">
        <v>1689.642816</v>
      </c>
      <c r="K369">
        <v>118.348681</v>
      </c>
      <c r="L369">
        <v>1689.642816</v>
      </c>
      <c r="M369">
        <v>117.52114400000001</v>
      </c>
    </row>
    <row r="370" spans="2:13" x14ac:dyDescent="0.45">
      <c r="B370">
        <v>1691.5716319999999</v>
      </c>
      <c r="C370">
        <v>116.85781799999999</v>
      </c>
      <c r="D370">
        <v>1691.5716319999999</v>
      </c>
      <c r="E370">
        <v>117.81080800000001</v>
      </c>
      <c r="F370">
        <v>1691.5716319999999</v>
      </c>
      <c r="G370">
        <v>117.711151</v>
      </c>
      <c r="H370">
        <v>1691.5716319999999</v>
      </c>
      <c r="I370">
        <v>117.06757500000001</v>
      </c>
      <c r="J370">
        <v>1691.5716319999999</v>
      </c>
      <c r="K370">
        <v>118.316253</v>
      </c>
      <c r="L370">
        <v>1691.5716319999999</v>
      </c>
      <c r="M370">
        <v>117.646959</v>
      </c>
    </row>
    <row r="371" spans="2:13" x14ac:dyDescent="0.45">
      <c r="B371">
        <v>1693.500448</v>
      </c>
      <c r="C371">
        <v>116.783295</v>
      </c>
      <c r="D371">
        <v>1693.500448</v>
      </c>
      <c r="E371">
        <v>117.869963</v>
      </c>
      <c r="F371">
        <v>1693.500448</v>
      </c>
      <c r="G371">
        <v>117.71602300000001</v>
      </c>
      <c r="H371">
        <v>1693.500448</v>
      </c>
      <c r="I371">
        <v>116.93599399999999</v>
      </c>
      <c r="J371">
        <v>1693.500448</v>
      </c>
      <c r="K371">
        <v>118.222266</v>
      </c>
      <c r="L371">
        <v>1693.500448</v>
      </c>
      <c r="M371">
        <v>117.780007</v>
      </c>
    </row>
    <row r="372" spans="2:13" x14ac:dyDescent="0.45">
      <c r="B372">
        <v>1695.4292640000001</v>
      </c>
      <c r="C372">
        <v>116.65890899999999</v>
      </c>
      <c r="D372">
        <v>1695.4292640000001</v>
      </c>
      <c r="E372">
        <v>117.80689700000001</v>
      </c>
      <c r="F372">
        <v>1695.4292640000001</v>
      </c>
      <c r="G372">
        <v>117.747829</v>
      </c>
      <c r="H372">
        <v>1695.4292640000001</v>
      </c>
      <c r="I372">
        <v>116.95862099999999</v>
      </c>
      <c r="J372">
        <v>1695.4292640000001</v>
      </c>
      <c r="K372">
        <v>118.177415</v>
      </c>
      <c r="L372">
        <v>1695.4292640000001</v>
      </c>
      <c r="M372">
        <v>117.802859</v>
      </c>
    </row>
    <row r="373" spans="2:13" x14ac:dyDescent="0.45">
      <c r="B373">
        <v>1697.35808</v>
      </c>
      <c r="C373">
        <v>116.753829</v>
      </c>
      <c r="D373">
        <v>1697.35808</v>
      </c>
      <c r="E373">
        <v>117.727965</v>
      </c>
      <c r="F373">
        <v>1697.35808</v>
      </c>
      <c r="G373">
        <v>117.799904</v>
      </c>
      <c r="H373">
        <v>1697.35808</v>
      </c>
      <c r="I373">
        <v>117.248485</v>
      </c>
      <c r="J373">
        <v>1697.35808</v>
      </c>
      <c r="K373">
        <v>118.49162699999999</v>
      </c>
      <c r="L373">
        <v>1697.35808</v>
      </c>
      <c r="M373">
        <v>117.856906</v>
      </c>
    </row>
    <row r="374" spans="2:13" x14ac:dyDescent="0.45">
      <c r="B374">
        <v>1699.2868960000001</v>
      </c>
      <c r="C374">
        <v>116.66562399999999</v>
      </c>
      <c r="D374">
        <v>1699.2868960000001</v>
      </c>
      <c r="E374">
        <v>117.706974</v>
      </c>
      <c r="F374">
        <v>1699.2868960000001</v>
      </c>
      <c r="G374">
        <v>117.708151</v>
      </c>
      <c r="H374">
        <v>1699.2868960000001</v>
      </c>
      <c r="I374">
        <v>117.082474</v>
      </c>
      <c r="J374">
        <v>1699.2868960000001</v>
      </c>
      <c r="K374">
        <v>118.487759</v>
      </c>
      <c r="L374">
        <v>1699.2868960000001</v>
      </c>
      <c r="M374">
        <v>117.945193</v>
      </c>
    </row>
    <row r="375" spans="2:13" x14ac:dyDescent="0.45">
      <c r="B375">
        <v>1701.2157119999999</v>
      </c>
      <c r="C375">
        <v>116.34596500000001</v>
      </c>
      <c r="D375">
        <v>1701.2157119999999</v>
      </c>
      <c r="E375">
        <v>117.675652</v>
      </c>
      <c r="F375">
        <v>1701.2157119999999</v>
      </c>
      <c r="G375">
        <v>117.720375</v>
      </c>
      <c r="H375">
        <v>1701.2157119999999</v>
      </c>
      <c r="I375">
        <v>117.06562700000001</v>
      </c>
      <c r="J375">
        <v>1701.2157119999999</v>
      </c>
      <c r="K375">
        <v>118.49002</v>
      </c>
      <c r="L375">
        <v>1701.2157119999999</v>
      </c>
      <c r="M375">
        <v>117.797173</v>
      </c>
    </row>
    <row r="376" spans="2:13" x14ac:dyDescent="0.45">
      <c r="B376">
        <v>1703.144528</v>
      </c>
      <c r="C376">
        <v>116.530534</v>
      </c>
      <c r="D376">
        <v>1703.144528</v>
      </c>
      <c r="E376">
        <v>117.75269900000001</v>
      </c>
      <c r="F376">
        <v>1703.144528</v>
      </c>
      <c r="G376">
        <v>117.72251</v>
      </c>
      <c r="H376">
        <v>1703.144528</v>
      </c>
      <c r="I376">
        <v>117.058858</v>
      </c>
      <c r="J376">
        <v>1703.144528</v>
      </c>
      <c r="K376">
        <v>118.33186000000001</v>
      </c>
      <c r="L376">
        <v>1703.144528</v>
      </c>
      <c r="M376">
        <v>117.85137899999999</v>
      </c>
    </row>
    <row r="377" spans="2:13" x14ac:dyDescent="0.45">
      <c r="B377">
        <v>1705.0733439999999</v>
      </c>
      <c r="C377">
        <v>116.57907899999999</v>
      </c>
      <c r="D377">
        <v>1705.0733439999999</v>
      </c>
      <c r="E377">
        <v>117.75843900000001</v>
      </c>
      <c r="F377">
        <v>1705.0733439999999</v>
      </c>
      <c r="G377">
        <v>117.722379</v>
      </c>
      <c r="H377">
        <v>1705.0733439999999</v>
      </c>
      <c r="I377">
        <v>117.06414599999999</v>
      </c>
      <c r="J377">
        <v>1705.0733439999999</v>
      </c>
      <c r="K377">
        <v>118.327127</v>
      </c>
      <c r="L377">
        <v>1705.0733439999999</v>
      </c>
      <c r="M377">
        <v>117.801928</v>
      </c>
    </row>
    <row r="378" spans="2:13" x14ac:dyDescent="0.45">
      <c r="B378">
        <v>1707.00216</v>
      </c>
      <c r="C378">
        <v>116.608108</v>
      </c>
      <c r="D378">
        <v>1707.00216</v>
      </c>
      <c r="E378">
        <v>117.74759900000001</v>
      </c>
      <c r="F378">
        <v>1707.00216</v>
      </c>
      <c r="G378">
        <v>117.70511500000001</v>
      </c>
      <c r="H378">
        <v>1707.00216</v>
      </c>
      <c r="I378">
        <v>117.06128200000001</v>
      </c>
      <c r="J378">
        <v>1707.00216</v>
      </c>
      <c r="K378">
        <v>118.42562100000001</v>
      </c>
      <c r="L378">
        <v>1707.00216</v>
      </c>
      <c r="M378">
        <v>117.820604</v>
      </c>
    </row>
    <row r="379" spans="2:13" x14ac:dyDescent="0.45">
      <c r="B379">
        <v>1708.9309760000001</v>
      </c>
      <c r="C379">
        <v>116.616496</v>
      </c>
      <c r="D379">
        <v>1708.9309760000001</v>
      </c>
      <c r="E379">
        <v>117.769918</v>
      </c>
      <c r="F379">
        <v>1708.9309760000001</v>
      </c>
      <c r="G379">
        <v>117.749594</v>
      </c>
      <c r="H379">
        <v>1708.9309760000001</v>
      </c>
      <c r="I379">
        <v>117.018564</v>
      </c>
      <c r="J379">
        <v>1708.9309760000001</v>
      </c>
      <c r="K379">
        <v>118.39102099999999</v>
      </c>
      <c r="L379">
        <v>1708.9309760000001</v>
      </c>
      <c r="M379">
        <v>117.961045</v>
      </c>
    </row>
    <row r="380" spans="2:13" x14ac:dyDescent="0.45">
      <c r="B380">
        <v>1710.859792</v>
      </c>
      <c r="C380">
        <v>116.597825</v>
      </c>
      <c r="D380">
        <v>1710.859792</v>
      </c>
      <c r="E380">
        <v>117.751783</v>
      </c>
      <c r="F380">
        <v>1710.859792</v>
      </c>
      <c r="G380">
        <v>117.763076</v>
      </c>
      <c r="H380">
        <v>1710.859792</v>
      </c>
      <c r="I380">
        <v>117.03348200000001</v>
      </c>
      <c r="J380">
        <v>1710.859792</v>
      </c>
      <c r="K380">
        <v>118.366829</v>
      </c>
      <c r="L380">
        <v>1710.859792</v>
      </c>
      <c r="M380">
        <v>118.02257</v>
      </c>
    </row>
    <row r="381" spans="2:13" x14ac:dyDescent="0.45">
      <c r="B381">
        <v>1712.7886080000001</v>
      </c>
      <c r="C381">
        <v>116.674685</v>
      </c>
      <c r="D381">
        <v>1712.7886080000001</v>
      </c>
      <c r="E381">
        <v>117.741133</v>
      </c>
      <c r="F381">
        <v>1712.7886080000001</v>
      </c>
      <c r="G381">
        <v>117.702483</v>
      </c>
      <c r="H381">
        <v>1712.7886080000001</v>
      </c>
      <c r="I381">
        <v>117.03752</v>
      </c>
      <c r="J381">
        <v>1712.7886080000001</v>
      </c>
      <c r="K381">
        <v>118.35231899999999</v>
      </c>
      <c r="L381">
        <v>1712.7886080000001</v>
      </c>
      <c r="M381">
        <v>118.14195100000001</v>
      </c>
    </row>
    <row r="382" spans="2:13" x14ac:dyDescent="0.45">
      <c r="B382">
        <v>1714.7174239999999</v>
      </c>
      <c r="C382">
        <v>116.76794599999999</v>
      </c>
      <c r="D382">
        <v>1714.7174239999999</v>
      </c>
      <c r="E382">
        <v>117.76152</v>
      </c>
      <c r="F382">
        <v>1714.7174239999999</v>
      </c>
      <c r="G382">
        <v>117.643615</v>
      </c>
      <c r="H382">
        <v>1714.7174239999999</v>
      </c>
      <c r="I382">
        <v>116.990887</v>
      </c>
      <c r="J382">
        <v>1714.7174239999999</v>
      </c>
      <c r="K382">
        <v>118.30914199999999</v>
      </c>
      <c r="L382">
        <v>1714.7174239999999</v>
      </c>
      <c r="M382">
        <v>118.292064</v>
      </c>
    </row>
    <row r="383" spans="2:13" x14ac:dyDescent="0.45">
      <c r="B383">
        <v>1716.64624</v>
      </c>
      <c r="C383">
        <v>116.738327</v>
      </c>
      <c r="D383">
        <v>1716.64624</v>
      </c>
      <c r="E383">
        <v>117.67771</v>
      </c>
      <c r="F383">
        <v>1716.64624</v>
      </c>
      <c r="G383">
        <v>117.534023</v>
      </c>
      <c r="H383">
        <v>1716.64624</v>
      </c>
      <c r="I383">
        <v>117.025774</v>
      </c>
      <c r="J383">
        <v>1716.64624</v>
      </c>
      <c r="K383">
        <v>118.18322499999999</v>
      </c>
      <c r="L383">
        <v>1716.64624</v>
      </c>
      <c r="M383">
        <v>118.325487</v>
      </c>
    </row>
    <row r="384" spans="2:13" x14ac:dyDescent="0.45">
      <c r="B384">
        <v>1718.5750559999999</v>
      </c>
      <c r="C384">
        <v>116.591127</v>
      </c>
      <c r="D384">
        <v>1718.5750559999999</v>
      </c>
      <c r="E384">
        <v>117.536801</v>
      </c>
      <c r="F384">
        <v>1718.5750559999999</v>
      </c>
      <c r="G384">
        <v>117.64460200000001</v>
      </c>
      <c r="H384">
        <v>1718.5750559999999</v>
      </c>
      <c r="I384">
        <v>117.15961799999999</v>
      </c>
      <c r="J384">
        <v>1718.5750559999999</v>
      </c>
      <c r="K384">
        <v>118.297624</v>
      </c>
      <c r="L384">
        <v>1718.5750559999999</v>
      </c>
      <c r="M384">
        <v>118.087878</v>
      </c>
    </row>
    <row r="385" spans="2:13" x14ac:dyDescent="0.45">
      <c r="B385">
        <v>1720.503872</v>
      </c>
      <c r="C385">
        <v>116.636278</v>
      </c>
      <c r="D385">
        <v>1720.503872</v>
      </c>
      <c r="E385">
        <v>117.62845900000001</v>
      </c>
      <c r="F385">
        <v>1720.503872</v>
      </c>
      <c r="G385">
        <v>117.695913</v>
      </c>
      <c r="H385">
        <v>1720.503872</v>
      </c>
      <c r="I385">
        <v>117.200327</v>
      </c>
      <c r="J385">
        <v>1720.503872</v>
      </c>
      <c r="K385">
        <v>118.379632</v>
      </c>
      <c r="L385">
        <v>1720.503872</v>
      </c>
      <c r="M385">
        <v>118.14254200000001</v>
      </c>
    </row>
    <row r="386" spans="2:13" x14ac:dyDescent="0.45">
      <c r="B386">
        <v>1722.4326880000001</v>
      </c>
      <c r="C386">
        <v>116.633143</v>
      </c>
      <c r="D386">
        <v>1722.4326880000001</v>
      </c>
      <c r="E386">
        <v>117.712655</v>
      </c>
      <c r="F386">
        <v>1722.4326880000001</v>
      </c>
      <c r="G386">
        <v>117.68156999999999</v>
      </c>
      <c r="H386">
        <v>1722.4326880000001</v>
      </c>
      <c r="I386">
        <v>117.108605</v>
      </c>
      <c r="J386">
        <v>1722.4326880000001</v>
      </c>
      <c r="K386">
        <v>118.36031800000001</v>
      </c>
      <c r="L386">
        <v>1722.4326880000001</v>
      </c>
      <c r="M386">
        <v>118.262349</v>
      </c>
    </row>
    <row r="387" spans="2:13" x14ac:dyDescent="0.45">
      <c r="B387">
        <v>1724.361504</v>
      </c>
      <c r="C387">
        <v>116.55493800000001</v>
      </c>
      <c r="D387">
        <v>1724.361504</v>
      </c>
      <c r="E387">
        <v>117.724918</v>
      </c>
      <c r="F387">
        <v>1724.361504</v>
      </c>
      <c r="G387">
        <v>117.72407800000001</v>
      </c>
      <c r="H387">
        <v>1724.361504</v>
      </c>
      <c r="I387">
        <v>117.02200000000001</v>
      </c>
      <c r="J387">
        <v>1724.361504</v>
      </c>
      <c r="K387">
        <v>118.346121</v>
      </c>
      <c r="L387">
        <v>1724.361504</v>
      </c>
      <c r="M387">
        <v>118.315117</v>
      </c>
    </row>
    <row r="388" spans="2:13" x14ac:dyDescent="0.45">
      <c r="B388">
        <v>1726.2903200000001</v>
      </c>
      <c r="C388">
        <v>116.577422</v>
      </c>
      <c r="D388">
        <v>1726.2903200000001</v>
      </c>
      <c r="E388">
        <v>117.705709</v>
      </c>
      <c r="F388">
        <v>1726.2903200000001</v>
      </c>
      <c r="G388">
        <v>117.729799</v>
      </c>
      <c r="H388">
        <v>1726.2903200000001</v>
      </c>
      <c r="I388">
        <v>117.010468</v>
      </c>
      <c r="J388">
        <v>1726.2903200000001</v>
      </c>
      <c r="K388">
        <v>118.355681</v>
      </c>
      <c r="L388">
        <v>1726.2903200000001</v>
      </c>
      <c r="M388">
        <v>118.345247</v>
      </c>
    </row>
    <row r="389" spans="2:13" x14ac:dyDescent="0.45">
      <c r="B389">
        <v>1728.2191359999999</v>
      </c>
      <c r="C389">
        <v>116.59778300000001</v>
      </c>
      <c r="D389">
        <v>1728.2191359999999</v>
      </c>
      <c r="E389">
        <v>117.710066</v>
      </c>
      <c r="F389">
        <v>1728.2191359999999</v>
      </c>
      <c r="G389">
        <v>117.70088800000001</v>
      </c>
      <c r="H389">
        <v>1728.2191359999999</v>
      </c>
      <c r="I389">
        <v>116.986583</v>
      </c>
      <c r="J389">
        <v>1728.2191359999999</v>
      </c>
      <c r="K389">
        <v>118.299898</v>
      </c>
      <c r="L389">
        <v>1728.2191359999999</v>
      </c>
      <c r="M389">
        <v>118.39160099999999</v>
      </c>
    </row>
    <row r="390" spans="2:13" x14ac:dyDescent="0.45">
      <c r="B390">
        <v>1730.147952</v>
      </c>
      <c r="C390">
        <v>116.58512399999999</v>
      </c>
      <c r="D390">
        <v>1730.147952</v>
      </c>
      <c r="E390">
        <v>117.74533000000001</v>
      </c>
      <c r="F390">
        <v>1730.147952</v>
      </c>
      <c r="G390">
        <v>117.689244</v>
      </c>
      <c r="H390">
        <v>1730.147952</v>
      </c>
      <c r="I390">
        <v>116.908658</v>
      </c>
      <c r="J390">
        <v>1730.147952</v>
      </c>
      <c r="K390">
        <v>118.252731</v>
      </c>
      <c r="L390">
        <v>1730.147952</v>
      </c>
      <c r="M390">
        <v>118.41139</v>
      </c>
    </row>
    <row r="391" spans="2:13" x14ac:dyDescent="0.45">
      <c r="B391">
        <v>1732.0767679999999</v>
      </c>
      <c r="C391">
        <v>116.49645200000001</v>
      </c>
      <c r="D391">
        <v>1732.0767679999999</v>
      </c>
      <c r="E391">
        <v>117.754749</v>
      </c>
      <c r="F391">
        <v>1732.0767679999999</v>
      </c>
      <c r="G391">
        <v>117.638609</v>
      </c>
      <c r="H391">
        <v>1732.0767679999999</v>
      </c>
      <c r="I391">
        <v>116.834943</v>
      </c>
      <c r="J391">
        <v>1732.0767679999999</v>
      </c>
      <c r="K391">
        <v>118.23375</v>
      </c>
      <c r="L391">
        <v>1732.0767679999999</v>
      </c>
      <c r="M391">
        <v>118.474765</v>
      </c>
    </row>
    <row r="392" spans="2:13" x14ac:dyDescent="0.45">
      <c r="B392">
        <v>1734.005584</v>
      </c>
      <c r="C392">
        <v>116.24935000000001</v>
      </c>
      <c r="D392">
        <v>1734.005584</v>
      </c>
      <c r="E392">
        <v>117.608937</v>
      </c>
      <c r="F392">
        <v>1734.005584</v>
      </c>
      <c r="G392">
        <v>117.679405</v>
      </c>
      <c r="H392">
        <v>1734.005584</v>
      </c>
      <c r="I392">
        <v>116.80115600000001</v>
      </c>
      <c r="J392">
        <v>1734.005584</v>
      </c>
      <c r="K392">
        <v>118.22458399999999</v>
      </c>
      <c r="L392">
        <v>1734.005584</v>
      </c>
      <c r="M392">
        <v>118.382634</v>
      </c>
    </row>
    <row r="393" spans="2:13" x14ac:dyDescent="0.45">
      <c r="B393">
        <v>1735.9344000000001</v>
      </c>
      <c r="C393">
        <v>116.3479</v>
      </c>
      <c r="D393">
        <v>1735.9344000000001</v>
      </c>
      <c r="E393">
        <v>117.63815200000001</v>
      </c>
      <c r="F393">
        <v>1735.9344000000001</v>
      </c>
      <c r="G393">
        <v>117.80429700000001</v>
      </c>
      <c r="H393">
        <v>1735.9344000000001</v>
      </c>
      <c r="I393">
        <v>117.00172600000001</v>
      </c>
      <c r="J393">
        <v>1735.9344000000001</v>
      </c>
      <c r="K393">
        <v>118.401026</v>
      </c>
      <c r="L393">
        <v>1735.9344000000001</v>
      </c>
      <c r="M393">
        <v>118.275121</v>
      </c>
    </row>
    <row r="394" spans="2:13" x14ac:dyDescent="0.45">
      <c r="B394">
        <v>1737.863216</v>
      </c>
      <c r="C394">
        <v>116.46911299999999</v>
      </c>
      <c r="D394">
        <v>1737.863216</v>
      </c>
      <c r="E394">
        <v>117.659626</v>
      </c>
      <c r="F394">
        <v>1737.863216</v>
      </c>
      <c r="G394">
        <v>117.737925</v>
      </c>
      <c r="H394">
        <v>1737.863216</v>
      </c>
      <c r="I394">
        <v>116.917328</v>
      </c>
      <c r="J394">
        <v>1737.863216</v>
      </c>
      <c r="K394">
        <v>118.365431</v>
      </c>
      <c r="L394">
        <v>1737.863216</v>
      </c>
      <c r="M394">
        <v>118.39930099999999</v>
      </c>
    </row>
    <row r="395" spans="2:13" x14ac:dyDescent="0.45">
      <c r="B395">
        <v>1739.7920320000001</v>
      </c>
      <c r="C395">
        <v>116.422934</v>
      </c>
      <c r="D395">
        <v>1739.7920320000001</v>
      </c>
      <c r="E395">
        <v>117.56020600000001</v>
      </c>
      <c r="F395">
        <v>1739.7920320000001</v>
      </c>
      <c r="G395">
        <v>117.71603399999999</v>
      </c>
      <c r="H395">
        <v>1739.7920320000001</v>
      </c>
      <c r="I395">
        <v>116.953715</v>
      </c>
      <c r="J395">
        <v>1739.7920320000001</v>
      </c>
      <c r="K395">
        <v>118.390384</v>
      </c>
      <c r="L395">
        <v>1739.7920320000001</v>
      </c>
      <c r="M395">
        <v>118.37704100000001</v>
      </c>
    </row>
    <row r="396" spans="2:13" x14ac:dyDescent="0.45">
      <c r="B396">
        <v>1741.7208479999999</v>
      </c>
      <c r="C396">
        <v>116.45599199999999</v>
      </c>
      <c r="D396">
        <v>1741.7208479999999</v>
      </c>
      <c r="E396">
        <v>117.498231</v>
      </c>
      <c r="F396">
        <v>1741.7208479999999</v>
      </c>
      <c r="G396">
        <v>117.685441</v>
      </c>
      <c r="H396">
        <v>1741.7208479999999</v>
      </c>
      <c r="I396">
        <v>116.9349</v>
      </c>
      <c r="J396">
        <v>1741.7208479999999</v>
      </c>
      <c r="K396">
        <v>118.399649</v>
      </c>
      <c r="L396">
        <v>1741.7208479999999</v>
      </c>
      <c r="M396">
        <v>118.33950900000001</v>
      </c>
    </row>
    <row r="397" spans="2:13" x14ac:dyDescent="0.45">
      <c r="B397">
        <v>1743.649664</v>
      </c>
      <c r="C397">
        <v>116.44690300000001</v>
      </c>
      <c r="D397">
        <v>1743.649664</v>
      </c>
      <c r="E397">
        <v>117.51442300000001</v>
      </c>
      <c r="F397">
        <v>1743.649664</v>
      </c>
      <c r="G397">
        <v>117.645687</v>
      </c>
      <c r="H397">
        <v>1743.649664</v>
      </c>
      <c r="I397">
        <v>116.93672100000001</v>
      </c>
      <c r="J397">
        <v>1743.649664</v>
      </c>
      <c r="K397">
        <v>118.300067</v>
      </c>
      <c r="L397">
        <v>1743.649664</v>
      </c>
      <c r="M397">
        <v>118.371718</v>
      </c>
    </row>
    <row r="398" spans="2:13" x14ac:dyDescent="0.45">
      <c r="B398">
        <v>1745.5784799999999</v>
      </c>
      <c r="C398">
        <v>116.46707600000001</v>
      </c>
      <c r="D398">
        <v>1745.5784799999999</v>
      </c>
      <c r="E398">
        <v>117.566239</v>
      </c>
      <c r="F398">
        <v>1745.5784799999999</v>
      </c>
      <c r="G398">
        <v>117.590018</v>
      </c>
      <c r="H398">
        <v>1745.5784799999999</v>
      </c>
      <c r="I398">
        <v>116.918852</v>
      </c>
      <c r="J398">
        <v>1745.5784799999999</v>
      </c>
      <c r="K398">
        <v>118.136909</v>
      </c>
      <c r="L398">
        <v>1745.5784799999999</v>
      </c>
      <c r="M398">
        <v>118.35273599999999</v>
      </c>
    </row>
    <row r="399" spans="2:13" x14ac:dyDescent="0.45">
      <c r="B399">
        <v>1747.507296</v>
      </c>
      <c r="C399">
        <v>116.48646100000001</v>
      </c>
      <c r="D399">
        <v>1747.507296</v>
      </c>
      <c r="E399">
        <v>117.509574</v>
      </c>
      <c r="F399">
        <v>1747.507296</v>
      </c>
      <c r="G399">
        <v>117.489513</v>
      </c>
      <c r="H399">
        <v>1747.507296</v>
      </c>
      <c r="I399">
        <v>116.87704100000001</v>
      </c>
      <c r="J399">
        <v>1747.507296</v>
      </c>
      <c r="K399">
        <v>118.045472</v>
      </c>
      <c r="L399">
        <v>1747.507296</v>
      </c>
      <c r="M399">
        <v>118.298316</v>
      </c>
    </row>
    <row r="400" spans="2:13" x14ac:dyDescent="0.45">
      <c r="B400">
        <v>1749.4361120000001</v>
      </c>
      <c r="C400">
        <v>116.446816</v>
      </c>
      <c r="D400">
        <v>1749.4361120000001</v>
      </c>
      <c r="E400">
        <v>117.479816</v>
      </c>
      <c r="F400">
        <v>1749.4361120000001</v>
      </c>
      <c r="G400">
        <v>117.562439</v>
      </c>
      <c r="H400">
        <v>1749.4361120000001</v>
      </c>
      <c r="I400">
        <v>116.816418</v>
      </c>
      <c r="J400">
        <v>1749.4361120000001</v>
      </c>
      <c r="K400">
        <v>118.080493</v>
      </c>
      <c r="L400">
        <v>1749.4361120000001</v>
      </c>
      <c r="M400">
        <v>118.167506</v>
      </c>
    </row>
    <row r="401" spans="2:13" x14ac:dyDescent="0.45">
      <c r="B401">
        <v>1751.364928</v>
      </c>
      <c r="C401">
        <v>116.363787</v>
      </c>
      <c r="D401">
        <v>1751.364928</v>
      </c>
      <c r="E401">
        <v>117.432582</v>
      </c>
      <c r="F401">
        <v>1751.364928</v>
      </c>
      <c r="G401">
        <v>117.65537500000001</v>
      </c>
      <c r="H401">
        <v>1751.364928</v>
      </c>
      <c r="I401">
        <v>116.83871499999999</v>
      </c>
      <c r="J401">
        <v>1751.364928</v>
      </c>
      <c r="K401">
        <v>118.091019</v>
      </c>
      <c r="L401">
        <v>1751.364928</v>
      </c>
      <c r="M401">
        <v>118.106146</v>
      </c>
    </row>
    <row r="402" spans="2:13" x14ac:dyDescent="0.45">
      <c r="B402">
        <v>1753.2937440000001</v>
      </c>
      <c r="C402">
        <v>116.37769299999999</v>
      </c>
      <c r="D402">
        <v>1753.2937440000001</v>
      </c>
      <c r="E402">
        <v>117.353189</v>
      </c>
      <c r="F402">
        <v>1753.2937440000001</v>
      </c>
      <c r="G402">
        <v>117.595303</v>
      </c>
      <c r="H402">
        <v>1753.2937440000001</v>
      </c>
      <c r="I402">
        <v>116.947283</v>
      </c>
      <c r="J402">
        <v>1753.2937440000001</v>
      </c>
      <c r="K402">
        <v>118.09938099999999</v>
      </c>
      <c r="L402">
        <v>1753.2937440000001</v>
      </c>
      <c r="M402">
        <v>118.121461</v>
      </c>
    </row>
    <row r="403" spans="2:13" x14ac:dyDescent="0.45">
      <c r="B403">
        <v>1755.2225599999999</v>
      </c>
      <c r="C403">
        <v>116.362256</v>
      </c>
      <c r="D403">
        <v>1755.2225599999999</v>
      </c>
      <c r="E403">
        <v>117.314785</v>
      </c>
      <c r="F403">
        <v>1755.2225599999999</v>
      </c>
      <c r="G403">
        <v>117.53323399999999</v>
      </c>
      <c r="H403">
        <v>1755.2225599999999</v>
      </c>
      <c r="I403">
        <v>116.865236</v>
      </c>
      <c r="J403">
        <v>1755.2225599999999</v>
      </c>
      <c r="K403">
        <v>118.067198</v>
      </c>
      <c r="L403">
        <v>1755.2225599999999</v>
      </c>
      <c r="M403">
        <v>118.15811100000001</v>
      </c>
    </row>
    <row r="404" spans="2:13" x14ac:dyDescent="0.45">
      <c r="B404">
        <v>1757.151376</v>
      </c>
      <c r="C404">
        <v>116.292856</v>
      </c>
      <c r="D404">
        <v>1757.151376</v>
      </c>
      <c r="E404">
        <v>117.331807</v>
      </c>
      <c r="F404">
        <v>1757.151376</v>
      </c>
      <c r="G404">
        <v>117.501003</v>
      </c>
      <c r="H404">
        <v>1757.151376</v>
      </c>
      <c r="I404">
        <v>116.795389</v>
      </c>
      <c r="J404">
        <v>1757.151376</v>
      </c>
      <c r="K404">
        <v>118.111868</v>
      </c>
      <c r="L404">
        <v>1757.151376</v>
      </c>
      <c r="M404">
        <v>118.056737</v>
      </c>
    </row>
    <row r="405" spans="2:13" x14ac:dyDescent="0.45">
      <c r="B405">
        <v>1759.0801919999999</v>
      </c>
      <c r="C405">
        <v>116.23288700000001</v>
      </c>
      <c r="D405">
        <v>1759.0801919999999</v>
      </c>
      <c r="E405">
        <v>117.337868</v>
      </c>
      <c r="F405">
        <v>1759.0801919999999</v>
      </c>
      <c r="G405">
        <v>117.434695</v>
      </c>
      <c r="H405">
        <v>1759.0801919999999</v>
      </c>
      <c r="I405">
        <v>116.810435</v>
      </c>
      <c r="J405">
        <v>1759.0801919999999</v>
      </c>
      <c r="K405">
        <v>118.123519</v>
      </c>
      <c r="L405">
        <v>1759.0801919999999</v>
      </c>
      <c r="M405">
        <v>118.05005199999999</v>
      </c>
    </row>
    <row r="406" spans="2:13" x14ac:dyDescent="0.45">
      <c r="B406">
        <v>1761.009008</v>
      </c>
      <c r="C406">
        <v>116.130128</v>
      </c>
      <c r="D406">
        <v>1761.009008</v>
      </c>
      <c r="E406">
        <v>117.218811</v>
      </c>
      <c r="F406">
        <v>1761.009008</v>
      </c>
      <c r="G406">
        <v>117.434636</v>
      </c>
      <c r="H406">
        <v>1761.009008</v>
      </c>
      <c r="I406">
        <v>116.71729000000001</v>
      </c>
      <c r="J406">
        <v>1761.009008</v>
      </c>
      <c r="K406">
        <v>118.094594</v>
      </c>
      <c r="L406">
        <v>1761.009008</v>
      </c>
      <c r="M406">
        <v>118.044961</v>
      </c>
    </row>
    <row r="407" spans="2:13" x14ac:dyDescent="0.45">
      <c r="B407">
        <v>1762.9378240000001</v>
      </c>
      <c r="C407">
        <v>116.05869</v>
      </c>
      <c r="D407">
        <v>1762.9378240000001</v>
      </c>
      <c r="E407">
        <v>117.31783900000001</v>
      </c>
      <c r="F407">
        <v>1762.9378240000001</v>
      </c>
      <c r="G407">
        <v>117.465366</v>
      </c>
      <c r="H407">
        <v>1762.9378240000001</v>
      </c>
      <c r="I407">
        <v>116.79380399999999</v>
      </c>
      <c r="J407">
        <v>1762.9378240000001</v>
      </c>
      <c r="K407">
        <v>118.141086</v>
      </c>
      <c r="L407">
        <v>1762.9378240000001</v>
      </c>
      <c r="M407">
        <v>117.979733</v>
      </c>
    </row>
    <row r="408" spans="2:13" x14ac:dyDescent="0.45">
      <c r="B408">
        <v>1764.86664</v>
      </c>
      <c r="C408">
        <v>116.164905</v>
      </c>
      <c r="D408">
        <v>1764.86664</v>
      </c>
      <c r="E408">
        <v>117.435393</v>
      </c>
      <c r="F408">
        <v>1764.86664</v>
      </c>
      <c r="G408">
        <v>117.486414</v>
      </c>
      <c r="H408">
        <v>1764.86664</v>
      </c>
      <c r="I408">
        <v>116.826595</v>
      </c>
      <c r="J408">
        <v>1764.86664</v>
      </c>
      <c r="K408">
        <v>118.12993400000001</v>
      </c>
      <c r="L408">
        <v>1764.86664</v>
      </c>
      <c r="M408">
        <v>118.00148799999999</v>
      </c>
    </row>
    <row r="409" spans="2:13" x14ac:dyDescent="0.45">
      <c r="B409">
        <v>1766.7954560000001</v>
      </c>
      <c r="C409">
        <v>116.188238</v>
      </c>
      <c r="D409">
        <v>1766.7954560000001</v>
      </c>
      <c r="E409">
        <v>117.341211</v>
      </c>
      <c r="F409">
        <v>1766.7954560000001</v>
      </c>
      <c r="G409">
        <v>117.495397</v>
      </c>
      <c r="H409">
        <v>1766.7954560000001</v>
      </c>
      <c r="I409">
        <v>116.751519</v>
      </c>
      <c r="J409">
        <v>1766.7954560000001</v>
      </c>
      <c r="K409">
        <v>118.063677</v>
      </c>
      <c r="L409">
        <v>1766.7954560000001</v>
      </c>
      <c r="M409">
        <v>118.04253</v>
      </c>
    </row>
    <row r="410" spans="2:13" x14ac:dyDescent="0.45">
      <c r="B410">
        <v>1768.7242719999999</v>
      </c>
      <c r="C410">
        <v>116.176096</v>
      </c>
      <c r="D410">
        <v>1768.7242719999999</v>
      </c>
      <c r="E410">
        <v>117.272768</v>
      </c>
      <c r="F410">
        <v>1768.7242719999999</v>
      </c>
      <c r="G410">
        <v>117.40423</v>
      </c>
      <c r="H410">
        <v>1768.7242719999999</v>
      </c>
      <c r="I410">
        <v>116.791792</v>
      </c>
      <c r="J410">
        <v>1768.7242719999999</v>
      </c>
      <c r="K410">
        <v>117.989974</v>
      </c>
      <c r="L410">
        <v>1768.7242719999999</v>
      </c>
      <c r="M410">
        <v>117.98739399999999</v>
      </c>
    </row>
    <row r="411" spans="2:13" x14ac:dyDescent="0.45">
      <c r="B411">
        <v>1770.653088</v>
      </c>
      <c r="C411">
        <v>116.187251</v>
      </c>
      <c r="D411">
        <v>1770.653088</v>
      </c>
      <c r="E411">
        <v>117.29018000000001</v>
      </c>
      <c r="F411">
        <v>1770.653088</v>
      </c>
      <c r="G411">
        <v>117.290046</v>
      </c>
      <c r="H411">
        <v>1770.653088</v>
      </c>
      <c r="I411">
        <v>116.735574</v>
      </c>
      <c r="J411">
        <v>1770.653088</v>
      </c>
      <c r="K411">
        <v>117.84603</v>
      </c>
      <c r="L411">
        <v>1770.653088</v>
      </c>
      <c r="M411">
        <v>117.91124600000001</v>
      </c>
    </row>
    <row r="412" spans="2:13" x14ac:dyDescent="0.45">
      <c r="B412">
        <v>1772.5819039999999</v>
      </c>
      <c r="C412">
        <v>116.14649799999999</v>
      </c>
      <c r="D412">
        <v>1772.5819039999999</v>
      </c>
      <c r="E412">
        <v>117.16508300000001</v>
      </c>
      <c r="F412">
        <v>1772.5819039999999</v>
      </c>
      <c r="G412">
        <v>117.231382</v>
      </c>
      <c r="H412">
        <v>1772.5819039999999</v>
      </c>
      <c r="I412">
        <v>116.77234</v>
      </c>
      <c r="J412">
        <v>1772.5819039999999</v>
      </c>
      <c r="K412">
        <v>117.974891</v>
      </c>
      <c r="L412">
        <v>1772.5819039999999</v>
      </c>
      <c r="M412">
        <v>117.64349199999999</v>
      </c>
    </row>
    <row r="413" spans="2:13" x14ac:dyDescent="0.45">
      <c r="B413">
        <v>1774.51072</v>
      </c>
      <c r="C413">
        <v>116.19985800000001</v>
      </c>
      <c r="D413">
        <v>1774.51072</v>
      </c>
      <c r="E413">
        <v>117.13390700000001</v>
      </c>
      <c r="F413">
        <v>1774.51072</v>
      </c>
      <c r="G413">
        <v>117.350455</v>
      </c>
      <c r="H413">
        <v>1774.51072</v>
      </c>
      <c r="I413">
        <v>116.858133</v>
      </c>
      <c r="J413">
        <v>1774.51072</v>
      </c>
      <c r="K413">
        <v>118.13981</v>
      </c>
      <c r="L413">
        <v>1774.51072</v>
      </c>
      <c r="M413">
        <v>117.668162</v>
      </c>
    </row>
    <row r="414" spans="2:13" x14ac:dyDescent="0.45">
      <c r="B414">
        <v>1776.4395360000001</v>
      </c>
      <c r="C414">
        <v>116.17929100000001</v>
      </c>
      <c r="D414">
        <v>1776.4395360000001</v>
      </c>
      <c r="E414">
        <v>117.16396400000001</v>
      </c>
      <c r="F414">
        <v>1776.4395360000001</v>
      </c>
      <c r="G414">
        <v>117.393897</v>
      </c>
      <c r="H414">
        <v>1776.4395360000001</v>
      </c>
      <c r="I414">
        <v>116.750242</v>
      </c>
      <c r="J414">
        <v>1776.4395360000001</v>
      </c>
      <c r="K414">
        <v>118.07953999999999</v>
      </c>
      <c r="L414">
        <v>1776.4395360000001</v>
      </c>
      <c r="M414">
        <v>117.741156</v>
      </c>
    </row>
    <row r="415" spans="2:13" x14ac:dyDescent="0.45">
      <c r="B415">
        <v>1778.368352</v>
      </c>
      <c r="C415">
        <v>116.18003400000001</v>
      </c>
      <c r="D415">
        <v>1778.368352</v>
      </c>
      <c r="E415">
        <v>117.11752800000001</v>
      </c>
      <c r="F415">
        <v>1778.368352</v>
      </c>
      <c r="G415">
        <v>117.319245</v>
      </c>
      <c r="H415">
        <v>1778.368352</v>
      </c>
      <c r="I415">
        <v>116.646051</v>
      </c>
      <c r="J415">
        <v>1778.368352</v>
      </c>
      <c r="K415">
        <v>117.91975600000001</v>
      </c>
      <c r="L415">
        <v>1778.368352</v>
      </c>
      <c r="M415">
        <v>117.743287</v>
      </c>
    </row>
    <row r="416" spans="2:13" x14ac:dyDescent="0.45">
      <c r="B416">
        <v>1780.2971680000001</v>
      </c>
      <c r="C416">
        <v>116.200945</v>
      </c>
      <c r="D416">
        <v>1780.2971680000001</v>
      </c>
      <c r="E416">
        <v>117.131349</v>
      </c>
      <c r="F416">
        <v>1780.2971680000001</v>
      </c>
      <c r="G416">
        <v>117.281863</v>
      </c>
      <c r="H416">
        <v>1780.2971680000001</v>
      </c>
      <c r="I416">
        <v>116.65651099999999</v>
      </c>
      <c r="J416">
        <v>1780.2971680000001</v>
      </c>
      <c r="K416">
        <v>117.797561</v>
      </c>
      <c r="L416">
        <v>1780.2971680000001</v>
      </c>
      <c r="M416">
        <v>117.65481800000001</v>
      </c>
    </row>
    <row r="417" spans="2:13" x14ac:dyDescent="0.45">
      <c r="B417">
        <v>1782.2259839999999</v>
      </c>
      <c r="C417">
        <v>116.179929</v>
      </c>
      <c r="D417">
        <v>1782.2259839999999</v>
      </c>
      <c r="E417">
        <v>117.11154400000001</v>
      </c>
      <c r="F417">
        <v>1782.2259839999999</v>
      </c>
      <c r="G417">
        <v>117.37369700000001</v>
      </c>
      <c r="H417">
        <v>1782.2259839999999</v>
      </c>
      <c r="I417">
        <v>116.77269</v>
      </c>
      <c r="J417">
        <v>1782.2259839999999</v>
      </c>
      <c r="K417">
        <v>117.848302</v>
      </c>
      <c r="L417">
        <v>1782.2259839999999</v>
      </c>
      <c r="M417">
        <v>117.663023</v>
      </c>
    </row>
    <row r="418" spans="2:13" x14ac:dyDescent="0.45">
      <c r="B418">
        <v>1784.1548</v>
      </c>
      <c r="C418">
        <v>116.057917</v>
      </c>
      <c r="D418">
        <v>1784.1548</v>
      </c>
      <c r="E418">
        <v>117.09460800000001</v>
      </c>
      <c r="F418">
        <v>1784.1548</v>
      </c>
      <c r="G418">
        <v>117.337997</v>
      </c>
      <c r="H418">
        <v>1784.1548</v>
      </c>
      <c r="I418">
        <v>116.73542500000001</v>
      </c>
      <c r="J418">
        <v>1784.1548</v>
      </c>
      <c r="K418">
        <v>117.917599</v>
      </c>
      <c r="L418">
        <v>1784.1548</v>
      </c>
      <c r="M418">
        <v>117.77987</v>
      </c>
    </row>
    <row r="419" spans="2:13" x14ac:dyDescent="0.45">
      <c r="B419">
        <v>1786.0836159999999</v>
      </c>
      <c r="C419">
        <v>116.00073999999999</v>
      </c>
      <c r="D419">
        <v>1786.0836159999999</v>
      </c>
      <c r="E419">
        <v>117.103365</v>
      </c>
      <c r="F419">
        <v>1786.0836159999999</v>
      </c>
      <c r="G419">
        <v>117.25202299999999</v>
      </c>
      <c r="H419">
        <v>1786.0836159999999</v>
      </c>
      <c r="I419">
        <v>116.642079</v>
      </c>
      <c r="J419">
        <v>1786.0836159999999</v>
      </c>
      <c r="K419">
        <v>117.88873599999999</v>
      </c>
      <c r="L419">
        <v>1786.0836159999999</v>
      </c>
      <c r="M419">
        <v>117.781688</v>
      </c>
    </row>
    <row r="420" spans="2:13" x14ac:dyDescent="0.45">
      <c r="B420">
        <v>1788.012432</v>
      </c>
      <c r="C420">
        <v>116.08004699999999</v>
      </c>
      <c r="D420">
        <v>1788.012432</v>
      </c>
      <c r="E420">
        <v>117.08802</v>
      </c>
      <c r="F420">
        <v>1788.012432</v>
      </c>
      <c r="G420">
        <v>117.221692</v>
      </c>
      <c r="H420">
        <v>1788.012432</v>
      </c>
      <c r="I420">
        <v>116.631218</v>
      </c>
      <c r="J420">
        <v>1788.012432</v>
      </c>
      <c r="K420">
        <v>117.74965</v>
      </c>
      <c r="L420">
        <v>1788.012432</v>
      </c>
      <c r="M420">
        <v>117.728562</v>
      </c>
    </row>
    <row r="421" spans="2:13" x14ac:dyDescent="0.45">
      <c r="B421">
        <v>1789.9412480000001</v>
      </c>
      <c r="C421">
        <v>116.093757</v>
      </c>
      <c r="D421">
        <v>1789.9412480000001</v>
      </c>
      <c r="E421">
        <v>116.970029</v>
      </c>
      <c r="F421">
        <v>1789.9412480000001</v>
      </c>
      <c r="G421">
        <v>117.22500100000001</v>
      </c>
      <c r="H421">
        <v>1789.9412480000001</v>
      </c>
      <c r="I421">
        <v>116.675887</v>
      </c>
      <c r="J421">
        <v>1789.9412480000001</v>
      </c>
      <c r="K421">
        <v>117.74446</v>
      </c>
      <c r="L421">
        <v>1789.9412480000001</v>
      </c>
      <c r="M421">
        <v>117.63935499999999</v>
      </c>
    </row>
    <row r="422" spans="2:13" x14ac:dyDescent="0.45">
      <c r="B422">
        <v>1791.870064</v>
      </c>
      <c r="C422">
        <v>115.92988</v>
      </c>
      <c r="D422">
        <v>1791.870064</v>
      </c>
      <c r="E422">
        <v>116.88793</v>
      </c>
      <c r="F422">
        <v>1791.870064</v>
      </c>
      <c r="G422">
        <v>117.233497</v>
      </c>
      <c r="H422">
        <v>1791.870064</v>
      </c>
      <c r="I422">
        <v>116.712726</v>
      </c>
      <c r="J422">
        <v>1791.870064</v>
      </c>
      <c r="K422">
        <v>117.784319</v>
      </c>
      <c r="L422">
        <v>1791.870064</v>
      </c>
      <c r="M422">
        <v>117.531048</v>
      </c>
    </row>
    <row r="423" spans="2:13" x14ac:dyDescent="0.45">
      <c r="B423">
        <v>1793.7988800000001</v>
      </c>
      <c r="C423">
        <v>115.86284499999999</v>
      </c>
      <c r="D423">
        <v>1793.7988800000001</v>
      </c>
      <c r="E423">
        <v>116.97987400000001</v>
      </c>
      <c r="F423">
        <v>1793.7988800000001</v>
      </c>
      <c r="G423">
        <v>117.24886100000001</v>
      </c>
      <c r="H423">
        <v>1793.7988800000001</v>
      </c>
      <c r="I423">
        <v>116.735105</v>
      </c>
      <c r="J423">
        <v>1793.7988800000001</v>
      </c>
      <c r="K423">
        <v>117.835824</v>
      </c>
      <c r="L423">
        <v>1793.7988800000001</v>
      </c>
      <c r="M423">
        <v>117.505437</v>
      </c>
    </row>
    <row r="424" spans="2:13" x14ac:dyDescent="0.45">
      <c r="B424">
        <v>1795.7276959999999</v>
      </c>
      <c r="C424">
        <v>115.892481</v>
      </c>
      <c r="D424">
        <v>1795.7276959999999</v>
      </c>
      <c r="E424">
        <v>117.023526</v>
      </c>
      <c r="F424">
        <v>1795.7276959999999</v>
      </c>
      <c r="G424">
        <v>117.17947599999999</v>
      </c>
      <c r="H424">
        <v>1795.7276959999999</v>
      </c>
      <c r="I424">
        <v>116.613427</v>
      </c>
      <c r="J424">
        <v>1795.7276959999999</v>
      </c>
      <c r="K424">
        <v>117.849425</v>
      </c>
      <c r="L424">
        <v>1795.7276959999999</v>
      </c>
      <c r="M424">
        <v>117.583691</v>
      </c>
    </row>
    <row r="425" spans="2:13" x14ac:dyDescent="0.45">
      <c r="B425">
        <v>1797.656512</v>
      </c>
      <c r="C425">
        <v>115.910944</v>
      </c>
      <c r="D425">
        <v>1797.656512</v>
      </c>
      <c r="E425">
        <v>116.98693300000001</v>
      </c>
      <c r="F425">
        <v>1797.656512</v>
      </c>
      <c r="G425">
        <v>117.128139</v>
      </c>
      <c r="H425">
        <v>1797.656512</v>
      </c>
      <c r="I425">
        <v>116.59719699999999</v>
      </c>
      <c r="J425">
        <v>1797.656512</v>
      </c>
      <c r="K425">
        <v>117.79787399999999</v>
      </c>
      <c r="L425">
        <v>1797.656512</v>
      </c>
      <c r="M425">
        <v>117.573275</v>
      </c>
    </row>
    <row r="426" spans="2:13" x14ac:dyDescent="0.45">
      <c r="B426">
        <v>1799.5853279999999</v>
      </c>
      <c r="C426">
        <v>115.909719</v>
      </c>
      <c r="D426">
        <v>1799.5853279999999</v>
      </c>
      <c r="E426">
        <v>116.952005</v>
      </c>
      <c r="F426">
        <v>1799.5853279999999</v>
      </c>
      <c r="G426">
        <v>117.076148</v>
      </c>
      <c r="H426">
        <v>1799.5853279999999</v>
      </c>
      <c r="I426">
        <v>116.59527300000001</v>
      </c>
      <c r="J426">
        <v>1799.5853279999999</v>
      </c>
      <c r="K426">
        <v>117.75664500000001</v>
      </c>
      <c r="L426">
        <v>1799.5853279999999</v>
      </c>
      <c r="M426">
        <v>117.538273</v>
      </c>
    </row>
    <row r="427" spans="2:13" x14ac:dyDescent="0.45">
      <c r="B427">
        <v>1801.514144</v>
      </c>
      <c r="C427">
        <v>115.851905</v>
      </c>
      <c r="D427">
        <v>1801.514144</v>
      </c>
      <c r="E427">
        <v>116.98279600000001</v>
      </c>
      <c r="F427">
        <v>1801.514144</v>
      </c>
      <c r="G427">
        <v>117.046251</v>
      </c>
      <c r="H427">
        <v>1801.514144</v>
      </c>
      <c r="I427">
        <v>116.625544</v>
      </c>
      <c r="J427">
        <v>1801.514144</v>
      </c>
      <c r="K427">
        <v>117.76810399999999</v>
      </c>
      <c r="L427">
        <v>1801.514144</v>
      </c>
      <c r="M427">
        <v>117.46128899999999</v>
      </c>
    </row>
    <row r="428" spans="2:13" x14ac:dyDescent="0.45">
      <c r="B428">
        <v>1803.4429600000001</v>
      </c>
      <c r="C428">
        <v>115.877561</v>
      </c>
      <c r="D428">
        <v>1803.4429600000001</v>
      </c>
      <c r="E428">
        <v>117.05339600000001</v>
      </c>
      <c r="F428">
        <v>1803.4429600000001</v>
      </c>
      <c r="G428">
        <v>117.11257000000001</v>
      </c>
      <c r="H428">
        <v>1803.4429600000001</v>
      </c>
      <c r="I428">
        <v>116.642764</v>
      </c>
      <c r="J428">
        <v>1803.4429600000001</v>
      </c>
      <c r="K428">
        <v>117.796459</v>
      </c>
      <c r="L428">
        <v>1803.4429600000001</v>
      </c>
      <c r="M428">
        <v>117.384652</v>
      </c>
    </row>
    <row r="429" spans="2:13" x14ac:dyDescent="0.45">
      <c r="B429">
        <v>1805.371776</v>
      </c>
      <c r="C429">
        <v>115.813497</v>
      </c>
      <c r="D429">
        <v>1805.371776</v>
      </c>
      <c r="E429">
        <v>116.964558</v>
      </c>
      <c r="F429">
        <v>1805.371776</v>
      </c>
      <c r="G429">
        <v>117.166303</v>
      </c>
      <c r="H429">
        <v>1805.371776</v>
      </c>
      <c r="I429">
        <v>116.626739</v>
      </c>
      <c r="J429">
        <v>1805.371776</v>
      </c>
      <c r="K429">
        <v>117.767064</v>
      </c>
      <c r="L429">
        <v>1805.371776</v>
      </c>
      <c r="M429">
        <v>117.435142</v>
      </c>
    </row>
    <row r="430" spans="2:13" x14ac:dyDescent="0.45">
      <c r="B430">
        <v>1807.3005920000001</v>
      </c>
      <c r="C430">
        <v>115.76985500000001</v>
      </c>
      <c r="D430">
        <v>1807.3005920000001</v>
      </c>
      <c r="E430">
        <v>116.888272</v>
      </c>
      <c r="F430">
        <v>1807.3005920000001</v>
      </c>
      <c r="G430">
        <v>117.194464</v>
      </c>
      <c r="H430">
        <v>1807.3005920000001</v>
      </c>
      <c r="I430">
        <v>116.53458999999999</v>
      </c>
      <c r="J430">
        <v>1807.3005920000001</v>
      </c>
      <c r="K430">
        <v>117.682838</v>
      </c>
      <c r="L430">
        <v>1807.3005920000001</v>
      </c>
      <c r="M430">
        <v>117.455536</v>
      </c>
    </row>
    <row r="431" spans="2:13" x14ac:dyDescent="0.45">
      <c r="B431">
        <v>1809.2294079999999</v>
      </c>
      <c r="C431">
        <v>115.730791</v>
      </c>
      <c r="D431">
        <v>1809.2294079999999</v>
      </c>
      <c r="E431">
        <v>116.858428</v>
      </c>
      <c r="F431">
        <v>1809.2294079999999</v>
      </c>
      <c r="G431">
        <v>117.201063</v>
      </c>
      <c r="H431">
        <v>1809.2294079999999</v>
      </c>
      <c r="I431">
        <v>116.404996</v>
      </c>
      <c r="J431">
        <v>1809.2294079999999</v>
      </c>
      <c r="K431">
        <v>117.72946</v>
      </c>
      <c r="L431">
        <v>1809.2294079999999</v>
      </c>
      <c r="M431">
        <v>117.396539</v>
      </c>
    </row>
    <row r="432" spans="2:13" x14ac:dyDescent="0.45">
      <c r="B432">
        <v>1811.158224</v>
      </c>
      <c r="C432">
        <v>115.720399</v>
      </c>
      <c r="D432">
        <v>1811.158224</v>
      </c>
      <c r="E432">
        <v>116.870024</v>
      </c>
      <c r="F432">
        <v>1811.158224</v>
      </c>
      <c r="G432">
        <v>117.15552</v>
      </c>
      <c r="H432">
        <v>1811.158224</v>
      </c>
      <c r="I432">
        <v>116.343546</v>
      </c>
      <c r="J432">
        <v>1811.158224</v>
      </c>
      <c r="K432">
        <v>117.73014000000001</v>
      </c>
      <c r="L432">
        <v>1811.158224</v>
      </c>
      <c r="M432">
        <v>117.33021100000001</v>
      </c>
    </row>
    <row r="433" spans="2:13" x14ac:dyDescent="0.45">
      <c r="B433">
        <v>1813.0870399999999</v>
      </c>
      <c r="C433">
        <v>115.717654</v>
      </c>
      <c r="D433">
        <v>1813.0870399999999</v>
      </c>
      <c r="E433">
        <v>116.851698</v>
      </c>
      <c r="F433">
        <v>1813.0870399999999</v>
      </c>
      <c r="G433">
        <v>117.05413900000001</v>
      </c>
      <c r="H433">
        <v>1813.0870399999999</v>
      </c>
      <c r="I433">
        <v>116.42898700000001</v>
      </c>
      <c r="J433">
        <v>1813.0870399999999</v>
      </c>
      <c r="K433">
        <v>117.66644100000001</v>
      </c>
      <c r="L433">
        <v>1813.0870399999999</v>
      </c>
      <c r="M433">
        <v>117.178634</v>
      </c>
    </row>
    <row r="434" spans="2:13" x14ac:dyDescent="0.45">
      <c r="B434">
        <v>1815.015856</v>
      </c>
      <c r="C434">
        <v>115.765342</v>
      </c>
      <c r="D434">
        <v>1815.015856</v>
      </c>
      <c r="E434">
        <v>116.84307</v>
      </c>
      <c r="F434">
        <v>1815.015856</v>
      </c>
      <c r="G434">
        <v>117.014858</v>
      </c>
      <c r="H434">
        <v>1815.015856</v>
      </c>
      <c r="I434">
        <v>116.46763900000001</v>
      </c>
      <c r="J434">
        <v>1815.015856</v>
      </c>
      <c r="K434">
        <v>117.61000900000001</v>
      </c>
      <c r="L434">
        <v>1815.015856</v>
      </c>
      <c r="M434">
        <v>117.215137</v>
      </c>
    </row>
    <row r="435" spans="2:13" x14ac:dyDescent="0.45">
      <c r="B435">
        <v>1816.9446720000001</v>
      </c>
      <c r="C435">
        <v>115.713621</v>
      </c>
      <c r="D435">
        <v>1816.9446720000001</v>
      </c>
      <c r="E435">
        <v>116.803867</v>
      </c>
      <c r="F435">
        <v>1816.9446720000001</v>
      </c>
      <c r="G435">
        <v>116.97499000000001</v>
      </c>
      <c r="H435">
        <v>1816.9446720000001</v>
      </c>
      <c r="I435">
        <v>116.58711599999999</v>
      </c>
      <c r="J435">
        <v>1816.9446720000001</v>
      </c>
      <c r="K435">
        <v>117.640716</v>
      </c>
      <c r="L435">
        <v>1816.9446720000001</v>
      </c>
      <c r="M435">
        <v>117.29349999999999</v>
      </c>
    </row>
    <row r="436" spans="2:13" x14ac:dyDescent="0.45">
      <c r="B436">
        <v>1818.873488</v>
      </c>
      <c r="C436">
        <v>115.66909800000001</v>
      </c>
      <c r="D436">
        <v>1818.873488</v>
      </c>
      <c r="E436">
        <v>116.83023</v>
      </c>
      <c r="F436">
        <v>1818.873488</v>
      </c>
      <c r="G436">
        <v>116.94274900000001</v>
      </c>
      <c r="H436">
        <v>1818.873488</v>
      </c>
      <c r="I436">
        <v>116.52439</v>
      </c>
      <c r="J436">
        <v>1818.873488</v>
      </c>
      <c r="K436">
        <v>117.632789</v>
      </c>
      <c r="L436">
        <v>1818.873488</v>
      </c>
      <c r="M436">
        <v>117.283469</v>
      </c>
    </row>
    <row r="437" spans="2:13" x14ac:dyDescent="0.45">
      <c r="B437">
        <v>1820.802304</v>
      </c>
      <c r="C437">
        <v>115.699648</v>
      </c>
      <c r="D437">
        <v>1820.802304</v>
      </c>
      <c r="E437">
        <v>116.79633800000001</v>
      </c>
      <c r="F437">
        <v>1820.802304</v>
      </c>
      <c r="G437">
        <v>116.937924</v>
      </c>
      <c r="H437">
        <v>1820.802304</v>
      </c>
      <c r="I437">
        <v>116.441458</v>
      </c>
      <c r="J437">
        <v>1820.802304</v>
      </c>
      <c r="K437">
        <v>117.57817300000001</v>
      </c>
      <c r="L437">
        <v>1820.802304</v>
      </c>
      <c r="M437">
        <v>117.211788</v>
      </c>
    </row>
    <row r="438" spans="2:13" x14ac:dyDescent="0.45">
      <c r="B438">
        <v>1822.7311199999999</v>
      </c>
      <c r="C438">
        <v>115.775126</v>
      </c>
      <c r="D438">
        <v>1822.7311199999999</v>
      </c>
      <c r="E438">
        <v>116.79168300000001</v>
      </c>
      <c r="F438">
        <v>1822.7311199999999</v>
      </c>
      <c r="G438">
        <v>116.915487</v>
      </c>
      <c r="H438">
        <v>1822.7311199999999</v>
      </c>
      <c r="I438">
        <v>116.373048</v>
      </c>
      <c r="J438">
        <v>1822.7311199999999</v>
      </c>
      <c r="K438">
        <v>117.562641</v>
      </c>
      <c r="L438">
        <v>1822.7311199999999</v>
      </c>
      <c r="M438">
        <v>117.232625</v>
      </c>
    </row>
    <row r="439" spans="2:13" x14ac:dyDescent="0.45">
      <c r="B439">
        <v>1824.659936</v>
      </c>
      <c r="C439">
        <v>115.68447500000001</v>
      </c>
      <c r="D439">
        <v>1824.659936</v>
      </c>
      <c r="E439">
        <v>116.827624</v>
      </c>
      <c r="F439">
        <v>1824.659936</v>
      </c>
      <c r="G439">
        <v>116.813109</v>
      </c>
      <c r="H439">
        <v>1824.659936</v>
      </c>
      <c r="I439">
        <v>116.289546</v>
      </c>
      <c r="J439">
        <v>1824.659936</v>
      </c>
      <c r="K439">
        <v>117.427592</v>
      </c>
      <c r="L439">
        <v>1824.659936</v>
      </c>
      <c r="M439">
        <v>117.179766</v>
      </c>
    </row>
    <row r="440" spans="2:13" x14ac:dyDescent="0.45">
      <c r="B440">
        <v>1826.5887520000001</v>
      </c>
      <c r="C440">
        <v>115.601839</v>
      </c>
      <c r="D440">
        <v>1826.5887520000001</v>
      </c>
      <c r="E440">
        <v>116.911485</v>
      </c>
      <c r="F440">
        <v>1826.5887520000001</v>
      </c>
      <c r="G440">
        <v>116.812043</v>
      </c>
      <c r="H440">
        <v>1826.5887520000001</v>
      </c>
      <c r="I440">
        <v>116.294284</v>
      </c>
      <c r="J440">
        <v>1826.5887520000001</v>
      </c>
      <c r="K440">
        <v>117.40974799999999</v>
      </c>
      <c r="L440">
        <v>1826.5887520000001</v>
      </c>
      <c r="M440">
        <v>117.12114200000001</v>
      </c>
    </row>
    <row r="441" spans="2:13" x14ac:dyDescent="0.45">
      <c r="B441">
        <v>1828.517568</v>
      </c>
      <c r="C441">
        <v>115.60742999999999</v>
      </c>
      <c r="D441">
        <v>1828.517568</v>
      </c>
      <c r="E441">
        <v>116.80408300000001</v>
      </c>
      <c r="F441">
        <v>1828.517568</v>
      </c>
      <c r="G441">
        <v>116.797308</v>
      </c>
      <c r="H441">
        <v>1828.517568</v>
      </c>
      <c r="I441">
        <v>116.171781</v>
      </c>
      <c r="J441">
        <v>1828.517568</v>
      </c>
      <c r="K441">
        <v>117.33788</v>
      </c>
      <c r="L441">
        <v>1828.517568</v>
      </c>
      <c r="M441">
        <v>117.15953500000001</v>
      </c>
    </row>
    <row r="442" spans="2:13" x14ac:dyDescent="0.45">
      <c r="B442">
        <v>1830.4463840000001</v>
      </c>
      <c r="C442">
        <v>115.619618</v>
      </c>
      <c r="D442">
        <v>1830.4463840000001</v>
      </c>
      <c r="E442">
        <v>116.62836</v>
      </c>
      <c r="F442">
        <v>1830.4463840000001</v>
      </c>
      <c r="G442">
        <v>116.804626</v>
      </c>
      <c r="H442">
        <v>1830.4463840000001</v>
      </c>
      <c r="I442">
        <v>116.229793</v>
      </c>
      <c r="J442">
        <v>1830.4463840000001</v>
      </c>
      <c r="K442">
        <v>117.27562500000001</v>
      </c>
      <c r="L442">
        <v>1830.4463840000001</v>
      </c>
      <c r="M442">
        <v>117.077428</v>
      </c>
    </row>
    <row r="443" spans="2:13" x14ac:dyDescent="0.45">
      <c r="B443">
        <v>1832.3751999999999</v>
      </c>
      <c r="C443">
        <v>115.697273</v>
      </c>
      <c r="D443">
        <v>1832.3751999999999</v>
      </c>
      <c r="E443">
        <v>116.692678</v>
      </c>
      <c r="F443">
        <v>1832.3751999999999</v>
      </c>
      <c r="G443">
        <v>116.848354</v>
      </c>
      <c r="H443">
        <v>1832.3751999999999</v>
      </c>
      <c r="I443">
        <v>116.36336300000001</v>
      </c>
      <c r="J443">
        <v>1832.3751999999999</v>
      </c>
      <c r="K443">
        <v>117.413776</v>
      </c>
      <c r="L443">
        <v>1832.3751999999999</v>
      </c>
      <c r="M443">
        <v>117.096231</v>
      </c>
    </row>
    <row r="444" spans="2:13" x14ac:dyDescent="0.45">
      <c r="B444">
        <v>1834.304016</v>
      </c>
      <c r="C444">
        <v>115.745121</v>
      </c>
      <c r="D444">
        <v>1834.304016</v>
      </c>
      <c r="E444">
        <v>116.636223</v>
      </c>
      <c r="F444">
        <v>1834.304016</v>
      </c>
      <c r="G444">
        <v>116.85668</v>
      </c>
      <c r="H444">
        <v>1834.304016</v>
      </c>
      <c r="I444">
        <v>116.359409</v>
      </c>
      <c r="J444">
        <v>1834.304016</v>
      </c>
      <c r="K444">
        <v>117.457052</v>
      </c>
      <c r="L444">
        <v>1834.304016</v>
      </c>
      <c r="M444">
        <v>117.13195399999999</v>
      </c>
    </row>
    <row r="445" spans="2:13" x14ac:dyDescent="0.45">
      <c r="B445">
        <v>1836.2328319999999</v>
      </c>
      <c r="C445">
        <v>115.663431</v>
      </c>
      <c r="D445">
        <v>1836.2328319999999</v>
      </c>
      <c r="E445">
        <v>116.514984</v>
      </c>
      <c r="F445">
        <v>1836.2328319999999</v>
      </c>
      <c r="G445">
        <v>116.858507</v>
      </c>
      <c r="H445">
        <v>1836.2328319999999</v>
      </c>
      <c r="I445">
        <v>116.336654</v>
      </c>
      <c r="J445">
        <v>1836.2328319999999</v>
      </c>
      <c r="K445">
        <v>117.455444</v>
      </c>
      <c r="L445">
        <v>1836.2328319999999</v>
      </c>
      <c r="M445">
        <v>117.09181599999999</v>
      </c>
    </row>
    <row r="446" spans="2:13" x14ac:dyDescent="0.45">
      <c r="B446">
        <v>1838.161648</v>
      </c>
      <c r="C446">
        <v>115.513865</v>
      </c>
      <c r="D446">
        <v>1838.161648</v>
      </c>
      <c r="E446">
        <v>116.550313</v>
      </c>
      <c r="F446">
        <v>1838.161648</v>
      </c>
      <c r="G446">
        <v>116.847649</v>
      </c>
      <c r="H446">
        <v>1838.161648</v>
      </c>
      <c r="I446">
        <v>116.22651</v>
      </c>
      <c r="J446">
        <v>1838.161648</v>
      </c>
      <c r="K446">
        <v>117.487661</v>
      </c>
      <c r="L446">
        <v>1838.161648</v>
      </c>
      <c r="M446">
        <v>117.03783300000001</v>
      </c>
    </row>
    <row r="447" spans="2:13" x14ac:dyDescent="0.45">
      <c r="B447">
        <v>1840.0904640000001</v>
      </c>
      <c r="C447">
        <v>115.43271900000001</v>
      </c>
      <c r="D447">
        <v>1840.0904640000001</v>
      </c>
      <c r="E447">
        <v>116.60057400000001</v>
      </c>
      <c r="F447">
        <v>1840.0904640000001</v>
      </c>
      <c r="G447">
        <v>116.797431</v>
      </c>
      <c r="H447">
        <v>1840.0904640000001</v>
      </c>
      <c r="I447">
        <v>116.30160600000001</v>
      </c>
      <c r="J447">
        <v>1840.0904640000001</v>
      </c>
      <c r="K447">
        <v>117.497001</v>
      </c>
      <c r="L447">
        <v>1840.0904640000001</v>
      </c>
      <c r="M447">
        <v>116.987433</v>
      </c>
    </row>
    <row r="448" spans="2:13" x14ac:dyDescent="0.45">
      <c r="B448">
        <v>1842.01928</v>
      </c>
      <c r="C448">
        <v>115.485862</v>
      </c>
      <c r="D448">
        <v>1842.01928</v>
      </c>
      <c r="E448">
        <v>116.560275</v>
      </c>
      <c r="F448">
        <v>1842.01928</v>
      </c>
      <c r="G448">
        <v>116.80813499999999</v>
      </c>
      <c r="H448">
        <v>1842.01928</v>
      </c>
      <c r="I448">
        <v>116.33918</v>
      </c>
      <c r="J448">
        <v>1842.01928</v>
      </c>
      <c r="K448">
        <v>117.37076999999999</v>
      </c>
      <c r="L448">
        <v>1842.01928</v>
      </c>
      <c r="M448">
        <v>117.02750899999999</v>
      </c>
    </row>
    <row r="449" spans="2:13" x14ac:dyDescent="0.45">
      <c r="B449">
        <v>1843.9480960000001</v>
      </c>
      <c r="C449">
        <v>115.414912</v>
      </c>
      <c r="D449">
        <v>1843.9480960000001</v>
      </c>
      <c r="E449">
        <v>116.462737</v>
      </c>
      <c r="F449">
        <v>1843.9480960000001</v>
      </c>
      <c r="G449">
        <v>116.900594</v>
      </c>
      <c r="H449">
        <v>1843.9480960000001</v>
      </c>
      <c r="I449">
        <v>116.30423399999999</v>
      </c>
      <c r="J449">
        <v>1843.9480960000001</v>
      </c>
      <c r="K449">
        <v>117.256327</v>
      </c>
      <c r="L449">
        <v>1843.9480960000001</v>
      </c>
      <c r="M449">
        <v>116.95235700000001</v>
      </c>
    </row>
    <row r="450" spans="2:13" x14ac:dyDescent="0.45">
      <c r="B450">
        <v>1845.8769119999999</v>
      </c>
      <c r="C450">
        <v>115.29049500000001</v>
      </c>
      <c r="D450">
        <v>1845.8769119999999</v>
      </c>
      <c r="E450">
        <v>116.44887800000001</v>
      </c>
      <c r="F450">
        <v>1845.8769119999999</v>
      </c>
      <c r="G450">
        <v>116.881199</v>
      </c>
      <c r="H450">
        <v>1845.8769119999999</v>
      </c>
      <c r="I450">
        <v>116.210007</v>
      </c>
      <c r="J450">
        <v>1845.8769119999999</v>
      </c>
      <c r="K450">
        <v>117.32435700000001</v>
      </c>
      <c r="L450">
        <v>1845.8769119999999</v>
      </c>
      <c r="M450">
        <v>116.941103</v>
      </c>
    </row>
    <row r="451" spans="2:13" x14ac:dyDescent="0.45">
      <c r="B451">
        <v>1847.805728</v>
      </c>
      <c r="C451">
        <v>115.327974</v>
      </c>
      <c r="D451">
        <v>1847.805728</v>
      </c>
      <c r="E451">
        <v>116.353762</v>
      </c>
      <c r="F451">
        <v>1847.805728</v>
      </c>
      <c r="G451">
        <v>116.78004799999999</v>
      </c>
      <c r="H451">
        <v>1847.805728</v>
      </c>
      <c r="I451">
        <v>116.15960800000001</v>
      </c>
      <c r="J451">
        <v>1847.805728</v>
      </c>
      <c r="K451">
        <v>117.451759</v>
      </c>
      <c r="L451">
        <v>1847.805728</v>
      </c>
      <c r="M451">
        <v>117.05007000000001</v>
      </c>
    </row>
    <row r="452" spans="2:13" x14ac:dyDescent="0.45">
      <c r="B452">
        <v>1849.7345439999999</v>
      </c>
      <c r="C452">
        <v>115.3591</v>
      </c>
      <c r="D452">
        <v>1849.7345439999999</v>
      </c>
      <c r="E452">
        <v>116.34269500000001</v>
      </c>
      <c r="F452">
        <v>1849.7345439999999</v>
      </c>
      <c r="G452">
        <v>116.635724</v>
      </c>
      <c r="H452">
        <v>1849.7345439999999</v>
      </c>
      <c r="I452">
        <v>116.220063</v>
      </c>
      <c r="J452">
        <v>1849.7345439999999</v>
      </c>
      <c r="K452">
        <v>117.420134</v>
      </c>
      <c r="L452">
        <v>1849.7345439999999</v>
      </c>
      <c r="M452">
        <v>116.92277799999999</v>
      </c>
    </row>
    <row r="453" spans="2:13" x14ac:dyDescent="0.45">
      <c r="B453">
        <v>1851.66336</v>
      </c>
      <c r="C453">
        <v>115.401505</v>
      </c>
      <c r="D453">
        <v>1851.66336</v>
      </c>
      <c r="E453">
        <v>116.371673</v>
      </c>
      <c r="F453">
        <v>1851.66336</v>
      </c>
      <c r="G453">
        <v>116.68216</v>
      </c>
      <c r="H453">
        <v>1851.66336</v>
      </c>
      <c r="I453">
        <v>116.25445000000001</v>
      </c>
      <c r="J453">
        <v>1851.66336</v>
      </c>
      <c r="K453">
        <v>117.278266</v>
      </c>
      <c r="L453">
        <v>1851.66336</v>
      </c>
      <c r="M453">
        <v>116.82069799999999</v>
      </c>
    </row>
    <row r="454" spans="2:13" x14ac:dyDescent="0.45">
      <c r="B454">
        <v>1853.5921760000001</v>
      </c>
      <c r="C454">
        <v>115.344048</v>
      </c>
      <c r="D454">
        <v>1853.5921760000001</v>
      </c>
      <c r="E454">
        <v>116.334985</v>
      </c>
      <c r="F454">
        <v>1853.5921760000001</v>
      </c>
      <c r="G454">
        <v>116.79265700000001</v>
      </c>
      <c r="H454">
        <v>1853.5921760000001</v>
      </c>
      <c r="I454">
        <v>116.161342</v>
      </c>
      <c r="J454">
        <v>1853.5921760000001</v>
      </c>
      <c r="K454">
        <v>117.28166</v>
      </c>
      <c r="L454">
        <v>1853.5921760000001</v>
      </c>
      <c r="M454">
        <v>116.892104</v>
      </c>
    </row>
    <row r="455" spans="2:13" x14ac:dyDescent="0.45">
      <c r="B455">
        <v>1855.520992</v>
      </c>
      <c r="C455">
        <v>115.18565099999999</v>
      </c>
      <c r="D455">
        <v>1855.520992</v>
      </c>
      <c r="E455">
        <v>116.30749900000001</v>
      </c>
      <c r="F455">
        <v>1855.520992</v>
      </c>
      <c r="G455">
        <v>116.671076</v>
      </c>
      <c r="H455">
        <v>1855.520992</v>
      </c>
      <c r="I455">
        <v>116.16981699999999</v>
      </c>
      <c r="J455">
        <v>1855.520992</v>
      </c>
      <c r="K455">
        <v>117.301142</v>
      </c>
      <c r="L455">
        <v>1855.520992</v>
      </c>
      <c r="M455">
        <v>116.931881</v>
      </c>
    </row>
    <row r="456" spans="2:13" x14ac:dyDescent="0.45">
      <c r="B456">
        <v>1857.4498080000001</v>
      </c>
      <c r="C456">
        <v>115.20825499999999</v>
      </c>
      <c r="D456">
        <v>1857.4498080000001</v>
      </c>
      <c r="E456">
        <v>116.344318</v>
      </c>
      <c r="F456">
        <v>1857.4498080000001</v>
      </c>
      <c r="G456">
        <v>116.717707</v>
      </c>
      <c r="H456">
        <v>1857.4498080000001</v>
      </c>
      <c r="I456">
        <v>116.239537</v>
      </c>
      <c r="J456">
        <v>1857.4498080000001</v>
      </c>
      <c r="K456">
        <v>117.22203500000001</v>
      </c>
      <c r="L456">
        <v>1857.4498080000001</v>
      </c>
      <c r="M456">
        <v>116.860749</v>
      </c>
    </row>
    <row r="457" spans="2:13" x14ac:dyDescent="0.45">
      <c r="B457">
        <v>1859.3786239999999</v>
      </c>
      <c r="C457">
        <v>115.283558</v>
      </c>
      <c r="D457">
        <v>1859.3786239999999</v>
      </c>
      <c r="E457">
        <v>116.30043400000001</v>
      </c>
      <c r="F457">
        <v>1859.3786239999999</v>
      </c>
      <c r="G457">
        <v>116.725881</v>
      </c>
      <c r="H457">
        <v>1859.3786239999999</v>
      </c>
      <c r="I457">
        <v>116.21616</v>
      </c>
      <c r="J457">
        <v>1859.3786239999999</v>
      </c>
      <c r="K457">
        <v>117.24105900000001</v>
      </c>
      <c r="L457">
        <v>1859.3786239999999</v>
      </c>
      <c r="M457">
        <v>116.798198</v>
      </c>
    </row>
    <row r="458" spans="2:13" x14ac:dyDescent="0.45">
      <c r="B458">
        <v>1861.30744</v>
      </c>
      <c r="C458">
        <v>115.24359</v>
      </c>
      <c r="D458">
        <v>1861.30744</v>
      </c>
      <c r="E458">
        <v>116.31964500000001</v>
      </c>
      <c r="F458">
        <v>1861.30744</v>
      </c>
      <c r="G458">
        <v>116.619579</v>
      </c>
      <c r="H458">
        <v>1861.30744</v>
      </c>
      <c r="I458">
        <v>116.172042</v>
      </c>
      <c r="J458">
        <v>1861.30744</v>
      </c>
      <c r="K458">
        <v>117.288388</v>
      </c>
      <c r="L458">
        <v>1861.30744</v>
      </c>
      <c r="M458">
        <v>116.82528499999999</v>
      </c>
    </row>
    <row r="459" spans="2:13" x14ac:dyDescent="0.45">
      <c r="B459">
        <v>1863.2362559999999</v>
      </c>
      <c r="C459">
        <v>115.160247</v>
      </c>
      <c r="D459">
        <v>1863.2362559999999</v>
      </c>
      <c r="E459">
        <v>116.40534700000001</v>
      </c>
      <c r="F459">
        <v>1863.2362559999999</v>
      </c>
      <c r="G459">
        <v>116.494697</v>
      </c>
      <c r="H459">
        <v>1863.2362559999999</v>
      </c>
      <c r="I459">
        <v>116.041591</v>
      </c>
      <c r="J459">
        <v>1863.2362559999999</v>
      </c>
      <c r="K459">
        <v>117.179574</v>
      </c>
      <c r="L459">
        <v>1863.2362559999999</v>
      </c>
      <c r="M459">
        <v>116.78175899999999</v>
      </c>
    </row>
    <row r="460" spans="2:13" x14ac:dyDescent="0.45">
      <c r="B460">
        <v>1865.165072</v>
      </c>
      <c r="C460">
        <v>115.28581699999999</v>
      </c>
      <c r="D460">
        <v>1865.165072</v>
      </c>
      <c r="E460">
        <v>116.474964</v>
      </c>
      <c r="F460">
        <v>1865.165072</v>
      </c>
      <c r="G460">
        <v>116.399447</v>
      </c>
      <c r="H460">
        <v>1865.165072</v>
      </c>
      <c r="I460">
        <v>115.894463</v>
      </c>
      <c r="J460">
        <v>1865.165072</v>
      </c>
      <c r="K460">
        <v>117.100297</v>
      </c>
      <c r="L460">
        <v>1865.165072</v>
      </c>
      <c r="M460">
        <v>116.73042599999999</v>
      </c>
    </row>
    <row r="461" spans="2:13" x14ac:dyDescent="0.45">
      <c r="B461">
        <v>1867.0938880000001</v>
      </c>
      <c r="C461">
        <v>115.34371400000001</v>
      </c>
      <c r="D461">
        <v>1867.0938880000001</v>
      </c>
      <c r="E461">
        <v>116.477</v>
      </c>
      <c r="F461">
        <v>1867.0938880000001</v>
      </c>
      <c r="G461">
        <v>116.394807</v>
      </c>
      <c r="H461">
        <v>1867.0938880000001</v>
      </c>
      <c r="I461">
        <v>116.016837</v>
      </c>
      <c r="J461">
        <v>1867.0938880000001</v>
      </c>
      <c r="K461">
        <v>117.065849</v>
      </c>
      <c r="L461">
        <v>1867.0938880000001</v>
      </c>
      <c r="M461">
        <v>116.67198</v>
      </c>
    </row>
    <row r="462" spans="2:13" x14ac:dyDescent="0.45">
      <c r="B462">
        <v>1869.022704</v>
      </c>
      <c r="C462">
        <v>115.298069</v>
      </c>
      <c r="D462">
        <v>1869.022704</v>
      </c>
      <c r="E462">
        <v>116.427845</v>
      </c>
      <c r="F462">
        <v>1869.022704</v>
      </c>
      <c r="G462">
        <v>116.57228600000001</v>
      </c>
      <c r="H462">
        <v>1869.022704</v>
      </c>
      <c r="I462">
        <v>116.116736</v>
      </c>
      <c r="J462">
        <v>1869.022704</v>
      </c>
      <c r="K462">
        <v>117.22529299999999</v>
      </c>
      <c r="L462">
        <v>1869.022704</v>
      </c>
      <c r="M462">
        <v>116.588026</v>
      </c>
    </row>
    <row r="463" spans="2:13" x14ac:dyDescent="0.45">
      <c r="B463">
        <v>1870.9515200000001</v>
      </c>
      <c r="C463">
        <v>115.31424</v>
      </c>
      <c r="D463">
        <v>1870.9515200000001</v>
      </c>
      <c r="E463">
        <v>116.551001</v>
      </c>
      <c r="F463">
        <v>1870.9515200000001</v>
      </c>
      <c r="G463">
        <v>116.59214299999999</v>
      </c>
      <c r="H463">
        <v>1870.9515200000001</v>
      </c>
      <c r="I463">
        <v>116.015517</v>
      </c>
      <c r="J463">
        <v>1870.9515200000001</v>
      </c>
      <c r="K463">
        <v>117.288197</v>
      </c>
      <c r="L463">
        <v>1870.9515200000001</v>
      </c>
      <c r="M463">
        <v>116.687956</v>
      </c>
    </row>
    <row r="464" spans="2:13" x14ac:dyDescent="0.45">
      <c r="B464">
        <v>1872.8803359999999</v>
      </c>
      <c r="C464">
        <v>115.259507</v>
      </c>
      <c r="D464">
        <v>1872.8803359999999</v>
      </c>
      <c r="E464">
        <v>116.359807</v>
      </c>
      <c r="F464">
        <v>1872.8803359999999</v>
      </c>
      <c r="G464">
        <v>116.510963</v>
      </c>
      <c r="H464">
        <v>1872.8803359999999</v>
      </c>
      <c r="I464">
        <v>116.02895599999999</v>
      </c>
      <c r="J464">
        <v>1872.8803359999999</v>
      </c>
      <c r="K464">
        <v>117.17735999999999</v>
      </c>
      <c r="L464">
        <v>1872.8803359999999</v>
      </c>
      <c r="M464">
        <v>116.768658</v>
      </c>
    </row>
    <row r="465" spans="2:13" x14ac:dyDescent="0.45">
      <c r="B465">
        <v>1874.809152</v>
      </c>
      <c r="C465">
        <v>115.156166</v>
      </c>
      <c r="D465">
        <v>1874.809152</v>
      </c>
      <c r="E465">
        <v>116.211292</v>
      </c>
      <c r="F465">
        <v>1874.809152</v>
      </c>
      <c r="G465">
        <v>116.510578</v>
      </c>
      <c r="H465">
        <v>1874.809152</v>
      </c>
      <c r="I465">
        <v>116.036889</v>
      </c>
      <c r="J465">
        <v>1874.809152</v>
      </c>
      <c r="K465">
        <v>117.157203</v>
      </c>
      <c r="L465">
        <v>1874.809152</v>
      </c>
      <c r="M465">
        <v>116.720158</v>
      </c>
    </row>
    <row r="466" spans="2:13" x14ac:dyDescent="0.45">
      <c r="B466">
        <v>1876.7379679999999</v>
      </c>
      <c r="C466">
        <v>115.11789899999999</v>
      </c>
      <c r="D466">
        <v>1876.7379679999999</v>
      </c>
      <c r="E466">
        <v>116.33841</v>
      </c>
      <c r="F466">
        <v>1876.7379679999999</v>
      </c>
      <c r="G466">
        <v>116.435423</v>
      </c>
      <c r="H466">
        <v>1876.7379679999999</v>
      </c>
      <c r="I466">
        <v>115.98723699999999</v>
      </c>
      <c r="J466">
        <v>1876.7379679999999</v>
      </c>
      <c r="K466">
        <v>117.160017</v>
      </c>
      <c r="L466">
        <v>1876.7379679999999</v>
      </c>
      <c r="M466">
        <v>116.75625700000001</v>
      </c>
    </row>
    <row r="467" spans="2:13" x14ac:dyDescent="0.45">
      <c r="B467">
        <v>1878.666784</v>
      </c>
      <c r="C467">
        <v>115.08023900000001</v>
      </c>
      <c r="D467">
        <v>1878.666784</v>
      </c>
      <c r="E467">
        <v>116.403628</v>
      </c>
      <c r="F467">
        <v>1878.666784</v>
      </c>
      <c r="G467">
        <v>116.50573</v>
      </c>
      <c r="H467">
        <v>1878.666784</v>
      </c>
      <c r="I467">
        <v>116.01108600000001</v>
      </c>
      <c r="J467">
        <v>1878.666784</v>
      </c>
      <c r="K467">
        <v>117.162496</v>
      </c>
      <c r="L467">
        <v>1878.666784</v>
      </c>
      <c r="M467">
        <v>116.82742500000001</v>
      </c>
    </row>
    <row r="468" spans="2:13" x14ac:dyDescent="0.45">
      <c r="B468">
        <v>1880.5956000000001</v>
      </c>
      <c r="C468">
        <v>115.123812</v>
      </c>
      <c r="D468">
        <v>1880.5956000000001</v>
      </c>
      <c r="E468">
        <v>116.300944</v>
      </c>
      <c r="F468">
        <v>1880.5956000000001</v>
      </c>
      <c r="G468">
        <v>116.546081</v>
      </c>
      <c r="H468">
        <v>1880.5956000000001</v>
      </c>
      <c r="I468">
        <v>115.94961499999999</v>
      </c>
      <c r="J468">
        <v>1880.5956000000001</v>
      </c>
      <c r="K468">
        <v>117.139375</v>
      </c>
      <c r="L468">
        <v>1880.5956000000001</v>
      </c>
      <c r="M468">
        <v>116.951711</v>
      </c>
    </row>
    <row r="469" spans="2:13" x14ac:dyDescent="0.45">
      <c r="B469">
        <v>1882.524416</v>
      </c>
      <c r="C469">
        <v>115.18738999999999</v>
      </c>
      <c r="D469">
        <v>1882.524416</v>
      </c>
      <c r="E469">
        <v>116.186638</v>
      </c>
      <c r="F469">
        <v>1882.524416</v>
      </c>
      <c r="G469">
        <v>116.420243</v>
      </c>
      <c r="H469">
        <v>1882.524416</v>
      </c>
      <c r="I469">
        <v>115.99866</v>
      </c>
      <c r="J469">
        <v>1882.524416</v>
      </c>
      <c r="K469">
        <v>117.124745</v>
      </c>
      <c r="L469">
        <v>1882.524416</v>
      </c>
      <c r="M469">
        <v>116.954651</v>
      </c>
    </row>
    <row r="470" spans="2:13" x14ac:dyDescent="0.45">
      <c r="B470">
        <v>1884.4532320000001</v>
      </c>
      <c r="C470">
        <v>115.186441</v>
      </c>
      <c r="D470">
        <v>1884.4532320000001</v>
      </c>
      <c r="E470">
        <v>116.122784</v>
      </c>
      <c r="F470">
        <v>1884.4532320000001</v>
      </c>
      <c r="G470">
        <v>116.493122</v>
      </c>
      <c r="H470">
        <v>1884.4532320000001</v>
      </c>
      <c r="I470">
        <v>116.034282</v>
      </c>
      <c r="J470">
        <v>1884.4532320000001</v>
      </c>
      <c r="K470">
        <v>117.208107</v>
      </c>
      <c r="L470">
        <v>1884.4532320000001</v>
      </c>
      <c r="M470">
        <v>116.917832</v>
      </c>
    </row>
    <row r="471" spans="2:13" x14ac:dyDescent="0.45">
      <c r="B471">
        <v>1886.3820479999999</v>
      </c>
      <c r="C471">
        <v>115.114169</v>
      </c>
      <c r="D471">
        <v>1886.3820479999999</v>
      </c>
      <c r="E471">
        <v>116.159786</v>
      </c>
      <c r="F471">
        <v>1886.3820479999999</v>
      </c>
      <c r="G471">
        <v>116.60750400000001</v>
      </c>
      <c r="H471">
        <v>1886.3820479999999</v>
      </c>
      <c r="I471">
        <v>115.970868</v>
      </c>
      <c r="J471">
        <v>1886.3820479999999</v>
      </c>
      <c r="K471">
        <v>117.27336699999999</v>
      </c>
      <c r="L471">
        <v>1886.3820479999999</v>
      </c>
      <c r="M471">
        <v>116.885784</v>
      </c>
    </row>
    <row r="472" spans="2:13" x14ac:dyDescent="0.45">
      <c r="B472">
        <v>1888.310864</v>
      </c>
      <c r="C472">
        <v>115.070035</v>
      </c>
      <c r="D472">
        <v>1888.310864</v>
      </c>
      <c r="E472">
        <v>116.11902600000001</v>
      </c>
      <c r="F472">
        <v>1888.310864</v>
      </c>
      <c r="G472">
        <v>116.560016</v>
      </c>
      <c r="H472">
        <v>1888.310864</v>
      </c>
      <c r="I472">
        <v>116.02007399999999</v>
      </c>
      <c r="J472">
        <v>1888.310864</v>
      </c>
      <c r="K472">
        <v>117.230825</v>
      </c>
      <c r="L472">
        <v>1888.310864</v>
      </c>
      <c r="M472">
        <v>116.78691499999999</v>
      </c>
    </row>
    <row r="473" spans="2:13" x14ac:dyDescent="0.45">
      <c r="B473">
        <v>1890.2396799999999</v>
      </c>
      <c r="C473">
        <v>114.976433</v>
      </c>
      <c r="D473">
        <v>1890.2396799999999</v>
      </c>
      <c r="E473">
        <v>115.96909100000001</v>
      </c>
      <c r="F473">
        <v>1890.2396799999999</v>
      </c>
      <c r="G473">
        <v>116.55091899999999</v>
      </c>
      <c r="H473">
        <v>1890.2396799999999</v>
      </c>
      <c r="I473">
        <v>116.07664200000001</v>
      </c>
      <c r="J473">
        <v>1890.2396799999999</v>
      </c>
      <c r="K473">
        <v>116.96144</v>
      </c>
      <c r="L473">
        <v>1890.2396799999999</v>
      </c>
      <c r="M473">
        <v>116.72087999999999</v>
      </c>
    </row>
    <row r="474" spans="2:13" x14ac:dyDescent="0.45">
      <c r="B474">
        <v>1892.168496</v>
      </c>
      <c r="C474">
        <v>115.082695</v>
      </c>
      <c r="D474">
        <v>1892.168496</v>
      </c>
      <c r="E474">
        <v>116.02031700000001</v>
      </c>
      <c r="F474">
        <v>1892.168496</v>
      </c>
      <c r="G474">
        <v>116.535438</v>
      </c>
      <c r="H474">
        <v>1892.168496</v>
      </c>
      <c r="I474">
        <v>116.086567</v>
      </c>
      <c r="J474">
        <v>1892.168496</v>
      </c>
      <c r="K474">
        <v>116.92697</v>
      </c>
      <c r="L474">
        <v>1892.168496</v>
      </c>
      <c r="M474">
        <v>116.77725</v>
      </c>
    </row>
    <row r="475" spans="2:13" x14ac:dyDescent="0.45">
      <c r="B475">
        <v>1894.0973120000001</v>
      </c>
      <c r="C475">
        <v>115.117289</v>
      </c>
      <c r="D475">
        <v>1894.0973120000001</v>
      </c>
      <c r="E475">
        <v>116.09503600000001</v>
      </c>
      <c r="F475">
        <v>1894.0973120000001</v>
      </c>
      <c r="G475">
        <v>116.485983</v>
      </c>
      <c r="H475">
        <v>1894.0973120000001</v>
      </c>
      <c r="I475">
        <v>116.089496</v>
      </c>
      <c r="J475">
        <v>1894.0973120000001</v>
      </c>
      <c r="K475">
        <v>117.27565800000001</v>
      </c>
      <c r="L475">
        <v>1894.0973120000001</v>
      </c>
      <c r="M475">
        <v>116.71675</v>
      </c>
    </row>
    <row r="476" spans="2:13" x14ac:dyDescent="0.45">
      <c r="B476">
        <v>1896.026128</v>
      </c>
      <c r="C476">
        <v>114.978843</v>
      </c>
      <c r="D476">
        <v>1896.026128</v>
      </c>
      <c r="E476">
        <v>116.273826</v>
      </c>
      <c r="F476">
        <v>1896.026128</v>
      </c>
      <c r="G476">
        <v>116.50269</v>
      </c>
      <c r="H476">
        <v>1896.026128</v>
      </c>
      <c r="I476">
        <v>116.18217300000001</v>
      </c>
      <c r="J476">
        <v>1896.026128</v>
      </c>
      <c r="K476">
        <v>117.44157300000001</v>
      </c>
      <c r="L476">
        <v>1896.026128</v>
      </c>
      <c r="M476">
        <v>116.760831</v>
      </c>
    </row>
    <row r="477" spans="2:13" x14ac:dyDescent="0.45">
      <c r="B477">
        <v>1897.9549440000001</v>
      </c>
      <c r="C477">
        <v>114.89374599999999</v>
      </c>
      <c r="D477">
        <v>1897.9549440000001</v>
      </c>
      <c r="E477">
        <v>116.316896</v>
      </c>
      <c r="F477">
        <v>1897.9549440000001</v>
      </c>
      <c r="G477">
        <v>116.48881299999999</v>
      </c>
      <c r="H477">
        <v>1897.9549440000001</v>
      </c>
      <c r="I477">
        <v>116.274912</v>
      </c>
      <c r="J477">
        <v>1897.9549440000001</v>
      </c>
      <c r="K477">
        <v>117.23164</v>
      </c>
      <c r="L477">
        <v>1897.9549440000001</v>
      </c>
      <c r="M477">
        <v>116.76910599999999</v>
      </c>
    </row>
    <row r="478" spans="2:13" x14ac:dyDescent="0.45">
      <c r="B478">
        <v>1899.8837599999999</v>
      </c>
      <c r="C478">
        <v>114.894659</v>
      </c>
      <c r="D478">
        <v>1899.8837599999999</v>
      </c>
      <c r="E478">
        <v>116.24179700000001</v>
      </c>
      <c r="F478">
        <v>1899.8837599999999</v>
      </c>
      <c r="G478">
        <v>116.492926</v>
      </c>
      <c r="H478">
        <v>1899.8837599999999</v>
      </c>
      <c r="I478">
        <v>116.180781</v>
      </c>
      <c r="J478">
        <v>1899.8837599999999</v>
      </c>
      <c r="K478">
        <v>117.102098</v>
      </c>
      <c r="L478">
        <v>1899.8837599999999</v>
      </c>
      <c r="M478">
        <v>116.86506799999999</v>
      </c>
    </row>
    <row r="479" spans="2:13" x14ac:dyDescent="0.45">
      <c r="B479">
        <v>1901.812576</v>
      </c>
      <c r="C479">
        <v>114.82522899999999</v>
      </c>
      <c r="D479">
        <v>1901.812576</v>
      </c>
      <c r="E479">
        <v>116.105377</v>
      </c>
      <c r="F479">
        <v>1901.812576</v>
      </c>
      <c r="G479">
        <v>116.601598</v>
      </c>
      <c r="H479">
        <v>1901.812576</v>
      </c>
      <c r="I479">
        <v>116.13157200000001</v>
      </c>
      <c r="J479">
        <v>1901.812576</v>
      </c>
      <c r="K479">
        <v>117.15793600000001</v>
      </c>
      <c r="L479">
        <v>1901.812576</v>
      </c>
      <c r="M479">
        <v>116.88468399999999</v>
      </c>
    </row>
    <row r="480" spans="2:13" x14ac:dyDescent="0.45">
      <c r="B480">
        <v>1903.7413919999999</v>
      </c>
      <c r="C480">
        <v>114.868968</v>
      </c>
      <c r="D480">
        <v>1903.7413919999999</v>
      </c>
      <c r="E480">
        <v>116.088792</v>
      </c>
      <c r="F480">
        <v>1903.7413919999999</v>
      </c>
      <c r="G480">
        <v>116.583495</v>
      </c>
      <c r="H480">
        <v>1903.7413919999999</v>
      </c>
      <c r="I480">
        <v>116.085077</v>
      </c>
      <c r="J480">
        <v>1903.7413919999999</v>
      </c>
      <c r="K480">
        <v>117.235265</v>
      </c>
      <c r="L480">
        <v>1903.7413919999999</v>
      </c>
      <c r="M480">
        <v>116.912008</v>
      </c>
    </row>
    <row r="481" spans="2:13" x14ac:dyDescent="0.45">
      <c r="B481">
        <v>1905.670208</v>
      </c>
      <c r="C481">
        <v>114.95314</v>
      </c>
      <c r="D481">
        <v>1905.670208</v>
      </c>
      <c r="E481">
        <v>116.23357200000001</v>
      </c>
      <c r="F481">
        <v>1905.670208</v>
      </c>
      <c r="G481">
        <v>116.466981</v>
      </c>
      <c r="H481">
        <v>1905.670208</v>
      </c>
      <c r="I481">
        <v>116.04158200000001</v>
      </c>
      <c r="J481">
        <v>1905.670208</v>
      </c>
      <c r="K481">
        <v>117.18040000000001</v>
      </c>
      <c r="L481">
        <v>1905.670208</v>
      </c>
      <c r="M481">
        <v>116.97447200000001</v>
      </c>
    </row>
    <row r="482" spans="2:13" x14ac:dyDescent="0.45">
      <c r="B482">
        <v>1907.5990240000001</v>
      </c>
      <c r="C482">
        <v>114.95995499999999</v>
      </c>
      <c r="D482">
        <v>1907.5990240000001</v>
      </c>
      <c r="E482">
        <v>116.32616800000001</v>
      </c>
      <c r="F482">
        <v>1907.5990240000001</v>
      </c>
      <c r="G482">
        <v>116.438005</v>
      </c>
      <c r="H482">
        <v>1907.5990240000001</v>
      </c>
      <c r="I482">
        <v>116.08360500000001</v>
      </c>
      <c r="J482">
        <v>1907.5990240000001</v>
      </c>
      <c r="K482">
        <v>117.066599</v>
      </c>
      <c r="L482">
        <v>1907.5990240000001</v>
      </c>
      <c r="M482">
        <v>116.946309</v>
      </c>
    </row>
    <row r="483" spans="2:13" x14ac:dyDescent="0.45">
      <c r="B483">
        <v>1909.52784</v>
      </c>
      <c r="C483">
        <v>114.987664</v>
      </c>
      <c r="D483">
        <v>1909.52784</v>
      </c>
      <c r="E483">
        <v>116.224453</v>
      </c>
      <c r="F483">
        <v>1909.52784</v>
      </c>
      <c r="G483">
        <v>116.565027</v>
      </c>
      <c r="H483">
        <v>1909.52784</v>
      </c>
      <c r="I483">
        <v>116.172133</v>
      </c>
      <c r="J483">
        <v>1909.52784</v>
      </c>
      <c r="K483">
        <v>117.136098</v>
      </c>
      <c r="L483">
        <v>1909.52784</v>
      </c>
      <c r="M483">
        <v>116.888411</v>
      </c>
    </row>
    <row r="484" spans="2:13" x14ac:dyDescent="0.45">
      <c r="B484">
        <v>1911.4566560000001</v>
      </c>
      <c r="C484">
        <v>114.90037100000001</v>
      </c>
      <c r="D484">
        <v>1911.4566560000001</v>
      </c>
      <c r="E484">
        <v>116.08461200000001</v>
      </c>
      <c r="F484">
        <v>1911.4566560000001</v>
      </c>
      <c r="G484">
        <v>116.48851000000001</v>
      </c>
      <c r="H484">
        <v>1911.4566560000001</v>
      </c>
      <c r="I484">
        <v>116.084143</v>
      </c>
      <c r="J484">
        <v>1911.4566560000001</v>
      </c>
      <c r="K484">
        <v>117.286768</v>
      </c>
      <c r="L484">
        <v>1911.4566560000001</v>
      </c>
      <c r="M484">
        <v>116.816357</v>
      </c>
    </row>
    <row r="485" spans="2:13" x14ac:dyDescent="0.45">
      <c r="B485">
        <v>1913.3854719999999</v>
      </c>
      <c r="C485">
        <v>114.937984</v>
      </c>
      <c r="D485">
        <v>1913.3854719999999</v>
      </c>
      <c r="E485">
        <v>115.89069600000001</v>
      </c>
      <c r="F485">
        <v>1913.3854719999999</v>
      </c>
      <c r="G485">
        <v>116.37729</v>
      </c>
      <c r="H485">
        <v>1913.3854719999999</v>
      </c>
      <c r="I485">
        <v>115.90716</v>
      </c>
      <c r="J485">
        <v>1913.3854719999999</v>
      </c>
      <c r="K485">
        <v>117.339557</v>
      </c>
      <c r="L485">
        <v>1913.3854719999999</v>
      </c>
      <c r="M485">
        <v>116.670828</v>
      </c>
    </row>
    <row r="486" spans="2:13" x14ac:dyDescent="0.45">
      <c r="B486">
        <v>1915.314288</v>
      </c>
      <c r="C486">
        <v>114.946147</v>
      </c>
      <c r="D486">
        <v>1915.314288</v>
      </c>
      <c r="E486">
        <v>115.834311</v>
      </c>
      <c r="F486">
        <v>1915.314288</v>
      </c>
      <c r="G486">
        <v>116.381015</v>
      </c>
      <c r="H486">
        <v>1915.314288</v>
      </c>
      <c r="I486">
        <v>115.94011500000001</v>
      </c>
      <c r="J486">
        <v>1915.314288</v>
      </c>
      <c r="K486">
        <v>117.36629600000001</v>
      </c>
      <c r="L486">
        <v>1915.314288</v>
      </c>
      <c r="M486">
        <v>116.740847</v>
      </c>
    </row>
    <row r="487" spans="2:13" x14ac:dyDescent="0.45">
      <c r="B487">
        <v>1917.2431039999999</v>
      </c>
      <c r="C487">
        <v>114.67084800000001</v>
      </c>
      <c r="D487">
        <v>1917.2431039999999</v>
      </c>
      <c r="E487">
        <v>115.781457</v>
      </c>
      <c r="F487">
        <v>1917.2431039999999</v>
      </c>
      <c r="G487">
        <v>116.370638</v>
      </c>
      <c r="H487">
        <v>1917.2431039999999</v>
      </c>
      <c r="I487">
        <v>115.966296</v>
      </c>
      <c r="J487">
        <v>1917.2431039999999</v>
      </c>
      <c r="K487">
        <v>117.08501200000001</v>
      </c>
      <c r="L487">
        <v>1917.2431039999999</v>
      </c>
      <c r="M487">
        <v>116.891064</v>
      </c>
    </row>
    <row r="488" spans="2:13" x14ac:dyDescent="0.45">
      <c r="B488">
        <v>1919.17192</v>
      </c>
      <c r="C488">
        <v>114.657284</v>
      </c>
      <c r="D488">
        <v>1919.17192</v>
      </c>
      <c r="E488">
        <v>115.88754</v>
      </c>
      <c r="F488">
        <v>1919.17192</v>
      </c>
      <c r="G488">
        <v>116.457776</v>
      </c>
      <c r="H488">
        <v>1919.17192</v>
      </c>
      <c r="I488">
        <v>115.993718</v>
      </c>
      <c r="J488">
        <v>1919.17192</v>
      </c>
      <c r="K488">
        <v>117.127291</v>
      </c>
      <c r="L488">
        <v>1919.17192</v>
      </c>
      <c r="M488">
        <v>116.84096</v>
      </c>
    </row>
    <row r="489" spans="2:13" x14ac:dyDescent="0.45">
      <c r="B489">
        <v>1921.1007360000001</v>
      </c>
      <c r="C489">
        <v>114.65863299999999</v>
      </c>
      <c r="D489">
        <v>1921.1007360000001</v>
      </c>
      <c r="E489">
        <v>115.798501</v>
      </c>
      <c r="F489">
        <v>1921.1007360000001</v>
      </c>
      <c r="G489">
        <v>116.47572099999999</v>
      </c>
      <c r="H489">
        <v>1921.1007360000001</v>
      </c>
      <c r="I489">
        <v>116.202147</v>
      </c>
      <c r="J489">
        <v>1921.1007360000001</v>
      </c>
      <c r="K489">
        <v>117.27258999999999</v>
      </c>
      <c r="L489">
        <v>1921.1007360000001</v>
      </c>
      <c r="M489">
        <v>116.664247</v>
      </c>
    </row>
    <row r="490" spans="2:13" x14ac:dyDescent="0.45">
      <c r="B490">
        <v>1923.029552</v>
      </c>
      <c r="C490">
        <v>114.70384300000001</v>
      </c>
      <c r="D490">
        <v>1923.029552</v>
      </c>
      <c r="E490">
        <v>115.793074</v>
      </c>
      <c r="F490">
        <v>1923.029552</v>
      </c>
      <c r="G490">
        <v>116.333986</v>
      </c>
      <c r="H490">
        <v>1923.029552</v>
      </c>
      <c r="I490">
        <v>116.30538</v>
      </c>
      <c r="J490">
        <v>1923.029552</v>
      </c>
      <c r="K490">
        <v>117.03514199999999</v>
      </c>
      <c r="L490">
        <v>1923.029552</v>
      </c>
      <c r="M490">
        <v>116.464223</v>
      </c>
    </row>
    <row r="491" spans="2:13" x14ac:dyDescent="0.45">
      <c r="B491">
        <v>1924.9583680000001</v>
      </c>
      <c r="C491">
        <v>114.699135</v>
      </c>
      <c r="D491">
        <v>1924.9583680000001</v>
      </c>
      <c r="E491">
        <v>115.838438</v>
      </c>
      <c r="F491">
        <v>1924.9583680000001</v>
      </c>
      <c r="G491">
        <v>116.335092</v>
      </c>
      <c r="H491">
        <v>1924.9583680000001</v>
      </c>
      <c r="I491">
        <v>116.103666</v>
      </c>
      <c r="J491">
        <v>1924.9583680000001</v>
      </c>
      <c r="K491">
        <v>116.873456</v>
      </c>
      <c r="L491">
        <v>1924.9583680000001</v>
      </c>
      <c r="M491">
        <v>116.47265299999999</v>
      </c>
    </row>
    <row r="492" spans="2:13" x14ac:dyDescent="0.45">
      <c r="B492">
        <v>1926.8871839999999</v>
      </c>
      <c r="C492">
        <v>114.624565</v>
      </c>
      <c r="D492">
        <v>1926.8871839999999</v>
      </c>
      <c r="E492">
        <v>115.94432500000001</v>
      </c>
      <c r="F492">
        <v>1926.8871839999999</v>
      </c>
      <c r="G492">
        <v>116.345941</v>
      </c>
      <c r="H492">
        <v>1926.8871839999999</v>
      </c>
      <c r="I492">
        <v>116.013891</v>
      </c>
      <c r="J492">
        <v>1926.8871839999999</v>
      </c>
      <c r="K492">
        <v>116.865617</v>
      </c>
      <c r="L492">
        <v>1926.8871839999999</v>
      </c>
      <c r="M492">
        <v>116.655045</v>
      </c>
    </row>
    <row r="493" spans="2:13" x14ac:dyDescent="0.45">
      <c r="B493">
        <v>1928.816</v>
      </c>
      <c r="C493">
        <v>114.73006100000001</v>
      </c>
      <c r="D493">
        <v>1928.816</v>
      </c>
      <c r="E493">
        <v>116.03331200000001</v>
      </c>
      <c r="F493">
        <v>1928.816</v>
      </c>
      <c r="G493">
        <v>116.30048600000001</v>
      </c>
      <c r="H493">
        <v>1928.816</v>
      </c>
      <c r="I493">
        <v>116.039345</v>
      </c>
      <c r="J493">
        <v>1928.816</v>
      </c>
      <c r="K493">
        <v>116.79620799999999</v>
      </c>
      <c r="L493">
        <v>1928.816</v>
      </c>
      <c r="M493">
        <v>116.560191</v>
      </c>
    </row>
    <row r="494" spans="2:13" x14ac:dyDescent="0.45">
      <c r="B494">
        <v>1930.7448159999999</v>
      </c>
      <c r="C494">
        <v>114.81419099999999</v>
      </c>
      <c r="D494">
        <v>1930.7448159999999</v>
      </c>
      <c r="E494">
        <v>115.96549900000001</v>
      </c>
      <c r="F494">
        <v>1930.7448159999999</v>
      </c>
      <c r="G494">
        <v>116.207179</v>
      </c>
      <c r="H494">
        <v>1930.7448159999999</v>
      </c>
      <c r="I494">
        <v>115.920815</v>
      </c>
      <c r="J494">
        <v>1930.7448159999999</v>
      </c>
      <c r="K494">
        <v>116.98811000000001</v>
      </c>
      <c r="L494">
        <v>1930.7448159999999</v>
      </c>
      <c r="M494">
        <v>116.394316</v>
      </c>
    </row>
    <row r="495" spans="2:13" x14ac:dyDescent="0.45">
      <c r="B495">
        <v>1932.673632</v>
      </c>
      <c r="C495">
        <v>114.714034</v>
      </c>
      <c r="D495">
        <v>1932.673632</v>
      </c>
      <c r="E495">
        <v>115.942474</v>
      </c>
      <c r="F495">
        <v>1932.673632</v>
      </c>
      <c r="G495">
        <v>116.17540700000001</v>
      </c>
      <c r="H495">
        <v>1932.673632</v>
      </c>
      <c r="I495">
        <v>115.86986400000001</v>
      </c>
      <c r="J495">
        <v>1932.673632</v>
      </c>
      <c r="K495">
        <v>117.264008</v>
      </c>
      <c r="L495">
        <v>1932.673632</v>
      </c>
      <c r="M495">
        <v>116.249415</v>
      </c>
    </row>
    <row r="496" spans="2:13" x14ac:dyDescent="0.45">
      <c r="B496">
        <v>1934.6024480000001</v>
      </c>
      <c r="C496">
        <v>114.76361</v>
      </c>
      <c r="D496">
        <v>1934.6024480000001</v>
      </c>
      <c r="E496">
        <v>115.776612</v>
      </c>
      <c r="F496">
        <v>1934.6024480000001</v>
      </c>
      <c r="G496">
        <v>116.086313</v>
      </c>
      <c r="H496">
        <v>1934.6024480000001</v>
      </c>
      <c r="I496">
        <v>115.953502</v>
      </c>
      <c r="J496">
        <v>1934.6024480000001</v>
      </c>
      <c r="K496">
        <v>117.079126</v>
      </c>
      <c r="L496">
        <v>1934.6024480000001</v>
      </c>
      <c r="M496">
        <v>116.163517</v>
      </c>
    </row>
    <row r="497" spans="2:13" x14ac:dyDescent="0.45">
      <c r="B497">
        <v>1936.531264</v>
      </c>
      <c r="C497">
        <v>114.789407</v>
      </c>
      <c r="D497">
        <v>1936.531264</v>
      </c>
      <c r="E497">
        <v>115.89636400000001</v>
      </c>
      <c r="F497">
        <v>1936.531264</v>
      </c>
      <c r="G497">
        <v>116.305808</v>
      </c>
      <c r="H497">
        <v>1936.531264</v>
      </c>
      <c r="I497">
        <v>116.114204</v>
      </c>
      <c r="J497">
        <v>1936.531264</v>
      </c>
      <c r="K497">
        <v>116.687645</v>
      </c>
      <c r="L497">
        <v>1936.531264</v>
      </c>
      <c r="M497">
        <v>116.08757900000001</v>
      </c>
    </row>
    <row r="498" spans="2:13" x14ac:dyDescent="0.45">
      <c r="B498">
        <v>1938.4600800000001</v>
      </c>
      <c r="C498">
        <v>114.747246</v>
      </c>
      <c r="D498">
        <v>1938.4600800000001</v>
      </c>
      <c r="E498">
        <v>115.98925300000001</v>
      </c>
      <c r="F498">
        <v>1938.4600800000001</v>
      </c>
      <c r="G498">
        <v>116.477085</v>
      </c>
      <c r="H498">
        <v>1938.4600800000001</v>
      </c>
      <c r="I498">
        <v>116.03542299999999</v>
      </c>
      <c r="J498">
        <v>1938.4600800000001</v>
      </c>
      <c r="K498">
        <v>116.90333</v>
      </c>
      <c r="L498">
        <v>1938.4600800000001</v>
      </c>
      <c r="M498">
        <v>116.315168</v>
      </c>
    </row>
    <row r="499" spans="2:13" x14ac:dyDescent="0.45">
      <c r="B499">
        <v>1940.3888959999999</v>
      </c>
      <c r="C499">
        <v>114.489458</v>
      </c>
      <c r="D499">
        <v>1940.3888959999999</v>
      </c>
      <c r="E499">
        <v>116.029912</v>
      </c>
      <c r="F499">
        <v>1940.3888959999999</v>
      </c>
      <c r="G499">
        <v>116.546586</v>
      </c>
      <c r="H499">
        <v>1940.3888959999999</v>
      </c>
      <c r="I499">
        <v>115.92094</v>
      </c>
      <c r="J499">
        <v>1940.3888959999999</v>
      </c>
      <c r="K499">
        <v>117.054115</v>
      </c>
      <c r="L499">
        <v>1940.3888959999999</v>
      </c>
      <c r="M499">
        <v>116.341346</v>
      </c>
    </row>
    <row r="500" spans="2:13" x14ac:dyDescent="0.45">
      <c r="B500">
        <v>1942.317712</v>
      </c>
      <c r="C500">
        <v>114.236869</v>
      </c>
      <c r="D500">
        <v>1942.317712</v>
      </c>
      <c r="E500">
        <v>116.079806</v>
      </c>
      <c r="F500">
        <v>1942.317712</v>
      </c>
      <c r="G500">
        <v>116.664057</v>
      </c>
      <c r="H500">
        <v>1942.317712</v>
      </c>
      <c r="I500">
        <v>116.111846</v>
      </c>
      <c r="J500">
        <v>1942.317712</v>
      </c>
      <c r="K500">
        <v>117.157258</v>
      </c>
      <c r="L500">
        <v>1942.317712</v>
      </c>
      <c r="M500">
        <v>116.212739</v>
      </c>
    </row>
    <row r="501" spans="2:13" x14ac:dyDescent="0.45">
      <c r="B501">
        <v>1944.2465279999999</v>
      </c>
      <c r="C501">
        <v>114.258042</v>
      </c>
      <c r="D501">
        <v>1944.2465279999999</v>
      </c>
      <c r="E501">
        <v>116.02136800000001</v>
      </c>
      <c r="F501">
        <v>1944.2465279999999</v>
      </c>
      <c r="G501">
        <v>116.45672</v>
      </c>
      <c r="H501">
        <v>1944.2465279999999</v>
      </c>
      <c r="I501">
        <v>116.38411499999999</v>
      </c>
      <c r="J501">
        <v>1944.2465279999999</v>
      </c>
      <c r="K501">
        <v>116.999212</v>
      </c>
      <c r="L501">
        <v>1944.2465279999999</v>
      </c>
      <c r="M501">
        <v>116.05109299999999</v>
      </c>
    </row>
    <row r="502" spans="2:13" x14ac:dyDescent="0.45">
      <c r="B502">
        <v>1946.175344</v>
      </c>
      <c r="C502">
        <v>114.687539</v>
      </c>
      <c r="D502">
        <v>1946.175344</v>
      </c>
      <c r="E502">
        <v>115.782263</v>
      </c>
      <c r="F502">
        <v>1946.175344</v>
      </c>
      <c r="G502">
        <v>116.302831</v>
      </c>
      <c r="H502">
        <v>1946.175344</v>
      </c>
      <c r="I502">
        <v>116.48457500000001</v>
      </c>
      <c r="J502">
        <v>1946.175344</v>
      </c>
      <c r="K502">
        <v>116.634913</v>
      </c>
      <c r="L502">
        <v>1946.175344</v>
      </c>
      <c r="M502">
        <v>115.751338</v>
      </c>
    </row>
    <row r="503" spans="2:13" x14ac:dyDescent="0.45">
      <c r="B503">
        <v>1948.1041600000001</v>
      </c>
      <c r="C503">
        <v>115.097812</v>
      </c>
      <c r="D503">
        <v>1948.1041600000001</v>
      </c>
      <c r="E503">
        <v>115.577383</v>
      </c>
      <c r="F503">
        <v>1948.1041600000001</v>
      </c>
      <c r="G503">
        <v>116.191462</v>
      </c>
      <c r="H503">
        <v>1948.1041600000001</v>
      </c>
      <c r="I503">
        <v>116.466162</v>
      </c>
      <c r="J503">
        <v>1948.1041600000001</v>
      </c>
      <c r="K503">
        <v>116.899469</v>
      </c>
      <c r="L503">
        <v>1948.1041600000001</v>
      </c>
      <c r="M503">
        <v>115.620408</v>
      </c>
    </row>
    <row r="504" spans="2:13" x14ac:dyDescent="0.45">
      <c r="B504">
        <v>1950.032976</v>
      </c>
      <c r="C504">
        <v>115.110242</v>
      </c>
      <c r="D504">
        <v>1950.032976</v>
      </c>
      <c r="E504">
        <v>115.44525800000001</v>
      </c>
      <c r="F504">
        <v>1950.032976</v>
      </c>
      <c r="G504">
        <v>116.383083</v>
      </c>
      <c r="H504">
        <v>1950.032976</v>
      </c>
      <c r="I504">
        <v>116.307278</v>
      </c>
      <c r="J504">
        <v>1950.032976</v>
      </c>
      <c r="K504">
        <v>117.274738</v>
      </c>
      <c r="L504">
        <v>1950.032976</v>
      </c>
      <c r="M504">
        <v>115.46711999999999</v>
      </c>
    </row>
    <row r="505" spans="2:13" x14ac:dyDescent="0.45">
      <c r="B505">
        <v>1951.9617920000001</v>
      </c>
      <c r="C505">
        <v>114.824439</v>
      </c>
      <c r="D505">
        <v>1951.9617920000001</v>
      </c>
      <c r="E505">
        <v>115.50078000000001</v>
      </c>
      <c r="F505">
        <v>1951.9617920000001</v>
      </c>
      <c r="G505">
        <v>116.31889099999999</v>
      </c>
      <c r="H505">
        <v>1951.9617920000001</v>
      </c>
      <c r="I505">
        <v>116.31024499999999</v>
      </c>
      <c r="J505">
        <v>1951.9617920000001</v>
      </c>
      <c r="K505">
        <v>117.17853700000001</v>
      </c>
      <c r="L505">
        <v>1951.9617920000001</v>
      </c>
      <c r="M505">
        <v>115.526887</v>
      </c>
    </row>
    <row r="506" spans="2:13" x14ac:dyDescent="0.45">
      <c r="B506">
        <v>1953.8906079999999</v>
      </c>
      <c r="C506">
        <v>114.606414</v>
      </c>
      <c r="D506">
        <v>1953.8906079999999</v>
      </c>
      <c r="E506">
        <v>115.916391</v>
      </c>
      <c r="F506">
        <v>1953.8906079999999</v>
      </c>
      <c r="G506">
        <v>115.94583299999999</v>
      </c>
      <c r="H506">
        <v>1953.8906079999999</v>
      </c>
      <c r="I506">
        <v>116.352976</v>
      </c>
      <c r="J506">
        <v>1953.8906079999999</v>
      </c>
      <c r="K506">
        <v>117.079984</v>
      </c>
      <c r="L506">
        <v>1953.8906079999999</v>
      </c>
      <c r="M506">
        <v>115.733008</v>
      </c>
    </row>
    <row r="507" spans="2:13" x14ac:dyDescent="0.45">
      <c r="B507">
        <v>1955.819424</v>
      </c>
      <c r="C507">
        <v>114.483795</v>
      </c>
      <c r="D507">
        <v>1955.819424</v>
      </c>
      <c r="E507">
        <v>115.78281</v>
      </c>
      <c r="F507">
        <v>1955.819424</v>
      </c>
      <c r="G507">
        <v>115.865724</v>
      </c>
      <c r="H507">
        <v>1955.819424</v>
      </c>
      <c r="I507">
        <v>116.558142</v>
      </c>
      <c r="J507">
        <v>1955.819424</v>
      </c>
      <c r="K507">
        <v>116.890946</v>
      </c>
      <c r="L507">
        <v>1955.819424</v>
      </c>
      <c r="M507">
        <v>115.860196</v>
      </c>
    </row>
    <row r="508" spans="2:13" x14ac:dyDescent="0.45">
      <c r="B508">
        <v>1957.7482399999999</v>
      </c>
      <c r="C508">
        <v>114.361788</v>
      </c>
      <c r="D508">
        <v>1957.7482399999999</v>
      </c>
      <c r="E508">
        <v>115.31361100000001</v>
      </c>
      <c r="F508">
        <v>1957.7482399999999</v>
      </c>
      <c r="G508">
        <v>115.910246</v>
      </c>
      <c r="H508">
        <v>1957.7482399999999</v>
      </c>
      <c r="I508">
        <v>116.526466</v>
      </c>
      <c r="J508">
        <v>1957.7482399999999</v>
      </c>
      <c r="K508">
        <v>116.965051</v>
      </c>
      <c r="L508">
        <v>1957.7482399999999</v>
      </c>
      <c r="M508">
        <v>115.813068</v>
      </c>
    </row>
    <row r="509" spans="2:13" x14ac:dyDescent="0.45">
      <c r="B509">
        <v>1959.677056</v>
      </c>
      <c r="C509">
        <v>114.076325</v>
      </c>
      <c r="D509">
        <v>1959.677056</v>
      </c>
      <c r="E509">
        <v>115.441356</v>
      </c>
      <c r="F509">
        <v>1959.677056</v>
      </c>
      <c r="G509">
        <v>115.73274600000001</v>
      </c>
      <c r="H509">
        <v>1959.677056</v>
      </c>
      <c r="I509">
        <v>116.34995000000001</v>
      </c>
      <c r="J509">
        <v>1959.677056</v>
      </c>
      <c r="K509">
        <v>117.038122</v>
      </c>
      <c r="L509">
        <v>1959.677056</v>
      </c>
      <c r="M509">
        <v>115.77772</v>
      </c>
    </row>
    <row r="510" spans="2:13" x14ac:dyDescent="0.45">
      <c r="B510">
        <v>1961.6058720000001</v>
      </c>
      <c r="C510">
        <v>113.99458300000001</v>
      </c>
      <c r="D510">
        <v>1961.6058720000001</v>
      </c>
      <c r="E510">
        <v>115.56590300000001</v>
      </c>
      <c r="F510">
        <v>1961.6058720000001</v>
      </c>
      <c r="G510">
        <v>116.13331599999999</v>
      </c>
      <c r="H510">
        <v>1961.6058720000001</v>
      </c>
      <c r="I510">
        <v>115.98315100000001</v>
      </c>
      <c r="J510">
        <v>1961.6058720000001</v>
      </c>
      <c r="K510">
        <v>116.67140499999999</v>
      </c>
      <c r="L510">
        <v>1961.6058720000001</v>
      </c>
      <c r="M510">
        <v>115.81176499999999</v>
      </c>
    </row>
    <row r="511" spans="2:13" x14ac:dyDescent="0.45">
      <c r="B511">
        <v>1963.534688</v>
      </c>
      <c r="C511">
        <v>114.333685</v>
      </c>
      <c r="D511">
        <v>1963.534688</v>
      </c>
      <c r="E511">
        <v>115.641473</v>
      </c>
      <c r="F511">
        <v>1963.534688</v>
      </c>
      <c r="G511">
        <v>116.745974</v>
      </c>
      <c r="H511">
        <v>1963.534688</v>
      </c>
      <c r="I511">
        <v>115.89966099999999</v>
      </c>
      <c r="J511">
        <v>1963.534688</v>
      </c>
      <c r="K511">
        <v>116.511492</v>
      </c>
      <c r="L511">
        <v>1963.534688</v>
      </c>
      <c r="M511">
        <v>115.45582400000001</v>
      </c>
    </row>
    <row r="512" spans="2:13" x14ac:dyDescent="0.45">
      <c r="B512">
        <v>1965.4635040000001</v>
      </c>
      <c r="C512">
        <v>114.607685</v>
      </c>
      <c r="D512">
        <v>1965.4635040000001</v>
      </c>
      <c r="E512">
        <v>115.95813</v>
      </c>
      <c r="F512">
        <v>1965.4635040000001</v>
      </c>
      <c r="G512">
        <v>116.629085</v>
      </c>
      <c r="H512">
        <v>1965.4635040000001</v>
      </c>
      <c r="I512">
        <v>116.359882</v>
      </c>
      <c r="J512">
        <v>1965.4635040000001</v>
      </c>
      <c r="K512">
        <v>116.774365</v>
      </c>
      <c r="L512">
        <v>1965.4635040000001</v>
      </c>
      <c r="M512">
        <v>114.943352</v>
      </c>
    </row>
    <row r="513" spans="2:13" x14ac:dyDescent="0.45">
      <c r="B513">
        <v>1967.3923199999999</v>
      </c>
      <c r="C513">
        <v>114.133225</v>
      </c>
      <c r="D513">
        <v>1967.3923199999999</v>
      </c>
      <c r="E513">
        <v>115.956867</v>
      </c>
      <c r="F513">
        <v>1967.3923199999999</v>
      </c>
      <c r="G513">
        <v>115.918201</v>
      </c>
      <c r="H513">
        <v>1967.3923199999999</v>
      </c>
      <c r="I513">
        <v>116.45598099999999</v>
      </c>
      <c r="J513">
        <v>1967.3923199999999</v>
      </c>
      <c r="K513">
        <v>117.164748</v>
      </c>
      <c r="L513">
        <v>1967.3923199999999</v>
      </c>
      <c r="M513">
        <v>115.08485</v>
      </c>
    </row>
    <row r="514" spans="2:13" x14ac:dyDescent="0.45">
      <c r="B514">
        <v>1969.321136</v>
      </c>
      <c r="C514">
        <v>114.037074</v>
      </c>
      <c r="D514">
        <v>1969.321136</v>
      </c>
      <c r="E514">
        <v>116.01419200000001</v>
      </c>
      <c r="F514">
        <v>1969.321136</v>
      </c>
      <c r="G514">
        <v>115.88902400000001</v>
      </c>
      <c r="H514">
        <v>1969.321136</v>
      </c>
      <c r="I514">
        <v>116.205456</v>
      </c>
      <c r="J514">
        <v>1969.321136</v>
      </c>
      <c r="K514">
        <v>117.462316</v>
      </c>
      <c r="L514">
        <v>1969.321136</v>
      </c>
      <c r="M514">
        <v>115.80950300000001</v>
      </c>
    </row>
    <row r="515" spans="2:13" x14ac:dyDescent="0.45">
      <c r="B515">
        <v>1971.2499519999999</v>
      </c>
      <c r="C515">
        <v>114.372714</v>
      </c>
      <c r="D515">
        <v>1971.2499519999999</v>
      </c>
      <c r="E515">
        <v>115.754542</v>
      </c>
      <c r="F515">
        <v>1971.2499519999999</v>
      </c>
      <c r="G515">
        <v>116.173154</v>
      </c>
      <c r="H515">
        <v>1971.2499519999999</v>
      </c>
      <c r="I515">
        <v>116.223555</v>
      </c>
      <c r="J515">
        <v>1971.2499519999999</v>
      </c>
      <c r="K515">
        <v>117.12712500000001</v>
      </c>
      <c r="L515">
        <v>1971.2499519999999</v>
      </c>
      <c r="M515">
        <v>116.007687</v>
      </c>
    </row>
    <row r="516" spans="2:13" x14ac:dyDescent="0.45">
      <c r="B516">
        <v>1973.178768</v>
      </c>
      <c r="C516">
        <v>114.33665499999999</v>
      </c>
      <c r="D516">
        <v>1973.178768</v>
      </c>
      <c r="E516">
        <v>115.666425</v>
      </c>
      <c r="F516">
        <v>1973.178768</v>
      </c>
      <c r="G516">
        <v>116.370132</v>
      </c>
      <c r="H516">
        <v>1973.178768</v>
      </c>
      <c r="I516">
        <v>116.297825</v>
      </c>
      <c r="J516">
        <v>1973.178768</v>
      </c>
      <c r="K516">
        <v>116.88139200000001</v>
      </c>
      <c r="L516">
        <v>1973.178768</v>
      </c>
      <c r="M516">
        <v>115.70490100000001</v>
      </c>
    </row>
    <row r="517" spans="2:13" x14ac:dyDescent="0.45">
      <c r="B517">
        <v>1975.1075840000001</v>
      </c>
      <c r="C517">
        <v>114.14561</v>
      </c>
      <c r="D517">
        <v>1975.1075840000001</v>
      </c>
      <c r="E517">
        <v>115.59573</v>
      </c>
      <c r="F517">
        <v>1975.1075840000001</v>
      </c>
      <c r="G517">
        <v>116.43097400000001</v>
      </c>
      <c r="H517">
        <v>1975.1075840000001</v>
      </c>
      <c r="I517">
        <v>116.868478</v>
      </c>
      <c r="J517">
        <v>1975.1075840000001</v>
      </c>
      <c r="K517">
        <v>117.21585399999999</v>
      </c>
      <c r="L517">
        <v>1975.1075840000001</v>
      </c>
      <c r="M517">
        <v>115.002404</v>
      </c>
    </row>
    <row r="518" spans="2:13" x14ac:dyDescent="0.45">
      <c r="B518">
        <v>1977.0364</v>
      </c>
      <c r="C518">
        <v>114.22401000000001</v>
      </c>
      <c r="D518">
        <v>1977.0364</v>
      </c>
      <c r="E518">
        <v>115.862323</v>
      </c>
      <c r="F518">
        <v>1977.0364</v>
      </c>
      <c r="G518">
        <v>116.212034</v>
      </c>
      <c r="H518">
        <v>1977.0364</v>
      </c>
      <c r="I518">
        <v>117.451599</v>
      </c>
      <c r="J518">
        <v>1977.0364</v>
      </c>
      <c r="K518">
        <v>117.27113300000001</v>
      </c>
      <c r="L518">
        <v>1977.0364</v>
      </c>
      <c r="M518">
        <v>114.56332</v>
      </c>
    </row>
    <row r="519" spans="2:13" x14ac:dyDescent="0.45">
      <c r="B519">
        <v>1978.9652160000001</v>
      </c>
      <c r="C519">
        <v>113.88615799999999</v>
      </c>
      <c r="D519">
        <v>1978.9652160000001</v>
      </c>
      <c r="E519">
        <v>115.393418</v>
      </c>
      <c r="F519">
        <v>1978.9652160000001</v>
      </c>
      <c r="G519">
        <v>116.78660499999999</v>
      </c>
      <c r="H519">
        <v>1978.9652160000001</v>
      </c>
      <c r="I519">
        <v>116.958905</v>
      </c>
      <c r="J519">
        <v>1978.9652160000001</v>
      </c>
      <c r="K519">
        <v>117.02499299999999</v>
      </c>
      <c r="L519">
        <v>1978.9652160000001</v>
      </c>
      <c r="M519">
        <v>114.51844199999999</v>
      </c>
    </row>
    <row r="520" spans="2:13" x14ac:dyDescent="0.45">
      <c r="B520">
        <v>1980.8940319999999</v>
      </c>
      <c r="C520">
        <v>113.706704</v>
      </c>
      <c r="D520">
        <v>1980.8940319999999</v>
      </c>
      <c r="E520">
        <v>115.13945</v>
      </c>
      <c r="F520">
        <v>1980.8940319999999</v>
      </c>
      <c r="G520">
        <v>116.813607</v>
      </c>
      <c r="H520">
        <v>1980.8940319999999</v>
      </c>
      <c r="I520">
        <v>116.247148</v>
      </c>
      <c r="J520">
        <v>1980.8940319999999</v>
      </c>
      <c r="K520">
        <v>117.056011</v>
      </c>
      <c r="L520">
        <v>1980.8940319999999</v>
      </c>
      <c r="M520">
        <v>114.739273</v>
      </c>
    </row>
    <row r="521" spans="2:13" x14ac:dyDescent="0.45">
      <c r="B521">
        <v>1982.822848</v>
      </c>
      <c r="C521">
        <v>113.742667</v>
      </c>
      <c r="D521">
        <v>1982.822848</v>
      </c>
      <c r="E521">
        <v>115.394628</v>
      </c>
      <c r="F521">
        <v>1982.822848</v>
      </c>
      <c r="G521">
        <v>116.55989700000001</v>
      </c>
      <c r="H521">
        <v>1982.822848</v>
      </c>
      <c r="I521">
        <v>115.940151</v>
      </c>
      <c r="J521">
        <v>1982.822848</v>
      </c>
      <c r="K521">
        <v>116.8954</v>
      </c>
      <c r="L521">
        <v>1982.822848</v>
      </c>
      <c r="M521">
        <v>115.064904</v>
      </c>
    </row>
    <row r="522" spans="2:13" x14ac:dyDescent="0.45">
      <c r="B522">
        <v>1984.7516639999999</v>
      </c>
      <c r="C522">
        <v>114.00155100000001</v>
      </c>
      <c r="D522">
        <v>1984.7516639999999</v>
      </c>
      <c r="E522">
        <v>115.76928700000001</v>
      </c>
      <c r="F522">
        <v>1984.7516639999999</v>
      </c>
      <c r="G522">
        <v>116.5831</v>
      </c>
      <c r="H522">
        <v>1984.7516639999999</v>
      </c>
      <c r="I522">
        <v>115.749842</v>
      </c>
      <c r="J522">
        <v>1984.7516639999999</v>
      </c>
      <c r="K522">
        <v>116.765747</v>
      </c>
      <c r="L522">
        <v>1984.7516639999999</v>
      </c>
      <c r="M522">
        <v>115.302993</v>
      </c>
    </row>
    <row r="523" spans="2:13" x14ac:dyDescent="0.45">
      <c r="B523">
        <v>1986.68048</v>
      </c>
      <c r="C523">
        <v>114.324029</v>
      </c>
      <c r="D523">
        <v>1986.68048</v>
      </c>
      <c r="E523">
        <v>115.698453</v>
      </c>
      <c r="F523">
        <v>1986.68048</v>
      </c>
      <c r="G523">
        <v>116.50303</v>
      </c>
      <c r="H523">
        <v>1986.68048</v>
      </c>
      <c r="I523">
        <v>116.05472399999999</v>
      </c>
      <c r="J523">
        <v>1986.68048</v>
      </c>
      <c r="K523">
        <v>116.978773</v>
      </c>
      <c r="L523">
        <v>1986.68048</v>
      </c>
      <c r="M523">
        <v>114.995237</v>
      </c>
    </row>
    <row r="524" spans="2:13" x14ac:dyDescent="0.45">
      <c r="B524">
        <v>1988.6092960000001</v>
      </c>
      <c r="C524">
        <v>114.33665499999999</v>
      </c>
      <c r="D524">
        <v>1988.6092960000001</v>
      </c>
      <c r="E524">
        <v>116.041444</v>
      </c>
      <c r="F524">
        <v>1988.6092960000001</v>
      </c>
      <c r="G524">
        <v>116.726403</v>
      </c>
      <c r="H524">
        <v>1988.6092960000001</v>
      </c>
      <c r="I524">
        <v>116.50617099999999</v>
      </c>
      <c r="J524">
        <v>1988.6092960000001</v>
      </c>
      <c r="K524">
        <v>117.274396</v>
      </c>
      <c r="L524">
        <v>1988.6092960000001</v>
      </c>
      <c r="M524">
        <v>115.007462</v>
      </c>
    </row>
    <row r="525" spans="2:13" x14ac:dyDescent="0.45">
      <c r="B525">
        <v>1990.538112</v>
      </c>
      <c r="C525">
        <v>114.406318</v>
      </c>
      <c r="D525">
        <v>1990.538112</v>
      </c>
      <c r="E525">
        <v>116.02745400000001</v>
      </c>
      <c r="F525">
        <v>1990.538112</v>
      </c>
      <c r="G525">
        <v>116.776768</v>
      </c>
      <c r="H525">
        <v>1990.538112</v>
      </c>
      <c r="I525">
        <v>116.227475</v>
      </c>
      <c r="J525">
        <v>1990.538112</v>
      </c>
      <c r="K525">
        <v>117.599795</v>
      </c>
      <c r="L525">
        <v>1990.538112</v>
      </c>
      <c r="M525">
        <v>114.873212</v>
      </c>
    </row>
    <row r="526" spans="2:13" x14ac:dyDescent="0.45">
      <c r="B526">
        <v>1992.4669280000001</v>
      </c>
      <c r="C526">
        <v>114.57436800000001</v>
      </c>
      <c r="D526">
        <v>1992.4669280000001</v>
      </c>
      <c r="E526">
        <v>115.473653</v>
      </c>
      <c r="F526">
        <v>1992.4669280000001</v>
      </c>
      <c r="G526">
        <v>116.44372199999999</v>
      </c>
      <c r="H526">
        <v>1992.4669280000001</v>
      </c>
      <c r="I526">
        <v>116.15264500000001</v>
      </c>
      <c r="J526">
        <v>1992.4669280000001</v>
      </c>
      <c r="K526">
        <v>117.99460500000001</v>
      </c>
      <c r="L526">
        <v>1992.4669280000001</v>
      </c>
      <c r="M526">
        <v>114.612627</v>
      </c>
    </row>
    <row r="527" spans="2:13" x14ac:dyDescent="0.45">
      <c r="B527">
        <v>1994.3957439999999</v>
      </c>
      <c r="C527">
        <v>114.725719</v>
      </c>
      <c r="D527">
        <v>1994.3957439999999</v>
      </c>
      <c r="E527">
        <v>115.764129</v>
      </c>
      <c r="F527">
        <v>1994.3957439999999</v>
      </c>
      <c r="G527">
        <v>116.372659</v>
      </c>
      <c r="H527">
        <v>1994.3957439999999</v>
      </c>
      <c r="I527">
        <v>116.450943</v>
      </c>
      <c r="J527">
        <v>1994.3957439999999</v>
      </c>
      <c r="K527">
        <v>117.489439</v>
      </c>
      <c r="L527">
        <v>1994.3957439999999</v>
      </c>
      <c r="M527">
        <v>114.877099</v>
      </c>
    </row>
    <row r="528" spans="2:13" x14ac:dyDescent="0.45">
      <c r="B528">
        <v>1996.32456</v>
      </c>
      <c r="C528">
        <v>114.43347900000001</v>
      </c>
      <c r="D528">
        <v>1996.32456</v>
      </c>
      <c r="E528">
        <v>116.019842</v>
      </c>
      <c r="F528">
        <v>1996.32456</v>
      </c>
      <c r="G528">
        <v>116.426982</v>
      </c>
      <c r="H528">
        <v>1996.32456</v>
      </c>
      <c r="I528">
        <v>116.314155</v>
      </c>
      <c r="J528">
        <v>1996.32456</v>
      </c>
      <c r="K528">
        <v>117.070804</v>
      </c>
      <c r="L528">
        <v>1996.32456</v>
      </c>
      <c r="M528">
        <v>115.340335</v>
      </c>
    </row>
    <row r="529" spans="2:13" x14ac:dyDescent="0.45">
      <c r="B529">
        <v>1998.2533759999999</v>
      </c>
      <c r="C529">
        <v>114.257002</v>
      </c>
      <c r="D529">
        <v>1998.2533759999999</v>
      </c>
      <c r="E529">
        <v>116.19005800000001</v>
      </c>
      <c r="F529">
        <v>1998.2533759999999</v>
      </c>
      <c r="G529">
        <v>116.526572</v>
      </c>
      <c r="H529">
        <v>1998.2533759999999</v>
      </c>
      <c r="I529">
        <v>116.78580100000001</v>
      </c>
      <c r="J529">
        <v>1998.2533759999999</v>
      </c>
      <c r="K529">
        <v>116.88637</v>
      </c>
      <c r="L529">
        <v>1998.2533759999999</v>
      </c>
      <c r="M529">
        <v>115.37282</v>
      </c>
    </row>
    <row r="530" spans="2:13" x14ac:dyDescent="0.45">
      <c r="B530">
        <v>2000.182192</v>
      </c>
      <c r="C530">
        <v>114.253401</v>
      </c>
      <c r="D530">
        <v>2000.182192</v>
      </c>
      <c r="E530">
        <v>116.27405400000001</v>
      </c>
      <c r="F530">
        <v>2000.182192</v>
      </c>
      <c r="G530">
        <v>116.61124599999999</v>
      </c>
      <c r="H530">
        <v>2000.182192</v>
      </c>
      <c r="I530">
        <v>117.296882</v>
      </c>
      <c r="J530">
        <v>2000.182192</v>
      </c>
      <c r="K530">
        <v>117.32312</v>
      </c>
      <c r="L530">
        <v>2000.182192</v>
      </c>
      <c r="M530">
        <v>115.40473900000001</v>
      </c>
    </row>
    <row r="531" spans="2:13" x14ac:dyDescent="0.45">
      <c r="B531">
        <v>2002.1110080000001</v>
      </c>
      <c r="C531">
        <v>114.314291</v>
      </c>
      <c r="D531">
        <v>2002.1110080000001</v>
      </c>
      <c r="E531">
        <v>116.216131</v>
      </c>
      <c r="F531">
        <v>2002.1110080000001</v>
      </c>
      <c r="G531">
        <v>116.56336899999999</v>
      </c>
      <c r="H531">
        <v>2002.1110080000001</v>
      </c>
      <c r="I531">
        <v>117.207735</v>
      </c>
      <c r="J531">
        <v>2002.1110080000001</v>
      </c>
      <c r="K531">
        <v>117.375462</v>
      </c>
      <c r="L531">
        <v>2002.1110080000001</v>
      </c>
      <c r="M531">
        <v>115.295474</v>
      </c>
    </row>
    <row r="532" spans="2:13" x14ac:dyDescent="0.45">
      <c r="B532">
        <v>2004.039824</v>
      </c>
      <c r="C532">
        <v>114.653019</v>
      </c>
      <c r="D532">
        <v>2004.039824</v>
      </c>
      <c r="E532">
        <v>115.916545</v>
      </c>
      <c r="F532">
        <v>2004.039824</v>
      </c>
      <c r="G532">
        <v>117.03234399999999</v>
      </c>
      <c r="H532">
        <v>2004.039824</v>
      </c>
      <c r="I532">
        <v>116.83199</v>
      </c>
      <c r="J532">
        <v>2004.039824</v>
      </c>
      <c r="K532">
        <v>117.079403</v>
      </c>
      <c r="L532">
        <v>2004.039824</v>
      </c>
      <c r="M532">
        <v>115.681549</v>
      </c>
    </row>
    <row r="533" spans="2:13" x14ac:dyDescent="0.45">
      <c r="B533">
        <v>2005.9686400000001</v>
      </c>
      <c r="C533">
        <v>114.591464</v>
      </c>
      <c r="D533">
        <v>2005.9686400000001</v>
      </c>
      <c r="E533">
        <v>115.267427</v>
      </c>
      <c r="F533">
        <v>2005.9686400000001</v>
      </c>
      <c r="G533">
        <v>117.318569</v>
      </c>
      <c r="H533">
        <v>2005.9686400000001</v>
      </c>
      <c r="I533">
        <v>116.842341</v>
      </c>
      <c r="J533">
        <v>2005.9686400000001</v>
      </c>
      <c r="K533">
        <v>117.66012600000001</v>
      </c>
      <c r="L533">
        <v>2005.9686400000001</v>
      </c>
      <c r="M533">
        <v>115.27753199999999</v>
      </c>
    </row>
    <row r="534" spans="2:13" x14ac:dyDescent="0.45">
      <c r="B534">
        <v>2007.8974559999999</v>
      </c>
      <c r="C534">
        <v>114.439503</v>
      </c>
      <c r="D534">
        <v>2007.8974559999999</v>
      </c>
      <c r="E534">
        <v>114.64233400000001</v>
      </c>
      <c r="F534">
        <v>2007.8974559999999</v>
      </c>
      <c r="G534">
        <v>117.682704</v>
      </c>
      <c r="H534">
        <v>2007.8974559999999</v>
      </c>
      <c r="I534">
        <v>117.255454</v>
      </c>
      <c r="J534">
        <v>2007.8974559999999</v>
      </c>
      <c r="K534">
        <v>117.613855</v>
      </c>
      <c r="L534">
        <v>2007.8974559999999</v>
      </c>
      <c r="M534">
        <v>115.024501</v>
      </c>
    </row>
    <row r="535" spans="2:13" x14ac:dyDescent="0.45">
      <c r="B535">
        <v>2009.826272</v>
      </c>
      <c r="C535">
        <v>114.69799</v>
      </c>
      <c r="D535">
        <v>2009.826272</v>
      </c>
      <c r="E535">
        <v>115.091646</v>
      </c>
      <c r="F535">
        <v>2009.826272</v>
      </c>
      <c r="G535">
        <v>118.023391</v>
      </c>
      <c r="H535">
        <v>2009.826272</v>
      </c>
      <c r="I535">
        <v>117.234298</v>
      </c>
      <c r="J535">
        <v>2009.826272</v>
      </c>
      <c r="K535">
        <v>117.161182</v>
      </c>
      <c r="L535">
        <v>2009.826272</v>
      </c>
      <c r="M535">
        <v>115.072165</v>
      </c>
    </row>
    <row r="536" spans="2:13" x14ac:dyDescent="0.45">
      <c r="B536">
        <v>2011.7550879999999</v>
      </c>
      <c r="C536">
        <v>114.504465</v>
      </c>
      <c r="D536">
        <v>2011.7550879999999</v>
      </c>
      <c r="E536">
        <v>116.25174200000001</v>
      </c>
      <c r="F536">
        <v>2011.7550879999999</v>
      </c>
      <c r="G536">
        <v>117.703146</v>
      </c>
      <c r="H536">
        <v>2011.7550879999999</v>
      </c>
      <c r="I536">
        <v>116.97080800000001</v>
      </c>
      <c r="J536">
        <v>2011.7550879999999</v>
      </c>
      <c r="K536">
        <v>117.491812</v>
      </c>
      <c r="L536">
        <v>2011.7550879999999</v>
      </c>
      <c r="M536">
        <v>115.415272</v>
      </c>
    </row>
    <row r="537" spans="2:13" x14ac:dyDescent="0.45">
      <c r="B537">
        <v>2013.683904</v>
      </c>
      <c r="C537">
        <v>114.34848100000001</v>
      </c>
      <c r="D537">
        <v>2013.683904</v>
      </c>
      <c r="E537">
        <v>116.12612200000001</v>
      </c>
      <c r="F537">
        <v>2013.683904</v>
      </c>
      <c r="G537">
        <v>117.378412</v>
      </c>
      <c r="H537">
        <v>2013.683904</v>
      </c>
      <c r="I537">
        <v>117.23426600000001</v>
      </c>
      <c r="J537">
        <v>2013.683904</v>
      </c>
      <c r="K537">
        <v>117.14112799999999</v>
      </c>
      <c r="L537">
        <v>2013.683904</v>
      </c>
      <c r="M537">
        <v>115.927798</v>
      </c>
    </row>
    <row r="538" spans="2:13" x14ac:dyDescent="0.45">
      <c r="B538">
        <v>2015.6127200000001</v>
      </c>
      <c r="C538">
        <v>114.795907</v>
      </c>
      <c r="D538">
        <v>2015.6127200000001</v>
      </c>
      <c r="E538">
        <v>115.894108</v>
      </c>
      <c r="F538">
        <v>2015.6127200000001</v>
      </c>
      <c r="G538">
        <v>117.081232</v>
      </c>
      <c r="H538">
        <v>2015.6127200000001</v>
      </c>
      <c r="I538">
        <v>117.332144</v>
      </c>
      <c r="J538">
        <v>2015.6127200000001</v>
      </c>
      <c r="K538">
        <v>117.184928</v>
      </c>
      <c r="L538">
        <v>2015.6127200000001</v>
      </c>
      <c r="M538">
        <v>116.204122</v>
      </c>
    </row>
    <row r="539" spans="2:13" x14ac:dyDescent="0.45">
      <c r="B539">
        <v>2017.541536</v>
      </c>
      <c r="C539">
        <v>114.97268099999999</v>
      </c>
      <c r="D539">
        <v>2017.541536</v>
      </c>
      <c r="E539">
        <v>116.38812900000001</v>
      </c>
      <c r="F539">
        <v>2017.541536</v>
      </c>
      <c r="G539">
        <v>117.253353</v>
      </c>
      <c r="H539">
        <v>2017.541536</v>
      </c>
      <c r="I539">
        <v>117.319748</v>
      </c>
      <c r="J539">
        <v>2017.541536</v>
      </c>
      <c r="K539">
        <v>117.79960199999999</v>
      </c>
      <c r="L539">
        <v>2017.541536</v>
      </c>
      <c r="M539">
        <v>115.91882099999999</v>
      </c>
    </row>
    <row r="540" spans="2:13" x14ac:dyDescent="0.45">
      <c r="B540">
        <v>2019.470352</v>
      </c>
      <c r="C540">
        <v>114.758348</v>
      </c>
      <c r="D540">
        <v>2019.470352</v>
      </c>
      <c r="E540">
        <v>116.800624</v>
      </c>
      <c r="F540">
        <v>2019.470352</v>
      </c>
      <c r="G540">
        <v>117.640479</v>
      </c>
      <c r="H540">
        <v>2019.470352</v>
      </c>
      <c r="I540">
        <v>117.2586</v>
      </c>
      <c r="J540">
        <v>2019.470352</v>
      </c>
      <c r="K540">
        <v>118.50612</v>
      </c>
      <c r="L540">
        <v>2019.470352</v>
      </c>
      <c r="M540">
        <v>116.04231</v>
      </c>
    </row>
    <row r="541" spans="2:13" x14ac:dyDescent="0.45">
      <c r="B541">
        <v>2021.3991679999999</v>
      </c>
      <c r="C541">
        <v>114.48311699999999</v>
      </c>
      <c r="D541">
        <v>2021.3991679999999</v>
      </c>
      <c r="E541">
        <v>116.48684900000001</v>
      </c>
      <c r="F541">
        <v>2021.3991679999999</v>
      </c>
      <c r="G541">
        <v>117.51231300000001</v>
      </c>
      <c r="H541">
        <v>2021.3991679999999</v>
      </c>
      <c r="I541">
        <v>117.640201</v>
      </c>
      <c r="J541">
        <v>2021.3991679999999</v>
      </c>
      <c r="K541">
        <v>118.113332</v>
      </c>
      <c r="L541">
        <v>2021.3991679999999</v>
      </c>
      <c r="M541">
        <v>115.618927</v>
      </c>
    </row>
    <row r="542" spans="2:13" x14ac:dyDescent="0.45">
      <c r="B542">
        <v>2023.327984</v>
      </c>
      <c r="C542">
        <v>114.40919</v>
      </c>
      <c r="D542">
        <v>2023.327984</v>
      </c>
      <c r="E542">
        <v>116.314864</v>
      </c>
      <c r="F542">
        <v>2023.327984</v>
      </c>
      <c r="G542">
        <v>117.800466</v>
      </c>
      <c r="H542">
        <v>2023.327984</v>
      </c>
      <c r="I542">
        <v>117.450851</v>
      </c>
      <c r="J542">
        <v>2023.327984</v>
      </c>
      <c r="K542">
        <v>117.526917</v>
      </c>
      <c r="L542">
        <v>2023.327984</v>
      </c>
      <c r="M542">
        <v>115.323021</v>
      </c>
    </row>
    <row r="543" spans="2:13" x14ac:dyDescent="0.45">
      <c r="B543">
        <v>2025.2568000000001</v>
      </c>
      <c r="C543">
        <v>114.56814300000001</v>
      </c>
      <c r="D543">
        <v>2025.2568000000001</v>
      </c>
      <c r="E543">
        <v>116.744321</v>
      </c>
      <c r="F543">
        <v>2025.2568000000001</v>
      </c>
      <c r="G543">
        <v>118.54655</v>
      </c>
      <c r="H543">
        <v>2025.2568000000001</v>
      </c>
      <c r="I543">
        <v>118.113496</v>
      </c>
      <c r="J543">
        <v>2025.2568000000001</v>
      </c>
      <c r="K543">
        <v>117.916814</v>
      </c>
      <c r="L543">
        <v>2025.2568000000001</v>
      </c>
      <c r="M543">
        <v>115.60803</v>
      </c>
    </row>
    <row r="544" spans="2:13" x14ac:dyDescent="0.45">
      <c r="B544">
        <v>2027.185616</v>
      </c>
      <c r="C544">
        <v>115.16611399999999</v>
      </c>
      <c r="D544">
        <v>2027.185616</v>
      </c>
      <c r="E544">
        <v>116.925611</v>
      </c>
      <c r="F544">
        <v>2027.185616</v>
      </c>
      <c r="G544">
        <v>118.455459</v>
      </c>
      <c r="H544">
        <v>2027.185616</v>
      </c>
      <c r="I544">
        <v>118.554996</v>
      </c>
      <c r="J544">
        <v>2027.185616</v>
      </c>
      <c r="K544">
        <v>118.408134</v>
      </c>
      <c r="L544">
        <v>2027.185616</v>
      </c>
      <c r="M544">
        <v>116.15466000000001</v>
      </c>
    </row>
    <row r="545" spans="2:13" x14ac:dyDescent="0.45">
      <c r="B545">
        <v>2029.1144320000001</v>
      </c>
      <c r="C545">
        <v>115.252551</v>
      </c>
      <c r="D545">
        <v>2029.1144320000001</v>
      </c>
      <c r="E545">
        <v>117.36187</v>
      </c>
      <c r="F545">
        <v>2029.1144320000001</v>
      </c>
      <c r="G545">
        <v>117.968959</v>
      </c>
      <c r="H545">
        <v>2029.1144320000001</v>
      </c>
      <c r="I545">
        <v>117.968153</v>
      </c>
      <c r="J545">
        <v>2029.1144320000001</v>
      </c>
      <c r="K545">
        <v>118.735748</v>
      </c>
      <c r="L545">
        <v>2029.1144320000001</v>
      </c>
      <c r="M545">
        <v>116.169392</v>
      </c>
    </row>
    <row r="546" spans="2:13" x14ac:dyDescent="0.45">
      <c r="B546">
        <v>2031.0432479999999</v>
      </c>
      <c r="C546">
        <v>114.636858</v>
      </c>
      <c r="D546">
        <v>2031.0432479999999</v>
      </c>
      <c r="E546">
        <v>117.36045800000001</v>
      </c>
      <c r="F546">
        <v>2031.0432479999999</v>
      </c>
      <c r="G546">
        <v>118.063509</v>
      </c>
      <c r="H546">
        <v>2031.0432479999999</v>
      </c>
      <c r="I546">
        <v>117.45612800000001</v>
      </c>
      <c r="J546">
        <v>2031.0432479999999</v>
      </c>
      <c r="K546">
        <v>119.190226</v>
      </c>
      <c r="L546">
        <v>2031.0432479999999</v>
      </c>
      <c r="M546">
        <v>115.645495</v>
      </c>
    </row>
    <row r="547" spans="2:13" x14ac:dyDescent="0.45">
      <c r="B547">
        <v>2032.972064</v>
      </c>
      <c r="C547">
        <v>114.60990700000001</v>
      </c>
      <c r="D547">
        <v>2032.972064</v>
      </c>
      <c r="E547">
        <v>117.077316</v>
      </c>
      <c r="F547">
        <v>2032.972064</v>
      </c>
      <c r="G547">
        <v>118.79570200000001</v>
      </c>
      <c r="H547">
        <v>2032.972064</v>
      </c>
      <c r="I547">
        <v>118.259382</v>
      </c>
      <c r="J547">
        <v>2032.972064</v>
      </c>
      <c r="K547">
        <v>119.355645</v>
      </c>
      <c r="L547">
        <v>2032.972064</v>
      </c>
      <c r="M547">
        <v>115.504206</v>
      </c>
    </row>
    <row r="548" spans="2:13" x14ac:dyDescent="0.45">
      <c r="B548">
        <v>2034.9008799999999</v>
      </c>
      <c r="C548">
        <v>114.96607899999999</v>
      </c>
      <c r="D548">
        <v>2034.9008799999999</v>
      </c>
      <c r="E548">
        <v>117.247838</v>
      </c>
      <c r="F548">
        <v>2034.9008799999999</v>
      </c>
      <c r="G548">
        <v>118.915183</v>
      </c>
      <c r="H548">
        <v>2034.9008799999999</v>
      </c>
      <c r="I548">
        <v>118.503699</v>
      </c>
      <c r="J548">
        <v>2034.9008799999999</v>
      </c>
      <c r="K548">
        <v>119.138256</v>
      </c>
      <c r="L548">
        <v>2034.9008799999999</v>
      </c>
      <c r="M548">
        <v>116.59867199999999</v>
      </c>
    </row>
    <row r="549" spans="2:13" x14ac:dyDescent="0.45">
      <c r="B549">
        <v>2036.829696</v>
      </c>
      <c r="C549">
        <v>114.805857</v>
      </c>
      <c r="D549">
        <v>2036.829696</v>
      </c>
      <c r="E549">
        <v>117.318618</v>
      </c>
      <c r="F549">
        <v>2036.829696</v>
      </c>
      <c r="G549">
        <v>118.156462</v>
      </c>
      <c r="H549">
        <v>2036.829696</v>
      </c>
      <c r="I549">
        <v>117.857057</v>
      </c>
      <c r="J549">
        <v>2036.829696</v>
      </c>
      <c r="K549">
        <v>118.481765</v>
      </c>
      <c r="L549">
        <v>2036.829696</v>
      </c>
      <c r="M549">
        <v>116.835092</v>
      </c>
    </row>
    <row r="550" spans="2:13" x14ac:dyDescent="0.45">
      <c r="B550">
        <v>2038.7585120000001</v>
      </c>
      <c r="C550">
        <v>114.640612</v>
      </c>
      <c r="D550">
        <v>2038.7585120000001</v>
      </c>
      <c r="E550">
        <v>116.828051</v>
      </c>
      <c r="F550">
        <v>2038.7585120000001</v>
      </c>
      <c r="G550">
        <v>118.102563</v>
      </c>
      <c r="H550">
        <v>2038.7585120000001</v>
      </c>
      <c r="I550">
        <v>117.475047</v>
      </c>
      <c r="J550">
        <v>2038.7585120000001</v>
      </c>
      <c r="K550">
        <v>118.43570200000001</v>
      </c>
      <c r="L550">
        <v>2038.7585120000001</v>
      </c>
      <c r="M550">
        <v>116.613005</v>
      </c>
    </row>
    <row r="551" spans="2:13" x14ac:dyDescent="0.45">
      <c r="B551">
        <v>2040.687328</v>
      </c>
      <c r="C551">
        <v>114.838955</v>
      </c>
      <c r="D551">
        <v>2040.687328</v>
      </c>
      <c r="E551">
        <v>116.80515</v>
      </c>
      <c r="F551">
        <v>2040.687328</v>
      </c>
      <c r="G551">
        <v>118.611463</v>
      </c>
      <c r="H551">
        <v>2040.687328</v>
      </c>
      <c r="I551">
        <v>117.945143</v>
      </c>
      <c r="J551">
        <v>2040.687328</v>
      </c>
      <c r="K551">
        <v>118.646112</v>
      </c>
      <c r="L551">
        <v>2040.687328</v>
      </c>
      <c r="M551">
        <v>116.930429</v>
      </c>
    </row>
    <row r="552" spans="2:13" x14ac:dyDescent="0.45">
      <c r="B552">
        <v>2042.6161440000001</v>
      </c>
      <c r="C552">
        <v>115.516869</v>
      </c>
      <c r="D552">
        <v>2042.6161440000001</v>
      </c>
      <c r="E552">
        <v>116.98317400000001</v>
      </c>
      <c r="F552">
        <v>2042.6161440000001</v>
      </c>
      <c r="G552">
        <v>118.46809500000001</v>
      </c>
      <c r="H552">
        <v>2042.6161440000001</v>
      </c>
      <c r="I552">
        <v>117.756569</v>
      </c>
      <c r="J552">
        <v>2042.6161440000001</v>
      </c>
      <c r="K552">
        <v>118.40154800000001</v>
      </c>
      <c r="L552">
        <v>2042.6161440000001</v>
      </c>
      <c r="M552">
        <v>116.53265399999999</v>
      </c>
    </row>
    <row r="553" spans="2:13" x14ac:dyDescent="0.45">
      <c r="B553">
        <v>2044.5449599999999</v>
      </c>
      <c r="C553">
        <v>115.810367</v>
      </c>
      <c r="D553">
        <v>2044.5449599999999</v>
      </c>
      <c r="E553">
        <v>116.823481</v>
      </c>
      <c r="F553">
        <v>2044.5449599999999</v>
      </c>
      <c r="G553">
        <v>117.999968</v>
      </c>
      <c r="H553">
        <v>2044.5449599999999</v>
      </c>
      <c r="I553">
        <v>117.32982</v>
      </c>
      <c r="J553">
        <v>2044.5449599999999</v>
      </c>
      <c r="K553">
        <v>118.096869</v>
      </c>
      <c r="L553">
        <v>2044.5449599999999</v>
      </c>
      <c r="M553">
        <v>116.192869</v>
      </c>
    </row>
    <row r="554" spans="2:13" x14ac:dyDescent="0.45">
      <c r="B554">
        <v>2046.473776</v>
      </c>
      <c r="C554">
        <v>115.374707</v>
      </c>
      <c r="D554">
        <v>2046.473776</v>
      </c>
      <c r="E554">
        <v>116.56404400000001</v>
      </c>
      <c r="F554">
        <v>2046.473776</v>
      </c>
      <c r="G554">
        <v>117.579432</v>
      </c>
      <c r="H554">
        <v>2046.473776</v>
      </c>
      <c r="I554">
        <v>117.28523300000001</v>
      </c>
      <c r="J554">
        <v>2046.473776</v>
      </c>
      <c r="K554">
        <v>118.078299</v>
      </c>
      <c r="L554">
        <v>2046.473776</v>
      </c>
      <c r="M554">
        <v>116.529642</v>
      </c>
    </row>
    <row r="555" spans="2:13" x14ac:dyDescent="0.45">
      <c r="B555">
        <v>2048.4025919999999</v>
      </c>
      <c r="C555">
        <v>115.187427</v>
      </c>
      <c r="D555">
        <v>2048.4025919999999</v>
      </c>
      <c r="E555">
        <v>116.356702</v>
      </c>
      <c r="F555">
        <v>2048.4025919999999</v>
      </c>
      <c r="G555">
        <v>117.66861900000001</v>
      </c>
      <c r="H555">
        <v>2048.4025919999999</v>
      </c>
      <c r="I555">
        <v>117.62572</v>
      </c>
      <c r="J555">
        <v>2048.4025919999999</v>
      </c>
      <c r="K555">
        <v>117.925392</v>
      </c>
      <c r="L555">
        <v>2048.4025919999999</v>
      </c>
      <c r="M555">
        <v>116.806736</v>
      </c>
    </row>
    <row r="556" spans="2:13" x14ac:dyDescent="0.45">
      <c r="B556">
        <v>2050.331408</v>
      </c>
      <c r="C556">
        <v>115.016161</v>
      </c>
      <c r="D556">
        <v>2050.331408</v>
      </c>
      <c r="E556">
        <v>116.14703800000001</v>
      </c>
      <c r="F556">
        <v>2050.331408</v>
      </c>
      <c r="G556">
        <v>117.60245999999999</v>
      </c>
      <c r="H556">
        <v>2050.331408</v>
      </c>
      <c r="I556">
        <v>117.100915</v>
      </c>
      <c r="J556">
        <v>2050.331408</v>
      </c>
      <c r="K556">
        <v>117.973968</v>
      </c>
      <c r="L556">
        <v>2050.331408</v>
      </c>
      <c r="M556">
        <v>116.80995900000001</v>
      </c>
    </row>
    <row r="557" spans="2:13" x14ac:dyDescent="0.45">
      <c r="B557">
        <v>2052.2602240000001</v>
      </c>
      <c r="C557">
        <v>114.95827</v>
      </c>
      <c r="D557">
        <v>2052.2602240000001</v>
      </c>
      <c r="E557">
        <v>116.496318</v>
      </c>
      <c r="F557">
        <v>2052.2602240000001</v>
      </c>
      <c r="G557">
        <v>117.406111</v>
      </c>
      <c r="H557">
        <v>2052.2602240000001</v>
      </c>
      <c r="I557">
        <v>116.943623</v>
      </c>
      <c r="J557">
        <v>2052.2602240000001</v>
      </c>
      <c r="K557">
        <v>118.116625</v>
      </c>
      <c r="L557">
        <v>2052.2602240000001</v>
      </c>
      <c r="M557">
        <v>116.952927</v>
      </c>
    </row>
    <row r="558" spans="2:13" x14ac:dyDescent="0.45">
      <c r="B558">
        <v>2054.1890400000002</v>
      </c>
      <c r="C558">
        <v>115.384503</v>
      </c>
      <c r="D558">
        <v>2054.1890400000002</v>
      </c>
      <c r="E558">
        <v>117.01456900000001</v>
      </c>
      <c r="F558">
        <v>2054.1890400000002</v>
      </c>
      <c r="G558">
        <v>117.347605</v>
      </c>
      <c r="H558">
        <v>2054.1890400000002</v>
      </c>
      <c r="I558">
        <v>116.882987</v>
      </c>
      <c r="J558">
        <v>2054.1890400000002</v>
      </c>
      <c r="K558">
        <v>117.772778</v>
      </c>
      <c r="L558">
        <v>2054.1890400000002</v>
      </c>
      <c r="M558">
        <v>117.04666899999999</v>
      </c>
    </row>
    <row r="559" spans="2:13" x14ac:dyDescent="0.45">
      <c r="B559">
        <v>2056.1178559999998</v>
      </c>
      <c r="C559">
        <v>115.33121300000001</v>
      </c>
      <c r="D559">
        <v>2056.1178559999998</v>
      </c>
      <c r="E559">
        <v>116.689002</v>
      </c>
      <c r="F559">
        <v>2056.1178559999998</v>
      </c>
      <c r="G559">
        <v>117.352492</v>
      </c>
      <c r="H559">
        <v>2056.1178559999998</v>
      </c>
      <c r="I559">
        <v>117.059015</v>
      </c>
      <c r="J559">
        <v>2056.1178559999998</v>
      </c>
      <c r="K559">
        <v>117.78535100000001</v>
      </c>
      <c r="L559">
        <v>2056.1178559999998</v>
      </c>
      <c r="M559">
        <v>116.766733</v>
      </c>
    </row>
    <row r="560" spans="2:13" x14ac:dyDescent="0.45">
      <c r="B560">
        <v>2058.0466719999999</v>
      </c>
      <c r="C560">
        <v>115.257687</v>
      </c>
      <c r="D560">
        <v>2058.0466719999999</v>
      </c>
      <c r="E560">
        <v>116.507549</v>
      </c>
      <c r="F560">
        <v>2058.0466719999999</v>
      </c>
      <c r="G560">
        <v>117.466486</v>
      </c>
      <c r="H560">
        <v>2058.0466719999999</v>
      </c>
      <c r="I560">
        <v>117.055474</v>
      </c>
      <c r="J560">
        <v>2058.0466719999999</v>
      </c>
      <c r="K560">
        <v>118.16177399999999</v>
      </c>
      <c r="L560">
        <v>2058.0466719999999</v>
      </c>
      <c r="M560">
        <v>116.798969</v>
      </c>
    </row>
    <row r="561" spans="2:13" x14ac:dyDescent="0.45">
      <c r="B561">
        <v>2059.975488</v>
      </c>
      <c r="C561">
        <v>115.375191</v>
      </c>
      <c r="D561">
        <v>2059.975488</v>
      </c>
      <c r="E561">
        <v>116.60591100000001</v>
      </c>
      <c r="F561">
        <v>2059.975488</v>
      </c>
      <c r="G561">
        <v>117.553522</v>
      </c>
      <c r="H561">
        <v>2059.975488</v>
      </c>
      <c r="I561">
        <v>116.671553</v>
      </c>
      <c r="J561">
        <v>2059.975488</v>
      </c>
      <c r="K561">
        <v>118.26732</v>
      </c>
      <c r="L561">
        <v>2059.975488</v>
      </c>
      <c r="M561">
        <v>117.02170599999999</v>
      </c>
    </row>
    <row r="562" spans="2:13" x14ac:dyDescent="0.45">
      <c r="B562">
        <v>2061.9043040000001</v>
      </c>
      <c r="C562">
        <v>115.541177</v>
      </c>
      <c r="D562">
        <v>2061.9043040000001</v>
      </c>
      <c r="E562">
        <v>116.58731300000001</v>
      </c>
      <c r="F562">
        <v>2061.9043040000001</v>
      </c>
      <c r="G562">
        <v>117.38873100000001</v>
      </c>
      <c r="H562">
        <v>2061.9043040000001</v>
      </c>
      <c r="I562">
        <v>116.495479</v>
      </c>
      <c r="J562">
        <v>2061.9043040000001</v>
      </c>
      <c r="K562">
        <v>117.793342</v>
      </c>
      <c r="L562">
        <v>2061.9043040000001</v>
      </c>
      <c r="M562">
        <v>117.07871900000001</v>
      </c>
    </row>
    <row r="563" spans="2:13" x14ac:dyDescent="0.45">
      <c r="B563">
        <v>2063.8331199999998</v>
      </c>
      <c r="C563">
        <v>115.686868</v>
      </c>
      <c r="D563">
        <v>2063.8331199999998</v>
      </c>
      <c r="E563">
        <v>116.605288</v>
      </c>
      <c r="F563">
        <v>2063.8331199999998</v>
      </c>
      <c r="G563">
        <v>116.954626</v>
      </c>
      <c r="H563">
        <v>2063.8331199999998</v>
      </c>
      <c r="I563">
        <v>116.816503</v>
      </c>
      <c r="J563">
        <v>2063.8331199999998</v>
      </c>
      <c r="K563">
        <v>117.347561</v>
      </c>
      <c r="L563">
        <v>2063.8331199999998</v>
      </c>
      <c r="M563">
        <v>117.025048</v>
      </c>
    </row>
    <row r="564" spans="2:13" x14ac:dyDescent="0.45">
      <c r="B564">
        <v>2065.7619359999999</v>
      </c>
      <c r="C564">
        <v>115.32307299999999</v>
      </c>
      <c r="D564">
        <v>2065.7619359999999</v>
      </c>
      <c r="E564">
        <v>116.63774000000001</v>
      </c>
      <c r="F564">
        <v>2065.7619359999999</v>
      </c>
      <c r="G564">
        <v>117.10366999999999</v>
      </c>
      <c r="H564">
        <v>2065.7619359999999</v>
      </c>
      <c r="I564">
        <v>116.78249700000001</v>
      </c>
      <c r="J564">
        <v>2065.7619359999999</v>
      </c>
      <c r="K564">
        <v>117.452974</v>
      </c>
      <c r="L564">
        <v>2065.7619359999999</v>
      </c>
      <c r="M564">
        <v>117.226941</v>
      </c>
    </row>
    <row r="565" spans="2:13" x14ac:dyDescent="0.45">
      <c r="B565">
        <v>2067.690752</v>
      </c>
      <c r="C565">
        <v>114.871512</v>
      </c>
      <c r="D565">
        <v>2067.690752</v>
      </c>
      <c r="E565">
        <v>116.69845500000001</v>
      </c>
      <c r="F565">
        <v>2067.690752</v>
      </c>
      <c r="G565">
        <v>117.389396</v>
      </c>
      <c r="H565">
        <v>2067.690752</v>
      </c>
      <c r="I565">
        <v>116.401443</v>
      </c>
      <c r="J565">
        <v>2067.690752</v>
      </c>
      <c r="K565">
        <v>117.70324100000001</v>
      </c>
      <c r="L565">
        <v>2067.690752</v>
      </c>
      <c r="M565">
        <v>117.34164</v>
      </c>
    </row>
    <row r="566" spans="2:13" x14ac:dyDescent="0.45">
      <c r="B566">
        <v>2069.6195680000001</v>
      </c>
      <c r="C566">
        <v>115.14370599999999</v>
      </c>
      <c r="D566">
        <v>2069.6195680000001</v>
      </c>
      <c r="E566">
        <v>116.68281</v>
      </c>
      <c r="F566">
        <v>2069.6195680000001</v>
      </c>
      <c r="G566">
        <v>117.543847</v>
      </c>
      <c r="H566">
        <v>2069.6195680000001</v>
      </c>
      <c r="I566">
        <v>116.36301</v>
      </c>
      <c r="J566">
        <v>2069.6195680000001</v>
      </c>
      <c r="K566">
        <v>117.833758</v>
      </c>
      <c r="L566">
        <v>2069.6195680000001</v>
      </c>
      <c r="M566">
        <v>117.296244</v>
      </c>
    </row>
    <row r="567" spans="2:13" x14ac:dyDescent="0.45">
      <c r="B567">
        <v>2071.5483840000002</v>
      </c>
      <c r="C567">
        <v>115.51956</v>
      </c>
      <c r="D567">
        <v>2071.5483840000002</v>
      </c>
      <c r="E567">
        <v>116.574344</v>
      </c>
      <c r="F567">
        <v>2071.5483840000002</v>
      </c>
      <c r="G567">
        <v>117.48517200000001</v>
      </c>
      <c r="H567">
        <v>2071.5483840000002</v>
      </c>
      <c r="I567">
        <v>116.618537</v>
      </c>
      <c r="J567">
        <v>2071.5483840000002</v>
      </c>
      <c r="K567">
        <v>117.675612</v>
      </c>
      <c r="L567">
        <v>2071.5483840000002</v>
      </c>
      <c r="M567">
        <v>116.978058</v>
      </c>
    </row>
    <row r="568" spans="2:13" x14ac:dyDescent="0.45">
      <c r="B568">
        <v>2073.4771999999998</v>
      </c>
      <c r="C568">
        <v>115.532433</v>
      </c>
      <c r="D568">
        <v>2073.4771999999998</v>
      </c>
      <c r="E568">
        <v>116.49621500000001</v>
      </c>
      <c r="F568">
        <v>2073.4771999999998</v>
      </c>
      <c r="G568">
        <v>117.176464</v>
      </c>
      <c r="H568">
        <v>2073.4771999999998</v>
      </c>
      <c r="I568">
        <v>116.562612</v>
      </c>
      <c r="J568">
        <v>2073.4771999999998</v>
      </c>
      <c r="K568">
        <v>117.5158</v>
      </c>
      <c r="L568">
        <v>2073.4771999999998</v>
      </c>
      <c r="M568">
        <v>116.764122</v>
      </c>
    </row>
    <row r="569" spans="2:13" x14ac:dyDescent="0.45">
      <c r="B569">
        <v>2075.4060159999999</v>
      </c>
      <c r="C569">
        <v>115.349637</v>
      </c>
      <c r="D569">
        <v>2075.4060159999999</v>
      </c>
      <c r="E569">
        <v>116.36475300000001</v>
      </c>
      <c r="F569">
        <v>2075.4060159999999</v>
      </c>
      <c r="G569">
        <v>116.912423</v>
      </c>
      <c r="H569">
        <v>2075.4060159999999</v>
      </c>
      <c r="I569">
        <v>116.396355</v>
      </c>
      <c r="J569">
        <v>2075.4060159999999</v>
      </c>
      <c r="K569">
        <v>117.428201</v>
      </c>
      <c r="L569">
        <v>2075.4060159999999</v>
      </c>
      <c r="M569">
        <v>116.577646</v>
      </c>
    </row>
    <row r="570" spans="2:13" x14ac:dyDescent="0.45">
      <c r="B570">
        <v>2077.334832</v>
      </c>
      <c r="C570">
        <v>115.222719</v>
      </c>
      <c r="D570">
        <v>2077.334832</v>
      </c>
      <c r="E570">
        <v>116.485733</v>
      </c>
      <c r="F570">
        <v>2077.334832</v>
      </c>
      <c r="G570">
        <v>116.75056600000001</v>
      </c>
      <c r="H570">
        <v>2077.334832</v>
      </c>
      <c r="I570">
        <v>116.070193</v>
      </c>
      <c r="J570">
        <v>2077.334832</v>
      </c>
      <c r="K570">
        <v>117.384929</v>
      </c>
      <c r="L570">
        <v>2077.334832</v>
      </c>
      <c r="M570">
        <v>116.717516</v>
      </c>
    </row>
    <row r="571" spans="2:13" x14ac:dyDescent="0.45">
      <c r="B571">
        <v>2079.2636480000001</v>
      </c>
      <c r="C571">
        <v>115.312386</v>
      </c>
      <c r="D571">
        <v>2079.2636480000001</v>
      </c>
      <c r="E571">
        <v>116.506083</v>
      </c>
      <c r="F571">
        <v>2079.2636480000001</v>
      </c>
      <c r="G571">
        <v>116.604478</v>
      </c>
      <c r="H571">
        <v>2079.2636480000001</v>
      </c>
      <c r="I571">
        <v>116.119337</v>
      </c>
      <c r="J571">
        <v>2079.2636480000001</v>
      </c>
      <c r="K571">
        <v>117.54855499999999</v>
      </c>
      <c r="L571">
        <v>2079.2636480000001</v>
      </c>
      <c r="M571">
        <v>116.665531</v>
      </c>
    </row>
    <row r="572" spans="2:13" x14ac:dyDescent="0.45">
      <c r="B572">
        <v>2081.1924640000002</v>
      </c>
      <c r="C572">
        <v>115.517122</v>
      </c>
      <c r="D572">
        <v>2081.1924640000002</v>
      </c>
      <c r="E572">
        <v>116.447208</v>
      </c>
      <c r="F572">
        <v>2081.1924640000002</v>
      </c>
      <c r="G572">
        <v>116.74957499999999</v>
      </c>
      <c r="H572">
        <v>2081.1924640000002</v>
      </c>
      <c r="I572">
        <v>116.288465</v>
      </c>
      <c r="J572">
        <v>2081.1924640000002</v>
      </c>
      <c r="K572">
        <v>117.51861700000001</v>
      </c>
      <c r="L572">
        <v>2081.1924640000002</v>
      </c>
      <c r="M572">
        <v>116.584287</v>
      </c>
    </row>
    <row r="573" spans="2:13" x14ac:dyDescent="0.45">
      <c r="B573">
        <v>2083.1212799999998</v>
      </c>
      <c r="C573">
        <v>115.517127</v>
      </c>
      <c r="D573">
        <v>2083.1212799999998</v>
      </c>
      <c r="E573">
        <v>116.10456000000001</v>
      </c>
      <c r="F573">
        <v>2083.1212799999998</v>
      </c>
      <c r="G573">
        <v>116.70841</v>
      </c>
      <c r="H573">
        <v>2083.1212799999998</v>
      </c>
      <c r="I573">
        <v>116.32665799999999</v>
      </c>
      <c r="J573">
        <v>2083.1212799999998</v>
      </c>
      <c r="K573">
        <v>117.451235</v>
      </c>
      <c r="L573">
        <v>2083.1212799999998</v>
      </c>
      <c r="M573">
        <v>116.590765</v>
      </c>
    </row>
    <row r="574" spans="2:13" x14ac:dyDescent="0.45">
      <c r="B574">
        <v>2085.0500959999999</v>
      </c>
      <c r="C574">
        <v>115.36076799999999</v>
      </c>
      <c r="D574">
        <v>2085.0500959999999</v>
      </c>
      <c r="E574">
        <v>115.826497</v>
      </c>
      <c r="F574">
        <v>2085.0500959999999</v>
      </c>
      <c r="G574">
        <v>116.61882300000001</v>
      </c>
      <c r="H574">
        <v>2085.0500959999999</v>
      </c>
      <c r="I574">
        <v>116.128822</v>
      </c>
      <c r="J574">
        <v>2085.0500959999999</v>
      </c>
      <c r="K574">
        <v>117.576785</v>
      </c>
      <c r="L574">
        <v>2085.0500959999999</v>
      </c>
      <c r="M574">
        <v>116.51459199999999</v>
      </c>
    </row>
    <row r="575" spans="2:13" x14ac:dyDescent="0.45">
      <c r="B575">
        <v>2086.978912</v>
      </c>
      <c r="C575">
        <v>115.22030599999999</v>
      </c>
      <c r="D575">
        <v>2086.978912</v>
      </c>
      <c r="E575">
        <v>116.063914</v>
      </c>
      <c r="F575">
        <v>2086.978912</v>
      </c>
      <c r="G575">
        <v>116.63414400000001</v>
      </c>
      <c r="H575">
        <v>2086.978912</v>
      </c>
      <c r="I575">
        <v>116.175674</v>
      </c>
      <c r="J575">
        <v>2086.978912</v>
      </c>
      <c r="K575">
        <v>117.651239</v>
      </c>
      <c r="L575">
        <v>2086.978912</v>
      </c>
      <c r="M575">
        <v>116.516263</v>
      </c>
    </row>
    <row r="576" spans="2:13" x14ac:dyDescent="0.45">
      <c r="B576">
        <v>2088.9077280000001</v>
      </c>
      <c r="C576">
        <v>115.23345399999999</v>
      </c>
      <c r="D576">
        <v>2088.9077280000001</v>
      </c>
      <c r="E576">
        <v>116.33984600000001</v>
      </c>
      <c r="F576">
        <v>2088.9077280000001</v>
      </c>
      <c r="G576">
        <v>116.70264</v>
      </c>
      <c r="H576">
        <v>2088.9077280000001</v>
      </c>
      <c r="I576">
        <v>116.183762</v>
      </c>
      <c r="J576">
        <v>2088.9077280000001</v>
      </c>
      <c r="K576">
        <v>117.24968200000001</v>
      </c>
      <c r="L576">
        <v>2088.9077280000001</v>
      </c>
      <c r="M576">
        <v>116.58429</v>
      </c>
    </row>
    <row r="577" spans="2:13" x14ac:dyDescent="0.45">
      <c r="B577">
        <v>2090.8365439999998</v>
      </c>
      <c r="C577">
        <v>115.222156</v>
      </c>
      <c r="D577">
        <v>2090.8365439999998</v>
      </c>
      <c r="E577">
        <v>116.268928</v>
      </c>
      <c r="F577">
        <v>2090.8365439999998</v>
      </c>
      <c r="G577">
        <v>116.668346</v>
      </c>
      <c r="H577">
        <v>2090.8365439999998</v>
      </c>
      <c r="I577">
        <v>115.994044</v>
      </c>
      <c r="J577">
        <v>2090.8365439999998</v>
      </c>
      <c r="K577">
        <v>117.065983</v>
      </c>
      <c r="L577">
        <v>2090.8365439999998</v>
      </c>
      <c r="M577">
        <v>116.726</v>
      </c>
    </row>
    <row r="578" spans="2:13" x14ac:dyDescent="0.45">
      <c r="B578">
        <v>2092.7653599999999</v>
      </c>
      <c r="C578">
        <v>115.219453</v>
      </c>
      <c r="D578">
        <v>2092.7653599999999</v>
      </c>
      <c r="E578">
        <v>116.127652</v>
      </c>
      <c r="F578">
        <v>2092.7653599999999</v>
      </c>
      <c r="G578">
        <v>116.58776400000001</v>
      </c>
      <c r="H578">
        <v>2092.7653599999999</v>
      </c>
      <c r="I578">
        <v>116.164648</v>
      </c>
      <c r="J578">
        <v>2092.7653599999999</v>
      </c>
      <c r="K578">
        <v>117.118754</v>
      </c>
      <c r="L578">
        <v>2092.7653599999999</v>
      </c>
      <c r="M578">
        <v>116.942775</v>
      </c>
    </row>
    <row r="579" spans="2:13" x14ac:dyDescent="0.45">
      <c r="B579">
        <v>2094.694176</v>
      </c>
      <c r="C579">
        <v>115.350371</v>
      </c>
      <c r="D579">
        <v>2094.694176</v>
      </c>
      <c r="E579">
        <v>116.07944500000001</v>
      </c>
      <c r="F579">
        <v>2094.694176</v>
      </c>
      <c r="G579">
        <v>116.32570800000001</v>
      </c>
      <c r="H579">
        <v>2094.694176</v>
      </c>
      <c r="I579">
        <v>116.404357</v>
      </c>
      <c r="J579">
        <v>2094.694176</v>
      </c>
      <c r="K579">
        <v>117.183357</v>
      </c>
      <c r="L579">
        <v>2094.694176</v>
      </c>
      <c r="M579">
        <v>116.94999799999999</v>
      </c>
    </row>
    <row r="580" spans="2:13" x14ac:dyDescent="0.45">
      <c r="B580">
        <v>2096.6229920000001</v>
      </c>
      <c r="C580">
        <v>115.622474</v>
      </c>
      <c r="D580">
        <v>2096.6229920000001</v>
      </c>
      <c r="E580">
        <v>116.051159</v>
      </c>
      <c r="F580">
        <v>2096.6229920000001</v>
      </c>
      <c r="G580">
        <v>116.064745</v>
      </c>
      <c r="H580">
        <v>2096.6229920000001</v>
      </c>
      <c r="I580">
        <v>116.025346</v>
      </c>
      <c r="J580">
        <v>2096.6229920000001</v>
      </c>
      <c r="K580">
        <v>117.029042</v>
      </c>
      <c r="L580">
        <v>2096.6229920000001</v>
      </c>
      <c r="M580">
        <v>116.82382800000001</v>
      </c>
    </row>
    <row r="581" spans="2:13" x14ac:dyDescent="0.45">
      <c r="B581">
        <v>2098.5518080000002</v>
      </c>
      <c r="C581">
        <v>115.57300600000001</v>
      </c>
      <c r="D581">
        <v>2098.5518080000002</v>
      </c>
      <c r="E581">
        <v>115.99952900000001</v>
      </c>
      <c r="F581">
        <v>2098.5518080000002</v>
      </c>
      <c r="G581">
        <v>116.18638900000001</v>
      </c>
      <c r="H581">
        <v>2098.5518080000002</v>
      </c>
      <c r="I581">
        <v>115.99618</v>
      </c>
      <c r="J581">
        <v>2098.5518080000002</v>
      </c>
      <c r="K581">
        <v>116.94924399999999</v>
      </c>
      <c r="L581">
        <v>2098.5518080000002</v>
      </c>
      <c r="M581">
        <v>116.609365</v>
      </c>
    </row>
    <row r="582" spans="2:13" x14ac:dyDescent="0.45">
      <c r="B582">
        <v>2100.4806239999998</v>
      </c>
      <c r="C582">
        <v>115.183466</v>
      </c>
      <c r="D582">
        <v>2100.4806239999998</v>
      </c>
      <c r="E582">
        <v>115.895976</v>
      </c>
      <c r="F582">
        <v>2100.4806239999998</v>
      </c>
      <c r="G582">
        <v>116.380791</v>
      </c>
      <c r="H582">
        <v>2100.4806239999998</v>
      </c>
      <c r="I582">
        <v>116.19219699999999</v>
      </c>
      <c r="J582">
        <v>2100.4806239999998</v>
      </c>
      <c r="K582">
        <v>117.109391</v>
      </c>
      <c r="L582">
        <v>2100.4806239999998</v>
      </c>
      <c r="M582">
        <v>116.41207900000001</v>
      </c>
    </row>
    <row r="583" spans="2:13" x14ac:dyDescent="0.45">
      <c r="B583">
        <v>2102.4094399999999</v>
      </c>
      <c r="C583">
        <v>114.919387</v>
      </c>
      <c r="D583">
        <v>2102.4094399999999</v>
      </c>
      <c r="E583">
        <v>115.896584</v>
      </c>
      <c r="F583">
        <v>2102.4094399999999</v>
      </c>
      <c r="G583">
        <v>116.492104</v>
      </c>
      <c r="H583">
        <v>2102.4094399999999</v>
      </c>
      <c r="I583">
        <v>116.224323</v>
      </c>
      <c r="J583">
        <v>2102.4094399999999</v>
      </c>
      <c r="K583">
        <v>117.246092</v>
      </c>
      <c r="L583">
        <v>2102.4094399999999</v>
      </c>
      <c r="M583">
        <v>116.488727</v>
      </c>
    </row>
    <row r="584" spans="2:13" x14ac:dyDescent="0.45">
      <c r="B584">
        <v>2104.338256</v>
      </c>
      <c r="C584">
        <v>115.090998</v>
      </c>
      <c r="D584">
        <v>2104.338256</v>
      </c>
      <c r="E584">
        <v>116.186161</v>
      </c>
      <c r="F584">
        <v>2104.338256</v>
      </c>
      <c r="G584">
        <v>116.514186</v>
      </c>
      <c r="H584">
        <v>2104.338256</v>
      </c>
      <c r="I584">
        <v>116.119541</v>
      </c>
      <c r="J584">
        <v>2104.338256</v>
      </c>
      <c r="K584">
        <v>117.107646</v>
      </c>
      <c r="L584">
        <v>2104.338256</v>
      </c>
      <c r="M584">
        <v>116.629835</v>
      </c>
    </row>
    <row r="585" spans="2:13" x14ac:dyDescent="0.45">
      <c r="B585">
        <v>2106.2670720000001</v>
      </c>
      <c r="C585">
        <v>115.201984</v>
      </c>
      <c r="D585">
        <v>2106.2670720000001</v>
      </c>
      <c r="E585">
        <v>116.30971700000001</v>
      </c>
      <c r="F585">
        <v>2106.2670720000001</v>
      </c>
      <c r="G585">
        <v>116.333377</v>
      </c>
      <c r="H585">
        <v>2106.2670720000001</v>
      </c>
      <c r="I585">
        <v>115.911868</v>
      </c>
      <c r="J585">
        <v>2106.2670720000001</v>
      </c>
      <c r="K585">
        <v>116.841763</v>
      </c>
      <c r="L585">
        <v>2106.2670720000001</v>
      </c>
      <c r="M585">
        <v>116.533205</v>
      </c>
    </row>
    <row r="586" spans="2:13" x14ac:dyDescent="0.45">
      <c r="B586">
        <v>2108.1958880000002</v>
      </c>
      <c r="C586">
        <v>115.216382</v>
      </c>
      <c r="D586">
        <v>2108.1958880000002</v>
      </c>
      <c r="E586">
        <v>116.125866</v>
      </c>
      <c r="F586">
        <v>2108.1958880000002</v>
      </c>
      <c r="G586">
        <v>116.372512</v>
      </c>
      <c r="H586">
        <v>2108.1958880000002</v>
      </c>
      <c r="I586">
        <v>115.63474100000001</v>
      </c>
      <c r="J586">
        <v>2108.1958880000002</v>
      </c>
      <c r="K586">
        <v>116.565757</v>
      </c>
      <c r="L586">
        <v>2108.1958880000002</v>
      </c>
      <c r="M586">
        <v>116.35177400000001</v>
      </c>
    </row>
    <row r="587" spans="2:13" x14ac:dyDescent="0.45">
      <c r="B587">
        <v>2110.1247039999998</v>
      </c>
      <c r="C587">
        <v>115.316158</v>
      </c>
      <c r="D587">
        <v>2110.1247039999998</v>
      </c>
      <c r="E587">
        <v>116.039576</v>
      </c>
      <c r="F587">
        <v>2110.1247039999998</v>
      </c>
      <c r="G587">
        <v>116.503438</v>
      </c>
      <c r="H587">
        <v>2110.1247039999998</v>
      </c>
      <c r="I587">
        <v>115.528491</v>
      </c>
      <c r="J587">
        <v>2110.1247039999998</v>
      </c>
      <c r="K587">
        <v>116.58199999999999</v>
      </c>
      <c r="L587">
        <v>2110.1247039999998</v>
      </c>
      <c r="M587">
        <v>116.23825100000001</v>
      </c>
    </row>
    <row r="588" spans="2:13" x14ac:dyDescent="0.45">
      <c r="B588">
        <v>2112.0535199999999</v>
      </c>
      <c r="C588">
        <v>115.37633599999999</v>
      </c>
      <c r="D588">
        <v>2112.0535199999999</v>
      </c>
      <c r="E588">
        <v>115.95406200000001</v>
      </c>
      <c r="F588">
        <v>2112.0535199999999</v>
      </c>
      <c r="G588">
        <v>116.282005</v>
      </c>
      <c r="H588">
        <v>2112.0535199999999</v>
      </c>
      <c r="I588">
        <v>115.555492</v>
      </c>
      <c r="J588">
        <v>2112.0535199999999</v>
      </c>
      <c r="K588">
        <v>116.901985</v>
      </c>
      <c r="L588">
        <v>2112.0535199999999</v>
      </c>
      <c r="M588">
        <v>116.258629</v>
      </c>
    </row>
    <row r="589" spans="2:13" x14ac:dyDescent="0.45">
      <c r="B589">
        <v>2113.982336</v>
      </c>
      <c r="C589">
        <v>115.28428599999999</v>
      </c>
      <c r="D589">
        <v>2113.982336</v>
      </c>
      <c r="E589">
        <v>115.971232</v>
      </c>
      <c r="F589">
        <v>2113.982336</v>
      </c>
      <c r="G589">
        <v>116.019417</v>
      </c>
      <c r="H589">
        <v>2113.982336</v>
      </c>
      <c r="I589">
        <v>115.478066</v>
      </c>
      <c r="J589">
        <v>2113.982336</v>
      </c>
      <c r="K589">
        <v>116.95526599999999</v>
      </c>
      <c r="L589">
        <v>2113.982336</v>
      </c>
      <c r="M589">
        <v>116.282275</v>
      </c>
    </row>
    <row r="590" spans="2:13" x14ac:dyDescent="0.45">
      <c r="B590">
        <v>2115.9111520000001</v>
      </c>
      <c r="C590">
        <v>115.203767</v>
      </c>
      <c r="D590">
        <v>2115.9111520000001</v>
      </c>
      <c r="E590">
        <v>115.90010700000001</v>
      </c>
      <c r="F590">
        <v>2115.9111520000001</v>
      </c>
      <c r="G590">
        <v>116.198335</v>
      </c>
      <c r="H590">
        <v>2115.9111520000001</v>
      </c>
      <c r="I590">
        <v>115.637728</v>
      </c>
      <c r="J590">
        <v>2115.9111520000001</v>
      </c>
      <c r="K590">
        <v>116.940449</v>
      </c>
      <c r="L590">
        <v>2115.9111520000001</v>
      </c>
      <c r="M590">
        <v>116.2384</v>
      </c>
    </row>
    <row r="591" spans="2:13" x14ac:dyDescent="0.45">
      <c r="B591">
        <v>2117.8399680000002</v>
      </c>
      <c r="C591">
        <v>115.313091</v>
      </c>
      <c r="D591">
        <v>2117.8399680000002</v>
      </c>
      <c r="E591">
        <v>115.70109500000001</v>
      </c>
      <c r="F591">
        <v>2117.8399680000002</v>
      </c>
      <c r="G591">
        <v>116.434107</v>
      </c>
      <c r="H591">
        <v>2117.8399680000002</v>
      </c>
      <c r="I591">
        <v>116.011742</v>
      </c>
      <c r="J591">
        <v>2117.8399680000002</v>
      </c>
      <c r="K591">
        <v>117.002003</v>
      </c>
      <c r="L591">
        <v>2117.8399680000002</v>
      </c>
      <c r="M591">
        <v>116.30914799999999</v>
      </c>
    </row>
    <row r="592" spans="2:13" x14ac:dyDescent="0.45">
      <c r="B592">
        <v>2119.7687839999999</v>
      </c>
      <c r="C592">
        <v>115.464612</v>
      </c>
      <c r="D592">
        <v>2119.7687839999999</v>
      </c>
      <c r="E592">
        <v>115.709633</v>
      </c>
      <c r="F592">
        <v>2119.7687839999999</v>
      </c>
      <c r="G592">
        <v>116.50583399999999</v>
      </c>
      <c r="H592">
        <v>2119.7687839999999</v>
      </c>
      <c r="I592">
        <v>116.088674</v>
      </c>
      <c r="J592">
        <v>2119.7687839999999</v>
      </c>
      <c r="K592">
        <v>117.094734</v>
      </c>
      <c r="L592">
        <v>2119.7687839999999</v>
      </c>
      <c r="M592">
        <v>116.33312100000001</v>
      </c>
    </row>
    <row r="593" spans="2:13" x14ac:dyDescent="0.45">
      <c r="B593">
        <v>2121.6976</v>
      </c>
      <c r="C593">
        <v>115.297614</v>
      </c>
      <c r="D593">
        <v>2121.6976</v>
      </c>
      <c r="E593">
        <v>115.547252</v>
      </c>
      <c r="F593">
        <v>2121.6976</v>
      </c>
      <c r="G593">
        <v>116.42655499999999</v>
      </c>
      <c r="H593">
        <v>2121.6976</v>
      </c>
      <c r="I593">
        <v>115.838229</v>
      </c>
      <c r="J593">
        <v>2121.6976</v>
      </c>
      <c r="K593">
        <v>117.13623699999999</v>
      </c>
      <c r="L593">
        <v>2121.6976</v>
      </c>
      <c r="M593">
        <v>116.268947</v>
      </c>
    </row>
    <row r="594" spans="2:13" x14ac:dyDescent="0.45">
      <c r="B594">
        <v>2123.6264160000001</v>
      </c>
      <c r="C594">
        <v>115.321153</v>
      </c>
      <c r="D594">
        <v>2123.6264160000001</v>
      </c>
      <c r="E594">
        <v>115.744574</v>
      </c>
      <c r="F594">
        <v>2123.6264160000001</v>
      </c>
      <c r="G594">
        <v>116.295315</v>
      </c>
      <c r="H594">
        <v>2123.6264160000001</v>
      </c>
      <c r="I594">
        <v>115.622338</v>
      </c>
      <c r="J594">
        <v>2123.6264160000001</v>
      </c>
      <c r="K594">
        <v>116.974587</v>
      </c>
      <c r="L594">
        <v>2123.6264160000001</v>
      </c>
      <c r="M594">
        <v>116.41452700000001</v>
      </c>
    </row>
    <row r="595" spans="2:13" x14ac:dyDescent="0.45">
      <c r="B595">
        <v>2125.5552320000002</v>
      </c>
      <c r="C595">
        <v>115.249336</v>
      </c>
      <c r="D595">
        <v>2125.5552320000002</v>
      </c>
      <c r="E595">
        <v>116.142043</v>
      </c>
      <c r="F595">
        <v>2125.5552320000002</v>
      </c>
      <c r="G595">
        <v>116.37264999999999</v>
      </c>
      <c r="H595">
        <v>2125.5552320000002</v>
      </c>
      <c r="I595">
        <v>115.781766</v>
      </c>
      <c r="J595">
        <v>2125.5552320000002</v>
      </c>
      <c r="K595">
        <v>116.793763</v>
      </c>
      <c r="L595">
        <v>2125.5552320000002</v>
      </c>
      <c r="M595">
        <v>116.565499</v>
      </c>
    </row>
    <row r="596" spans="2:13" x14ac:dyDescent="0.45">
      <c r="B596">
        <v>2127.4840479999998</v>
      </c>
      <c r="C596">
        <v>115.366922</v>
      </c>
      <c r="D596">
        <v>2127.4840479999998</v>
      </c>
      <c r="E596">
        <v>116.08497</v>
      </c>
      <c r="F596">
        <v>2127.4840479999998</v>
      </c>
      <c r="G596">
        <v>116.47342999999999</v>
      </c>
      <c r="H596">
        <v>2127.4840479999998</v>
      </c>
      <c r="I596">
        <v>115.794049</v>
      </c>
      <c r="J596">
        <v>2127.4840479999998</v>
      </c>
      <c r="K596">
        <v>116.724729</v>
      </c>
      <c r="L596">
        <v>2127.4840479999998</v>
      </c>
      <c r="M596">
        <v>116.542219</v>
      </c>
    </row>
    <row r="597" spans="2:13" x14ac:dyDescent="0.45">
      <c r="B597">
        <v>2129.4128639999999</v>
      </c>
      <c r="C597">
        <v>115.41960400000001</v>
      </c>
      <c r="D597">
        <v>2129.4128639999999</v>
      </c>
      <c r="E597">
        <v>116.04282600000001</v>
      </c>
      <c r="F597">
        <v>2129.4128639999999</v>
      </c>
      <c r="G597">
        <v>116.55691400000001</v>
      </c>
      <c r="H597">
        <v>2129.4128639999999</v>
      </c>
      <c r="I597">
        <v>115.95336500000001</v>
      </c>
      <c r="J597">
        <v>2129.4128639999999</v>
      </c>
      <c r="K597">
        <v>116.99556699999999</v>
      </c>
      <c r="L597">
        <v>2129.4128639999999</v>
      </c>
      <c r="M597">
        <v>116.626175</v>
      </c>
    </row>
    <row r="598" spans="2:13" x14ac:dyDescent="0.45">
      <c r="B598">
        <v>2131.34168</v>
      </c>
      <c r="C598">
        <v>115.536343</v>
      </c>
      <c r="D598">
        <v>2131.34168</v>
      </c>
      <c r="E598">
        <v>116.151906</v>
      </c>
      <c r="F598">
        <v>2131.34168</v>
      </c>
      <c r="G598">
        <v>116.52210700000001</v>
      </c>
      <c r="H598">
        <v>2131.34168</v>
      </c>
      <c r="I598">
        <v>116.219234</v>
      </c>
      <c r="J598">
        <v>2131.34168</v>
      </c>
      <c r="K598">
        <v>117.37469400000001</v>
      </c>
      <c r="L598">
        <v>2131.34168</v>
      </c>
      <c r="M598">
        <v>116.80255699999999</v>
      </c>
    </row>
    <row r="599" spans="2:13" x14ac:dyDescent="0.45">
      <c r="B599">
        <v>2133.2704960000001</v>
      </c>
      <c r="C599">
        <v>115.55997000000001</v>
      </c>
      <c r="D599">
        <v>2133.2704960000001</v>
      </c>
      <c r="E599">
        <v>116.089562</v>
      </c>
      <c r="F599">
        <v>2133.2704960000001</v>
      </c>
      <c r="G599">
        <v>116.41573</v>
      </c>
      <c r="H599">
        <v>2133.2704960000001</v>
      </c>
      <c r="I599">
        <v>116.42025700000001</v>
      </c>
      <c r="J599">
        <v>2133.2704960000001</v>
      </c>
      <c r="K599">
        <v>117.403902</v>
      </c>
      <c r="L599">
        <v>2133.2704960000001</v>
      </c>
      <c r="M599">
        <v>116.804068</v>
      </c>
    </row>
    <row r="600" spans="2:13" x14ac:dyDescent="0.45">
      <c r="B600">
        <v>2135.1993120000002</v>
      </c>
      <c r="C600">
        <v>115.614912</v>
      </c>
      <c r="D600">
        <v>2135.1993120000002</v>
      </c>
      <c r="E600">
        <v>115.767661</v>
      </c>
      <c r="F600">
        <v>2135.1993120000002</v>
      </c>
      <c r="G600">
        <v>116.58611000000001</v>
      </c>
      <c r="H600">
        <v>2135.1993120000002</v>
      </c>
      <c r="I600">
        <v>116.246554</v>
      </c>
      <c r="J600">
        <v>2135.1993120000002</v>
      </c>
      <c r="K600">
        <v>117.606883</v>
      </c>
      <c r="L600">
        <v>2135.1993120000002</v>
      </c>
      <c r="M600">
        <v>116.678695</v>
      </c>
    </row>
    <row r="601" spans="2:13" x14ac:dyDescent="0.45">
      <c r="B601">
        <v>2137.1281279999998</v>
      </c>
      <c r="C601">
        <v>115.64421299999999</v>
      </c>
      <c r="D601">
        <v>2137.1281279999998</v>
      </c>
      <c r="E601">
        <v>115.749075</v>
      </c>
      <c r="F601">
        <v>2137.1281279999998</v>
      </c>
      <c r="G601">
        <v>116.515089</v>
      </c>
      <c r="H601">
        <v>2137.1281279999998</v>
      </c>
      <c r="I601">
        <v>116.134874</v>
      </c>
      <c r="J601">
        <v>2137.1281279999998</v>
      </c>
      <c r="K601">
        <v>117.66176400000001</v>
      </c>
      <c r="L601">
        <v>2137.1281279999998</v>
      </c>
      <c r="M601">
        <v>116.348254</v>
      </c>
    </row>
    <row r="602" spans="2:13" x14ac:dyDescent="0.45">
      <c r="B602">
        <v>2139.0569439999999</v>
      </c>
      <c r="C602">
        <v>115.855204</v>
      </c>
      <c r="D602">
        <v>2139.0569439999999</v>
      </c>
      <c r="E602">
        <v>115.888711</v>
      </c>
      <c r="F602">
        <v>2139.0569439999999</v>
      </c>
      <c r="G602">
        <v>116.549528</v>
      </c>
      <c r="H602">
        <v>2139.0569439999999</v>
      </c>
      <c r="I602">
        <v>116.561295</v>
      </c>
      <c r="J602">
        <v>2139.0569439999999</v>
      </c>
      <c r="K602">
        <v>117.45844200000001</v>
      </c>
      <c r="L602">
        <v>2139.0569439999999</v>
      </c>
      <c r="M602">
        <v>116.303237</v>
      </c>
    </row>
    <row r="603" spans="2:13" x14ac:dyDescent="0.45">
      <c r="B603">
        <v>2140.98576</v>
      </c>
      <c r="C603">
        <v>115.84987099999999</v>
      </c>
      <c r="D603">
        <v>2140.98576</v>
      </c>
      <c r="E603">
        <v>116.35197700000001</v>
      </c>
      <c r="F603">
        <v>2140.98576</v>
      </c>
      <c r="G603">
        <v>116.739315</v>
      </c>
      <c r="H603">
        <v>2140.98576</v>
      </c>
      <c r="I603">
        <v>116.80685</v>
      </c>
      <c r="J603">
        <v>2140.98576</v>
      </c>
      <c r="K603">
        <v>117.242099</v>
      </c>
      <c r="L603">
        <v>2140.98576</v>
      </c>
      <c r="M603">
        <v>116.833001</v>
      </c>
    </row>
    <row r="604" spans="2:13" x14ac:dyDescent="0.45">
      <c r="B604">
        <v>2142.9145760000001</v>
      </c>
      <c r="C604">
        <v>115.49594999999999</v>
      </c>
      <c r="D604">
        <v>2142.9145760000001</v>
      </c>
      <c r="E604">
        <v>116.768445</v>
      </c>
      <c r="F604">
        <v>2142.9145760000001</v>
      </c>
      <c r="G604">
        <v>116.980998</v>
      </c>
      <c r="H604">
        <v>2142.9145760000001</v>
      </c>
      <c r="I604">
        <v>116.42727499999999</v>
      </c>
      <c r="J604">
        <v>2142.9145760000001</v>
      </c>
      <c r="K604">
        <v>117.331701</v>
      </c>
      <c r="L604">
        <v>2142.9145760000001</v>
      </c>
      <c r="M604">
        <v>117.245019</v>
      </c>
    </row>
    <row r="605" spans="2:13" x14ac:dyDescent="0.45">
      <c r="B605">
        <v>2144.8433920000002</v>
      </c>
      <c r="C605">
        <v>115.37338099999999</v>
      </c>
      <c r="D605">
        <v>2144.8433920000002</v>
      </c>
      <c r="E605">
        <v>116.914236</v>
      </c>
      <c r="F605">
        <v>2144.8433920000002</v>
      </c>
      <c r="G605">
        <v>117.30273099999999</v>
      </c>
      <c r="H605">
        <v>2144.8433920000002</v>
      </c>
      <c r="I605">
        <v>116.071011</v>
      </c>
      <c r="J605">
        <v>2144.8433920000002</v>
      </c>
      <c r="K605">
        <v>117.38158199999999</v>
      </c>
      <c r="L605">
        <v>2144.8433920000002</v>
      </c>
      <c r="M605">
        <v>117.788937</v>
      </c>
    </row>
    <row r="606" spans="2:13" x14ac:dyDescent="0.45">
      <c r="B606">
        <v>2146.7722079999999</v>
      </c>
      <c r="C606">
        <v>116.123406</v>
      </c>
      <c r="D606">
        <v>2146.7722079999999</v>
      </c>
      <c r="E606">
        <v>116.705687</v>
      </c>
      <c r="F606">
        <v>2146.7722079999999</v>
      </c>
      <c r="G606">
        <v>117.483341</v>
      </c>
      <c r="H606">
        <v>2146.7722079999999</v>
      </c>
      <c r="I606">
        <v>116.13887200000001</v>
      </c>
      <c r="J606">
        <v>2146.7722079999999</v>
      </c>
      <c r="K606">
        <v>117.73533999999999</v>
      </c>
      <c r="L606">
        <v>2146.7722079999999</v>
      </c>
      <c r="M606">
        <v>117.941981</v>
      </c>
    </row>
    <row r="607" spans="2:13" x14ac:dyDescent="0.45">
      <c r="B607">
        <v>2148.701024</v>
      </c>
      <c r="C607">
        <v>116.559336</v>
      </c>
      <c r="D607">
        <v>2148.701024</v>
      </c>
      <c r="E607">
        <v>116.423185</v>
      </c>
      <c r="F607">
        <v>2148.701024</v>
      </c>
      <c r="G607">
        <v>117.277714</v>
      </c>
      <c r="H607">
        <v>2148.701024</v>
      </c>
      <c r="I607">
        <v>116.18283700000001</v>
      </c>
      <c r="J607">
        <v>2148.701024</v>
      </c>
      <c r="K607">
        <v>118.18262</v>
      </c>
      <c r="L607">
        <v>2148.701024</v>
      </c>
      <c r="M607">
        <v>117.481517</v>
      </c>
    </row>
    <row r="608" spans="2:13" x14ac:dyDescent="0.45">
      <c r="B608">
        <v>2150.6298400000001</v>
      </c>
      <c r="C608">
        <v>116.35229200000001</v>
      </c>
      <c r="D608">
        <v>2150.6298400000001</v>
      </c>
      <c r="E608">
        <v>116.84567</v>
      </c>
      <c r="F608">
        <v>2150.6298400000001</v>
      </c>
      <c r="G608">
        <v>116.80927200000001</v>
      </c>
      <c r="H608">
        <v>2150.6298400000001</v>
      </c>
      <c r="I608">
        <v>116.527923</v>
      </c>
      <c r="J608">
        <v>2150.6298400000001</v>
      </c>
      <c r="K608">
        <v>118.059831</v>
      </c>
      <c r="L608">
        <v>2150.6298400000001</v>
      </c>
      <c r="M608">
        <v>116.871211</v>
      </c>
    </row>
    <row r="609" spans="2:13" x14ac:dyDescent="0.45">
      <c r="B609">
        <v>2152.5586560000002</v>
      </c>
      <c r="C609">
        <v>115.847437</v>
      </c>
      <c r="D609">
        <v>2152.5586560000002</v>
      </c>
      <c r="E609">
        <v>116.907759</v>
      </c>
      <c r="F609">
        <v>2152.5586560000002</v>
      </c>
      <c r="G609">
        <v>117.215193</v>
      </c>
      <c r="H609">
        <v>2152.5586560000002</v>
      </c>
      <c r="I609">
        <v>116.940449</v>
      </c>
      <c r="J609">
        <v>2152.5586560000002</v>
      </c>
      <c r="K609">
        <v>117.932551</v>
      </c>
      <c r="L609">
        <v>2152.5586560000002</v>
      </c>
      <c r="M609">
        <v>117.150718</v>
      </c>
    </row>
    <row r="610" spans="2:13" x14ac:dyDescent="0.45">
      <c r="B610">
        <v>2154.4874719999998</v>
      </c>
      <c r="C610">
        <v>115.863105</v>
      </c>
      <c r="D610">
        <v>2154.4874719999998</v>
      </c>
      <c r="E610">
        <v>116.86496100000001</v>
      </c>
      <c r="F610">
        <v>2154.4874719999998</v>
      </c>
      <c r="G610">
        <v>117.057059</v>
      </c>
      <c r="H610">
        <v>2154.4874719999998</v>
      </c>
      <c r="I610">
        <v>117.170772</v>
      </c>
      <c r="J610">
        <v>2154.4874719999998</v>
      </c>
      <c r="K610">
        <v>118.321349</v>
      </c>
      <c r="L610">
        <v>2154.4874719999998</v>
      </c>
      <c r="M610">
        <v>117.65222300000001</v>
      </c>
    </row>
    <row r="611" spans="2:13" x14ac:dyDescent="0.45">
      <c r="B611">
        <v>2156.4162879999999</v>
      </c>
      <c r="C611">
        <v>116.232826</v>
      </c>
      <c r="D611">
        <v>2156.4162879999999</v>
      </c>
      <c r="E611">
        <v>117.235366</v>
      </c>
      <c r="F611">
        <v>2156.4162879999999</v>
      </c>
      <c r="G611">
        <v>117.085142</v>
      </c>
      <c r="H611">
        <v>2156.4162879999999</v>
      </c>
      <c r="I611">
        <v>117.88983899999999</v>
      </c>
      <c r="J611">
        <v>2156.4162879999999</v>
      </c>
      <c r="K611">
        <v>118.289511</v>
      </c>
      <c r="L611">
        <v>2156.4162879999999</v>
      </c>
      <c r="M611">
        <v>117.62406</v>
      </c>
    </row>
    <row r="612" spans="2:13" x14ac:dyDescent="0.45">
      <c r="B612">
        <v>2158.345104</v>
      </c>
      <c r="C612">
        <v>116.499876</v>
      </c>
      <c r="D612">
        <v>2158.345104</v>
      </c>
      <c r="E612">
        <v>117.50720700000001</v>
      </c>
      <c r="F612">
        <v>2158.345104</v>
      </c>
      <c r="G612">
        <v>117.92738799999999</v>
      </c>
      <c r="H612">
        <v>2158.345104</v>
      </c>
      <c r="I612">
        <v>118.354204</v>
      </c>
      <c r="J612">
        <v>2158.345104</v>
      </c>
      <c r="K612">
        <v>117.48690999999999</v>
      </c>
      <c r="L612">
        <v>2158.345104</v>
      </c>
      <c r="M612">
        <v>117.601119</v>
      </c>
    </row>
    <row r="613" spans="2:13" x14ac:dyDescent="0.45">
      <c r="B613">
        <v>2160.2739200000001</v>
      </c>
      <c r="C613">
        <v>116.294116</v>
      </c>
      <c r="D613">
        <v>2160.2739200000001</v>
      </c>
      <c r="E613">
        <v>117.511484</v>
      </c>
      <c r="F613">
        <v>2160.2739200000001</v>
      </c>
      <c r="G613">
        <v>118.70257100000001</v>
      </c>
      <c r="H613">
        <v>2160.2739200000001</v>
      </c>
      <c r="I613">
        <v>117.967457</v>
      </c>
      <c r="J613">
        <v>2160.2739200000001</v>
      </c>
      <c r="K613">
        <v>118.053488</v>
      </c>
      <c r="L613">
        <v>2160.2739200000001</v>
      </c>
      <c r="M613">
        <v>117.94480299999999</v>
      </c>
    </row>
    <row r="614" spans="2:13" x14ac:dyDescent="0.45">
      <c r="B614">
        <v>2162.2027360000002</v>
      </c>
      <c r="C614">
        <v>116.280224</v>
      </c>
      <c r="D614">
        <v>2162.2027360000002</v>
      </c>
      <c r="E614">
        <v>117.289187</v>
      </c>
      <c r="F614">
        <v>2162.2027360000002</v>
      </c>
      <c r="G614">
        <v>118.114284</v>
      </c>
      <c r="H614">
        <v>2162.2027360000002</v>
      </c>
      <c r="I614">
        <v>116.68490300000001</v>
      </c>
      <c r="J614">
        <v>2162.2027360000002</v>
      </c>
      <c r="K614">
        <v>118.043226</v>
      </c>
      <c r="L614">
        <v>2162.2027360000002</v>
      </c>
      <c r="M614">
        <v>118.11497300000001</v>
      </c>
    </row>
    <row r="615" spans="2:13" x14ac:dyDescent="0.45">
      <c r="B615">
        <v>2164.1315519999998</v>
      </c>
      <c r="C615">
        <v>116.23630900000001</v>
      </c>
      <c r="D615">
        <v>2164.1315519999998</v>
      </c>
      <c r="E615">
        <v>116.567429</v>
      </c>
      <c r="F615">
        <v>2164.1315519999998</v>
      </c>
      <c r="G615">
        <v>117.320291</v>
      </c>
      <c r="H615">
        <v>2164.1315519999998</v>
      </c>
      <c r="I615">
        <v>116.03653</v>
      </c>
      <c r="J615">
        <v>2164.1315519999998</v>
      </c>
      <c r="K615">
        <v>118.06343099999999</v>
      </c>
      <c r="L615">
        <v>2164.1315519999998</v>
      </c>
      <c r="M615">
        <v>117.40654000000001</v>
      </c>
    </row>
    <row r="616" spans="2:13" x14ac:dyDescent="0.45">
      <c r="B616">
        <v>2166.0603679999999</v>
      </c>
      <c r="C616">
        <v>115.987188</v>
      </c>
      <c r="D616">
        <v>2166.0603679999999</v>
      </c>
      <c r="E616">
        <v>116.09839700000001</v>
      </c>
      <c r="F616">
        <v>2166.0603679999999</v>
      </c>
      <c r="G616">
        <v>116.860367</v>
      </c>
      <c r="H616">
        <v>2166.0603679999999</v>
      </c>
      <c r="I616">
        <v>116.186804</v>
      </c>
      <c r="J616">
        <v>2166.0603679999999</v>
      </c>
      <c r="K616">
        <v>117.992424</v>
      </c>
      <c r="L616">
        <v>2166.0603679999999</v>
      </c>
      <c r="M616">
        <v>116.498509</v>
      </c>
    </row>
    <row r="617" spans="2:13" x14ac:dyDescent="0.45">
      <c r="B617">
        <v>2167.989184</v>
      </c>
      <c r="C617">
        <v>115.628158</v>
      </c>
      <c r="D617">
        <v>2167.989184</v>
      </c>
      <c r="E617">
        <v>115.953598</v>
      </c>
      <c r="F617">
        <v>2167.989184</v>
      </c>
      <c r="G617">
        <v>117.145355</v>
      </c>
      <c r="H617">
        <v>2167.989184</v>
      </c>
      <c r="I617">
        <v>116.63029400000001</v>
      </c>
      <c r="J617">
        <v>2167.989184</v>
      </c>
      <c r="K617">
        <v>117.648273</v>
      </c>
      <c r="L617">
        <v>2167.989184</v>
      </c>
      <c r="M617">
        <v>115.99904100000001</v>
      </c>
    </row>
    <row r="618" spans="2:13" x14ac:dyDescent="0.45">
      <c r="B618">
        <v>2169.9180000000001</v>
      </c>
      <c r="C618">
        <v>115.839304</v>
      </c>
      <c r="D618">
        <v>2169.9180000000001</v>
      </c>
      <c r="E618">
        <v>115.689539</v>
      </c>
      <c r="F618">
        <v>2169.9180000000001</v>
      </c>
      <c r="G618">
        <v>117.63189800000001</v>
      </c>
      <c r="H618">
        <v>2169.9180000000001</v>
      </c>
      <c r="I618">
        <v>116.573128</v>
      </c>
      <c r="J618">
        <v>2169.9180000000001</v>
      </c>
      <c r="K618">
        <v>117.31420199999999</v>
      </c>
      <c r="L618">
        <v>2169.9180000000001</v>
      </c>
      <c r="M618">
        <v>115.86909900000001</v>
      </c>
    </row>
    <row r="619" spans="2:13" x14ac:dyDescent="0.45">
      <c r="B619">
        <v>2171.8468160000002</v>
      </c>
      <c r="C619">
        <v>116.256748</v>
      </c>
      <c r="D619">
        <v>2171.8468160000002</v>
      </c>
      <c r="E619">
        <v>116.15308900000001</v>
      </c>
      <c r="F619">
        <v>2171.8468160000002</v>
      </c>
      <c r="G619">
        <v>117.406976</v>
      </c>
      <c r="H619">
        <v>2171.8468160000002</v>
      </c>
      <c r="I619">
        <v>116.524944</v>
      </c>
      <c r="J619">
        <v>2171.8468160000002</v>
      </c>
      <c r="K619">
        <v>116.88187499999999</v>
      </c>
      <c r="L619">
        <v>2171.8468160000002</v>
      </c>
      <c r="M619">
        <v>116.495465</v>
      </c>
    </row>
    <row r="620" spans="2:13" x14ac:dyDescent="0.45">
      <c r="B620">
        <v>2173.7756319999999</v>
      </c>
      <c r="C620">
        <v>115.827111</v>
      </c>
      <c r="D620">
        <v>2173.7756319999999</v>
      </c>
      <c r="E620">
        <v>115.70615600000001</v>
      </c>
      <c r="F620">
        <v>2173.7756319999999</v>
      </c>
      <c r="G620">
        <v>117.030124</v>
      </c>
      <c r="H620">
        <v>2173.7756319999999</v>
      </c>
      <c r="I620">
        <v>116.482803</v>
      </c>
      <c r="J620">
        <v>2173.7756319999999</v>
      </c>
      <c r="K620">
        <v>117.007119</v>
      </c>
      <c r="L620">
        <v>2173.7756319999999</v>
      </c>
      <c r="M620">
        <v>116.851623</v>
      </c>
    </row>
    <row r="621" spans="2:13" x14ac:dyDescent="0.45">
      <c r="B621">
        <v>2175.704448</v>
      </c>
      <c r="C621">
        <v>115.229167</v>
      </c>
      <c r="D621">
        <v>2175.704448</v>
      </c>
      <c r="E621">
        <v>115.28664500000001</v>
      </c>
      <c r="F621">
        <v>2175.704448</v>
      </c>
      <c r="G621">
        <v>116.677713</v>
      </c>
      <c r="H621">
        <v>2175.704448</v>
      </c>
      <c r="I621">
        <v>116.167303</v>
      </c>
      <c r="J621">
        <v>2175.704448</v>
      </c>
      <c r="K621">
        <v>117.36474</v>
      </c>
      <c r="L621">
        <v>2175.704448</v>
      </c>
      <c r="M621">
        <v>116.226478</v>
      </c>
    </row>
    <row r="622" spans="2:13" x14ac:dyDescent="0.45">
      <c r="B622">
        <v>2177.6332640000001</v>
      </c>
      <c r="C622">
        <v>115.27291</v>
      </c>
      <c r="D622">
        <v>2177.6332640000001</v>
      </c>
      <c r="E622">
        <v>115.630854</v>
      </c>
      <c r="F622">
        <v>2177.6332640000001</v>
      </c>
      <c r="G622">
        <v>116.95963500000001</v>
      </c>
      <c r="H622">
        <v>2177.6332640000001</v>
      </c>
      <c r="I622">
        <v>116.089877</v>
      </c>
      <c r="J622">
        <v>2177.6332640000001</v>
      </c>
      <c r="K622">
        <v>116.98001600000001</v>
      </c>
      <c r="L622">
        <v>2177.6332640000001</v>
      </c>
      <c r="M622">
        <v>115.481899</v>
      </c>
    </row>
    <row r="623" spans="2:13" x14ac:dyDescent="0.45">
      <c r="B623">
        <v>2179.5620800000002</v>
      </c>
      <c r="C623">
        <v>115.301723</v>
      </c>
      <c r="D623">
        <v>2179.5620800000002</v>
      </c>
      <c r="E623">
        <v>115.99752000000001</v>
      </c>
      <c r="F623">
        <v>2179.5620800000002</v>
      </c>
      <c r="G623">
        <v>116.96962499999999</v>
      </c>
      <c r="H623">
        <v>2179.5620800000002</v>
      </c>
      <c r="I623">
        <v>115.90018499999999</v>
      </c>
      <c r="J623">
        <v>2179.5620800000002</v>
      </c>
      <c r="K623">
        <v>116.610286</v>
      </c>
      <c r="L623">
        <v>2179.5620800000002</v>
      </c>
      <c r="M623">
        <v>115.487694</v>
      </c>
    </row>
    <row r="624" spans="2:13" x14ac:dyDescent="0.45">
      <c r="B624">
        <v>2181.4908959999998</v>
      </c>
      <c r="C624">
        <v>114.997934</v>
      </c>
      <c r="D624">
        <v>2181.4908959999998</v>
      </c>
      <c r="E624">
        <v>115.77112100000001</v>
      </c>
      <c r="F624">
        <v>2181.4908959999998</v>
      </c>
      <c r="G624">
        <v>116.39990400000001</v>
      </c>
      <c r="H624">
        <v>2181.4908959999998</v>
      </c>
      <c r="I624">
        <v>115.84367399999999</v>
      </c>
      <c r="J624">
        <v>2181.4908959999998</v>
      </c>
      <c r="K624">
        <v>117.02728399999999</v>
      </c>
      <c r="L624">
        <v>2181.4908959999998</v>
      </c>
      <c r="M624">
        <v>115.779967</v>
      </c>
    </row>
    <row r="625" spans="2:13" x14ac:dyDescent="0.45">
      <c r="B625">
        <v>2183.4197119999999</v>
      </c>
      <c r="C625">
        <v>115.08814700000001</v>
      </c>
      <c r="D625">
        <v>2183.4197119999999</v>
      </c>
      <c r="E625">
        <v>115.906266</v>
      </c>
      <c r="F625">
        <v>2183.4197119999999</v>
      </c>
      <c r="G625">
        <v>116.382586</v>
      </c>
      <c r="H625">
        <v>2183.4197119999999</v>
      </c>
      <c r="I625">
        <v>116.013487</v>
      </c>
      <c r="J625">
        <v>2183.4197119999999</v>
      </c>
      <c r="K625">
        <v>116.981887</v>
      </c>
      <c r="L625">
        <v>2183.4197119999999</v>
      </c>
      <c r="M625">
        <v>116.008189</v>
      </c>
    </row>
    <row r="626" spans="2:13" x14ac:dyDescent="0.45">
      <c r="B626">
        <v>2185.348528</v>
      </c>
      <c r="C626">
        <v>115.493167</v>
      </c>
      <c r="D626">
        <v>2185.348528</v>
      </c>
      <c r="E626">
        <v>115.80001900000001</v>
      </c>
      <c r="F626">
        <v>2185.348528</v>
      </c>
      <c r="G626">
        <v>116.621522</v>
      </c>
      <c r="H626">
        <v>2185.348528</v>
      </c>
      <c r="I626">
        <v>116.168324</v>
      </c>
      <c r="J626">
        <v>2185.348528</v>
      </c>
      <c r="K626">
        <v>116.794201</v>
      </c>
      <c r="L626">
        <v>2185.348528</v>
      </c>
      <c r="M626">
        <v>115.927137</v>
      </c>
    </row>
    <row r="627" spans="2:13" x14ac:dyDescent="0.45">
      <c r="B627">
        <v>2187.2773440000001</v>
      </c>
      <c r="C627">
        <v>115.273112</v>
      </c>
      <c r="D627">
        <v>2187.2773440000001</v>
      </c>
      <c r="E627">
        <v>115.365562</v>
      </c>
      <c r="F627">
        <v>2187.2773440000001</v>
      </c>
      <c r="G627">
        <v>116.58076800000001</v>
      </c>
      <c r="H627">
        <v>2187.2773440000001</v>
      </c>
      <c r="I627">
        <v>116.56862700000001</v>
      </c>
      <c r="J627">
        <v>2187.2773440000001</v>
      </c>
      <c r="K627">
        <v>117.027717</v>
      </c>
      <c r="L627">
        <v>2187.2773440000001</v>
      </c>
      <c r="M627">
        <v>115.82604000000001</v>
      </c>
    </row>
    <row r="628" spans="2:13" x14ac:dyDescent="0.45">
      <c r="B628">
        <v>2189.2061600000002</v>
      </c>
      <c r="C628">
        <v>114.77404199999999</v>
      </c>
      <c r="D628">
        <v>2189.2061600000002</v>
      </c>
      <c r="E628">
        <v>115.384682</v>
      </c>
      <c r="F628">
        <v>2189.2061600000002</v>
      </c>
      <c r="G628">
        <v>116.50399899999999</v>
      </c>
      <c r="H628">
        <v>2189.2061600000002</v>
      </c>
      <c r="I628">
        <v>116.234511</v>
      </c>
      <c r="J628">
        <v>2189.2061600000002</v>
      </c>
      <c r="K628">
        <v>116.767582</v>
      </c>
      <c r="L628">
        <v>2189.2061600000002</v>
      </c>
      <c r="M628">
        <v>115.544528</v>
      </c>
    </row>
    <row r="629" spans="2:13" x14ac:dyDescent="0.45">
      <c r="B629">
        <v>2191.1349759999998</v>
      </c>
      <c r="C629">
        <v>114.498842</v>
      </c>
      <c r="D629">
        <v>2191.1349759999998</v>
      </c>
      <c r="E629">
        <v>115.589381</v>
      </c>
      <c r="F629">
        <v>2191.1349759999998</v>
      </c>
      <c r="G629">
        <v>116.196635</v>
      </c>
      <c r="H629">
        <v>2191.1349759999998</v>
      </c>
      <c r="I629">
        <v>115.69957700000001</v>
      </c>
      <c r="J629">
        <v>2191.1349759999998</v>
      </c>
      <c r="K629">
        <v>116.644775</v>
      </c>
      <c r="L629">
        <v>2191.1349759999998</v>
      </c>
      <c r="M629">
        <v>115.41234300000001</v>
      </c>
    </row>
    <row r="630" spans="2:13" x14ac:dyDescent="0.45">
      <c r="B630">
        <v>2193.0637919999999</v>
      </c>
      <c r="C630">
        <v>114.553873</v>
      </c>
      <c r="D630">
        <v>2193.0637919999999</v>
      </c>
      <c r="E630">
        <v>115.77770700000001</v>
      </c>
      <c r="F630">
        <v>2193.0637919999999</v>
      </c>
      <c r="G630">
        <v>116.029572</v>
      </c>
      <c r="H630">
        <v>2193.0637919999999</v>
      </c>
      <c r="I630">
        <v>115.424502</v>
      </c>
      <c r="J630">
        <v>2193.0637919999999</v>
      </c>
      <c r="K630">
        <v>116.62589</v>
      </c>
      <c r="L630">
        <v>2193.0637919999999</v>
      </c>
      <c r="M630">
        <v>115.456637</v>
      </c>
    </row>
    <row r="631" spans="2:13" x14ac:dyDescent="0.45">
      <c r="B631">
        <v>2194.992608</v>
      </c>
      <c r="C631">
        <v>114.773402</v>
      </c>
      <c r="D631">
        <v>2194.992608</v>
      </c>
      <c r="E631">
        <v>115.381782</v>
      </c>
      <c r="F631">
        <v>2194.992608</v>
      </c>
      <c r="G631">
        <v>116.01855500000001</v>
      </c>
      <c r="H631">
        <v>2194.992608</v>
      </c>
      <c r="I631">
        <v>115.384153</v>
      </c>
      <c r="J631">
        <v>2194.992608</v>
      </c>
      <c r="K631">
        <v>115.82820599999999</v>
      </c>
      <c r="L631">
        <v>2194.992608</v>
      </c>
      <c r="M631">
        <v>115.088733</v>
      </c>
    </row>
    <row r="632" spans="2:13" x14ac:dyDescent="0.45">
      <c r="B632">
        <v>2196.9214240000001</v>
      </c>
      <c r="C632">
        <v>114.814927</v>
      </c>
      <c r="D632">
        <v>2196.9214240000001</v>
      </c>
      <c r="E632">
        <v>115.06166</v>
      </c>
      <c r="F632">
        <v>2196.9214240000001</v>
      </c>
      <c r="G632">
        <v>116.30306899999999</v>
      </c>
      <c r="H632">
        <v>2196.9214240000001</v>
      </c>
      <c r="I632">
        <v>115.36770300000001</v>
      </c>
      <c r="J632">
        <v>2196.9214240000001</v>
      </c>
      <c r="K632">
        <v>115.619214</v>
      </c>
      <c r="L632">
        <v>2196.9214240000001</v>
      </c>
      <c r="M632">
        <v>115.281926</v>
      </c>
    </row>
    <row r="633" spans="2:13" x14ac:dyDescent="0.45">
      <c r="B633">
        <v>2198.8502400000002</v>
      </c>
      <c r="C633">
        <v>114.933353</v>
      </c>
      <c r="D633">
        <v>2198.8502400000002</v>
      </c>
      <c r="E633">
        <v>115.438925</v>
      </c>
      <c r="F633">
        <v>2198.8502400000002</v>
      </c>
      <c r="G633">
        <v>116.393458</v>
      </c>
      <c r="H633">
        <v>2198.8502400000002</v>
      </c>
      <c r="I633">
        <v>115.205316</v>
      </c>
      <c r="J633">
        <v>2198.8502400000002</v>
      </c>
      <c r="K633">
        <v>115.849841</v>
      </c>
      <c r="L633">
        <v>2198.8502400000002</v>
      </c>
      <c r="M633">
        <v>115.20690399999999</v>
      </c>
    </row>
    <row r="634" spans="2:13" x14ac:dyDescent="0.45">
      <c r="B634">
        <v>2200.7790559999999</v>
      </c>
      <c r="C634">
        <v>115.066846</v>
      </c>
      <c r="D634">
        <v>2200.7790559999999</v>
      </c>
      <c r="E634">
        <v>115.603797</v>
      </c>
      <c r="F634">
        <v>2200.7790559999999</v>
      </c>
      <c r="G634">
        <v>116.333703</v>
      </c>
      <c r="H634">
        <v>2200.7790559999999</v>
      </c>
      <c r="I634">
        <v>115.02414899999999</v>
      </c>
      <c r="J634">
        <v>2200.7790559999999</v>
      </c>
      <c r="K634">
        <v>116.135175</v>
      </c>
      <c r="L634">
        <v>2200.7790559999999</v>
      </c>
      <c r="M634">
        <v>114.464377</v>
      </c>
    </row>
    <row r="635" spans="2:13" x14ac:dyDescent="0.45">
      <c r="B635">
        <v>2202.707872</v>
      </c>
      <c r="C635">
        <v>115.271702</v>
      </c>
      <c r="D635">
        <v>2202.707872</v>
      </c>
      <c r="E635">
        <v>115.034971</v>
      </c>
      <c r="F635">
        <v>2202.707872</v>
      </c>
      <c r="G635">
        <v>115.683876</v>
      </c>
      <c r="H635">
        <v>2202.707872</v>
      </c>
      <c r="I635">
        <v>115.072095</v>
      </c>
      <c r="J635">
        <v>2202.707872</v>
      </c>
      <c r="K635">
        <v>116.22168499999999</v>
      </c>
      <c r="L635">
        <v>2202.707872</v>
      </c>
      <c r="M635">
        <v>114.35422199999999</v>
      </c>
    </row>
    <row r="636" spans="2:13" x14ac:dyDescent="0.45">
      <c r="B636">
        <v>2204.636688</v>
      </c>
      <c r="C636">
        <v>115.25725799999999</v>
      </c>
      <c r="D636">
        <v>2204.636688</v>
      </c>
      <c r="E636">
        <v>114.924296</v>
      </c>
      <c r="F636">
        <v>2204.636688</v>
      </c>
      <c r="G636">
        <v>115.574989</v>
      </c>
      <c r="H636">
        <v>2204.636688</v>
      </c>
      <c r="I636">
        <v>114.88891700000001</v>
      </c>
      <c r="J636">
        <v>2204.636688</v>
      </c>
      <c r="K636">
        <v>115.800017</v>
      </c>
      <c r="L636">
        <v>2204.636688</v>
      </c>
      <c r="M636">
        <v>114.799582</v>
      </c>
    </row>
    <row r="637" spans="2:13" x14ac:dyDescent="0.45">
      <c r="B637">
        <v>2206.5655040000001</v>
      </c>
      <c r="C637">
        <v>114.823258</v>
      </c>
      <c r="D637">
        <v>2206.5655040000001</v>
      </c>
      <c r="E637">
        <v>115.182776</v>
      </c>
      <c r="F637">
        <v>2206.5655040000001</v>
      </c>
      <c r="G637">
        <v>115.520414</v>
      </c>
      <c r="H637">
        <v>2206.5655040000001</v>
      </c>
      <c r="I637">
        <v>114.931523</v>
      </c>
      <c r="J637">
        <v>2206.5655040000001</v>
      </c>
      <c r="K637">
        <v>115.78301399999999</v>
      </c>
      <c r="L637">
        <v>2206.5655040000001</v>
      </c>
      <c r="M637">
        <v>114.725459</v>
      </c>
    </row>
    <row r="638" spans="2:13" x14ac:dyDescent="0.45">
      <c r="B638">
        <v>2208.4943199999998</v>
      </c>
      <c r="C638">
        <v>114.608414</v>
      </c>
      <c r="D638">
        <v>2208.4943199999998</v>
      </c>
      <c r="E638">
        <v>115.049536</v>
      </c>
      <c r="F638">
        <v>2208.4943199999998</v>
      </c>
      <c r="G638">
        <v>115.176254</v>
      </c>
      <c r="H638">
        <v>2208.4943199999998</v>
      </c>
      <c r="I638">
        <v>114.846019</v>
      </c>
      <c r="J638">
        <v>2208.4943199999998</v>
      </c>
      <c r="K638">
        <v>116.027598</v>
      </c>
      <c r="L638">
        <v>2208.4943199999998</v>
      </c>
      <c r="M638">
        <v>114.50563</v>
      </c>
    </row>
    <row r="639" spans="2:13" x14ac:dyDescent="0.45">
      <c r="B639">
        <v>2210.4231359999999</v>
      </c>
      <c r="C639">
        <v>114.57958600000001</v>
      </c>
      <c r="D639">
        <v>2210.4231359999999</v>
      </c>
      <c r="E639">
        <v>114.866</v>
      </c>
      <c r="F639">
        <v>2210.4231359999999</v>
      </c>
      <c r="G639">
        <v>115.574727</v>
      </c>
      <c r="H639">
        <v>2210.4231359999999</v>
      </c>
      <c r="I639">
        <v>114.723401</v>
      </c>
      <c r="J639">
        <v>2210.4231359999999</v>
      </c>
      <c r="K639">
        <v>116.067036</v>
      </c>
      <c r="L639">
        <v>2210.4231359999999</v>
      </c>
      <c r="M639">
        <v>114.73072999999999</v>
      </c>
    </row>
    <row r="640" spans="2:13" x14ac:dyDescent="0.45">
      <c r="B640">
        <v>2212.351952</v>
      </c>
      <c r="C640">
        <v>114.52301300000001</v>
      </c>
      <c r="D640">
        <v>2212.351952</v>
      </c>
      <c r="E640">
        <v>115.08861900000001</v>
      </c>
      <c r="F640">
        <v>2212.351952</v>
      </c>
      <c r="G640">
        <v>115.974446</v>
      </c>
      <c r="H640">
        <v>2212.351952</v>
      </c>
      <c r="I640">
        <v>114.950875</v>
      </c>
      <c r="J640">
        <v>2212.351952</v>
      </c>
      <c r="K640">
        <v>115.70204699999999</v>
      </c>
      <c r="L640">
        <v>2212.351952</v>
      </c>
      <c r="M640">
        <v>114.611616</v>
      </c>
    </row>
    <row r="641" spans="2:13" x14ac:dyDescent="0.45">
      <c r="B641">
        <v>2214.2807680000001</v>
      </c>
      <c r="C641">
        <v>114.58530399999999</v>
      </c>
      <c r="D641">
        <v>2214.2807680000001</v>
      </c>
      <c r="E641">
        <v>115.033197</v>
      </c>
      <c r="F641">
        <v>2214.2807680000001</v>
      </c>
      <c r="G641">
        <v>115.480756</v>
      </c>
      <c r="H641">
        <v>2214.2807680000001</v>
      </c>
      <c r="I641">
        <v>114.902367</v>
      </c>
      <c r="J641">
        <v>2214.2807680000001</v>
      </c>
      <c r="K641">
        <v>115.706672</v>
      </c>
      <c r="L641">
        <v>2214.2807680000001</v>
      </c>
      <c r="M641">
        <v>114.06887999999999</v>
      </c>
    </row>
    <row r="642" spans="2:13" x14ac:dyDescent="0.45">
      <c r="B642">
        <v>2216.2095840000002</v>
      </c>
      <c r="C642">
        <v>114.693501</v>
      </c>
      <c r="D642">
        <v>2216.2095840000002</v>
      </c>
      <c r="E642">
        <v>114.630714</v>
      </c>
      <c r="F642">
        <v>2216.2095840000002</v>
      </c>
      <c r="G642">
        <v>115.04781800000001</v>
      </c>
      <c r="H642">
        <v>2216.2095840000002</v>
      </c>
      <c r="I642">
        <v>114.59353299999999</v>
      </c>
      <c r="J642">
        <v>2216.2095840000002</v>
      </c>
      <c r="K642">
        <v>115.63120499999999</v>
      </c>
      <c r="L642">
        <v>2216.2095840000002</v>
      </c>
      <c r="M642">
        <v>113.833448</v>
      </c>
    </row>
    <row r="643" spans="2:13" x14ac:dyDescent="0.45">
      <c r="B643">
        <v>2218.1383999999998</v>
      </c>
      <c r="C643">
        <v>114.562725</v>
      </c>
      <c r="D643">
        <v>2218.1383999999998</v>
      </c>
      <c r="E643">
        <v>114.37310500000001</v>
      </c>
      <c r="F643">
        <v>2218.1383999999998</v>
      </c>
      <c r="G643">
        <v>115.014724</v>
      </c>
      <c r="H643">
        <v>2218.1383999999998</v>
      </c>
      <c r="I643">
        <v>114.886098</v>
      </c>
      <c r="J643">
        <v>2218.1383999999998</v>
      </c>
      <c r="K643">
        <v>115.266459</v>
      </c>
      <c r="L643">
        <v>2218.1383999999998</v>
      </c>
      <c r="M643">
        <v>114.157545</v>
      </c>
    </row>
    <row r="644" spans="2:13" x14ac:dyDescent="0.45">
      <c r="B644">
        <v>2220.0672159999999</v>
      </c>
      <c r="C644">
        <v>114.146562</v>
      </c>
      <c r="D644">
        <v>2220.0672159999999</v>
      </c>
      <c r="E644">
        <v>114.45963500000001</v>
      </c>
      <c r="F644">
        <v>2220.0672159999999</v>
      </c>
      <c r="G644">
        <v>115.126141</v>
      </c>
      <c r="H644">
        <v>2220.0672159999999</v>
      </c>
      <c r="I644">
        <v>114.497433</v>
      </c>
      <c r="J644">
        <v>2220.0672159999999</v>
      </c>
      <c r="K644">
        <v>115.532307</v>
      </c>
      <c r="L644">
        <v>2220.0672159999999</v>
      </c>
      <c r="M644">
        <v>114.380039</v>
      </c>
    </row>
    <row r="645" spans="2:13" x14ac:dyDescent="0.45">
      <c r="B645">
        <v>2221.996032</v>
      </c>
      <c r="C645">
        <v>114.177438</v>
      </c>
      <c r="D645">
        <v>2221.996032</v>
      </c>
      <c r="E645">
        <v>114.683784</v>
      </c>
      <c r="F645">
        <v>2221.996032</v>
      </c>
      <c r="G645">
        <v>115.31710099999999</v>
      </c>
      <c r="H645">
        <v>2221.996032</v>
      </c>
      <c r="I645">
        <v>114.14776999999999</v>
      </c>
      <c r="J645">
        <v>2221.996032</v>
      </c>
      <c r="K645">
        <v>115.635836</v>
      </c>
      <c r="L645">
        <v>2221.996032</v>
      </c>
      <c r="M645">
        <v>114.35793099999999</v>
      </c>
    </row>
    <row r="646" spans="2:13" x14ac:dyDescent="0.45">
      <c r="B646">
        <v>2223.9248480000001</v>
      </c>
      <c r="C646">
        <v>114.37060700000001</v>
      </c>
      <c r="D646">
        <v>2223.9248480000001</v>
      </c>
      <c r="E646">
        <v>114.586145</v>
      </c>
      <c r="F646">
        <v>2223.9248480000001</v>
      </c>
      <c r="G646">
        <v>115.237855</v>
      </c>
      <c r="H646">
        <v>2223.9248480000001</v>
      </c>
      <c r="I646">
        <v>114.780722</v>
      </c>
      <c r="J646">
        <v>2223.9248480000001</v>
      </c>
      <c r="K646">
        <v>115.403153</v>
      </c>
      <c r="L646">
        <v>2223.9248480000001</v>
      </c>
      <c r="M646">
        <v>114.181462</v>
      </c>
    </row>
    <row r="647" spans="2:13" x14ac:dyDescent="0.45">
      <c r="B647">
        <v>2225.8536640000002</v>
      </c>
      <c r="C647">
        <v>114.38890600000001</v>
      </c>
      <c r="D647">
        <v>2225.8536640000002</v>
      </c>
      <c r="E647">
        <v>114.62891</v>
      </c>
      <c r="F647">
        <v>2225.8536640000002</v>
      </c>
      <c r="G647">
        <v>115.128502</v>
      </c>
      <c r="H647">
        <v>2225.8536640000002</v>
      </c>
      <c r="I647">
        <v>114.959082</v>
      </c>
      <c r="J647">
        <v>2225.8536640000002</v>
      </c>
      <c r="K647">
        <v>115.518081</v>
      </c>
      <c r="L647">
        <v>2225.8536640000002</v>
      </c>
      <c r="M647">
        <v>113.912882</v>
      </c>
    </row>
    <row r="648" spans="2:13" x14ac:dyDescent="0.45">
      <c r="B648">
        <v>2227.7824799999999</v>
      </c>
      <c r="C648">
        <v>114.48115199999999</v>
      </c>
      <c r="D648">
        <v>2227.7824799999999</v>
      </c>
      <c r="E648">
        <v>114.775666</v>
      </c>
      <c r="F648">
        <v>2227.7824799999999</v>
      </c>
      <c r="G648">
        <v>115.20924100000001</v>
      </c>
      <c r="H648">
        <v>2227.7824799999999</v>
      </c>
      <c r="I648">
        <v>114.85850499999999</v>
      </c>
      <c r="J648">
        <v>2227.7824799999999</v>
      </c>
      <c r="K648">
        <v>115.824214</v>
      </c>
      <c r="L648">
        <v>2227.7824799999999</v>
      </c>
      <c r="M648">
        <v>113.929957</v>
      </c>
    </row>
    <row r="649" spans="2:13" x14ac:dyDescent="0.45">
      <c r="B649">
        <v>2229.7112959999999</v>
      </c>
      <c r="C649">
        <v>114.62497399999999</v>
      </c>
      <c r="D649">
        <v>2229.7112959999999</v>
      </c>
      <c r="E649">
        <v>114.525938</v>
      </c>
      <c r="F649">
        <v>2229.7112959999999</v>
      </c>
      <c r="G649">
        <v>115.060868</v>
      </c>
      <c r="H649">
        <v>2229.7112959999999</v>
      </c>
      <c r="I649">
        <v>114.871028</v>
      </c>
      <c r="J649">
        <v>2229.7112959999999</v>
      </c>
      <c r="K649">
        <v>115.76675899999999</v>
      </c>
      <c r="L649">
        <v>2229.7112959999999</v>
      </c>
      <c r="M649">
        <v>113.985427</v>
      </c>
    </row>
    <row r="650" spans="2:13" x14ac:dyDescent="0.45">
      <c r="B650">
        <v>2231.640112</v>
      </c>
      <c r="C650">
        <v>114.490444</v>
      </c>
      <c r="D650">
        <v>2231.640112</v>
      </c>
      <c r="E650">
        <v>114.245587</v>
      </c>
      <c r="F650">
        <v>2231.640112</v>
      </c>
      <c r="G650">
        <v>115.062001</v>
      </c>
      <c r="H650">
        <v>2231.640112</v>
      </c>
      <c r="I650">
        <v>114.828636</v>
      </c>
      <c r="J650">
        <v>2231.640112</v>
      </c>
      <c r="K650">
        <v>115.90016300000001</v>
      </c>
      <c r="L650">
        <v>2231.640112</v>
      </c>
      <c r="M650">
        <v>114.008319</v>
      </c>
    </row>
    <row r="651" spans="2:13" x14ac:dyDescent="0.45">
      <c r="B651">
        <v>2233.5689280000001</v>
      </c>
      <c r="C651">
        <v>114.15294900000001</v>
      </c>
      <c r="D651">
        <v>2233.5689280000001</v>
      </c>
      <c r="E651">
        <v>114.276825</v>
      </c>
      <c r="F651">
        <v>2233.5689280000001</v>
      </c>
      <c r="G651">
        <v>115.246472</v>
      </c>
      <c r="H651">
        <v>2233.5689280000001</v>
      </c>
      <c r="I651">
        <v>114.965408</v>
      </c>
      <c r="J651">
        <v>2233.5689280000001</v>
      </c>
      <c r="K651">
        <v>115.69113299999999</v>
      </c>
      <c r="L651">
        <v>2233.5689280000001</v>
      </c>
      <c r="M651">
        <v>113.920615</v>
      </c>
    </row>
    <row r="652" spans="2:13" x14ac:dyDescent="0.45">
      <c r="B652">
        <v>2235.4977439999998</v>
      </c>
      <c r="C652">
        <v>114.029346</v>
      </c>
      <c r="D652">
        <v>2235.4977439999998</v>
      </c>
      <c r="E652">
        <v>114.265455</v>
      </c>
      <c r="F652">
        <v>2235.4977439999998</v>
      </c>
      <c r="G652">
        <v>115.227895</v>
      </c>
      <c r="H652">
        <v>2235.4977439999998</v>
      </c>
      <c r="I652">
        <v>115.01600999999999</v>
      </c>
      <c r="J652">
        <v>2235.4977439999998</v>
      </c>
      <c r="K652">
        <v>115.434583</v>
      </c>
      <c r="L652">
        <v>2235.4977439999998</v>
      </c>
      <c r="M652">
        <v>113.95743400000001</v>
      </c>
    </row>
    <row r="653" spans="2:13" x14ac:dyDescent="0.45">
      <c r="B653">
        <v>2237.4265599999999</v>
      </c>
      <c r="C653">
        <v>113.954784</v>
      </c>
      <c r="D653">
        <v>2237.4265599999999</v>
      </c>
      <c r="E653">
        <v>114.352649</v>
      </c>
      <c r="F653">
        <v>2237.4265599999999</v>
      </c>
      <c r="G653">
        <v>115.106549</v>
      </c>
      <c r="H653">
        <v>2237.4265599999999</v>
      </c>
      <c r="I653">
        <v>114.794203</v>
      </c>
      <c r="J653">
        <v>2237.4265599999999</v>
      </c>
      <c r="K653">
        <v>115.29174999999999</v>
      </c>
      <c r="L653">
        <v>2237.4265599999999</v>
      </c>
      <c r="M653">
        <v>114.19399900000001</v>
      </c>
    </row>
    <row r="654" spans="2:13" x14ac:dyDescent="0.45">
      <c r="B654">
        <v>2239.355376</v>
      </c>
      <c r="C654">
        <v>114.00520400000001</v>
      </c>
      <c r="D654">
        <v>2239.355376</v>
      </c>
      <c r="E654">
        <v>114.622563</v>
      </c>
      <c r="F654">
        <v>2239.355376</v>
      </c>
      <c r="G654">
        <v>115.29591000000001</v>
      </c>
      <c r="H654">
        <v>2239.355376</v>
      </c>
      <c r="I654">
        <v>114.67712899999999</v>
      </c>
      <c r="J654">
        <v>2239.355376</v>
      </c>
      <c r="K654">
        <v>115.353781</v>
      </c>
      <c r="L654">
        <v>2239.355376</v>
      </c>
      <c r="M654">
        <v>114.279205</v>
      </c>
    </row>
    <row r="655" spans="2:13" x14ac:dyDescent="0.45">
      <c r="B655">
        <v>2241.2841920000001</v>
      </c>
      <c r="C655">
        <v>113.99503799999999</v>
      </c>
      <c r="D655">
        <v>2241.2841920000001</v>
      </c>
      <c r="E655">
        <v>114.561454</v>
      </c>
      <c r="F655">
        <v>2241.2841920000001</v>
      </c>
      <c r="G655">
        <v>115.09822699999999</v>
      </c>
      <c r="H655">
        <v>2241.2841920000001</v>
      </c>
      <c r="I655">
        <v>114.666769</v>
      </c>
      <c r="J655">
        <v>2241.2841920000001</v>
      </c>
      <c r="K655">
        <v>115.567114</v>
      </c>
      <c r="L655">
        <v>2241.2841920000001</v>
      </c>
      <c r="M655">
        <v>114.152327</v>
      </c>
    </row>
    <row r="656" spans="2:13" x14ac:dyDescent="0.45">
      <c r="B656">
        <v>2243.2130080000002</v>
      </c>
      <c r="C656">
        <v>114.207679</v>
      </c>
      <c r="D656">
        <v>2243.2130080000002</v>
      </c>
      <c r="E656">
        <v>114.302221</v>
      </c>
      <c r="F656">
        <v>2243.2130080000002</v>
      </c>
      <c r="G656">
        <v>114.90021400000001</v>
      </c>
      <c r="H656">
        <v>2243.2130080000002</v>
      </c>
      <c r="I656">
        <v>114.513469</v>
      </c>
      <c r="J656">
        <v>2243.2130080000002</v>
      </c>
      <c r="K656">
        <v>115.485563</v>
      </c>
      <c r="L656">
        <v>2243.2130080000002</v>
      </c>
      <c r="M656">
        <v>114.076605</v>
      </c>
    </row>
    <row r="657" spans="2:13" x14ac:dyDescent="0.45">
      <c r="B657">
        <v>2245.1418239999998</v>
      </c>
      <c r="C657">
        <v>114.03418499999999</v>
      </c>
      <c r="D657">
        <v>2245.1418239999998</v>
      </c>
      <c r="E657">
        <v>114.320831</v>
      </c>
      <c r="F657">
        <v>2245.1418239999998</v>
      </c>
      <c r="G657">
        <v>114.98785700000001</v>
      </c>
      <c r="H657">
        <v>2245.1418239999998</v>
      </c>
      <c r="I657">
        <v>114.496353</v>
      </c>
      <c r="J657">
        <v>2245.1418239999998</v>
      </c>
      <c r="K657">
        <v>115.36683499999999</v>
      </c>
      <c r="L657">
        <v>2245.1418239999998</v>
      </c>
      <c r="M657">
        <v>114.178067</v>
      </c>
    </row>
    <row r="658" spans="2:13" x14ac:dyDescent="0.45">
      <c r="B658">
        <v>2247.0706399999999</v>
      </c>
      <c r="C658">
        <v>113.883335</v>
      </c>
      <c r="D658">
        <v>2247.0706399999999</v>
      </c>
      <c r="E658">
        <v>114.256714</v>
      </c>
      <c r="F658">
        <v>2247.0706399999999</v>
      </c>
      <c r="G658">
        <v>114.766502</v>
      </c>
      <c r="H658">
        <v>2247.0706399999999</v>
      </c>
      <c r="I658">
        <v>114.45449600000001</v>
      </c>
      <c r="J658">
        <v>2247.0706399999999</v>
      </c>
      <c r="K658">
        <v>115.15051800000001</v>
      </c>
      <c r="L658">
        <v>2247.0706399999999</v>
      </c>
      <c r="M658">
        <v>114.232665</v>
      </c>
    </row>
    <row r="659" spans="2:13" x14ac:dyDescent="0.45">
      <c r="B659">
        <v>2248.999456</v>
      </c>
      <c r="C659">
        <v>113.648426</v>
      </c>
      <c r="D659">
        <v>2248.999456</v>
      </c>
      <c r="E659">
        <v>114.15650100000001</v>
      </c>
      <c r="F659">
        <v>2248.999456</v>
      </c>
      <c r="G659">
        <v>114.686887</v>
      </c>
      <c r="H659">
        <v>2248.999456</v>
      </c>
      <c r="I659">
        <v>114.22998699999999</v>
      </c>
      <c r="J659">
        <v>2248.999456</v>
      </c>
      <c r="K659">
        <v>115.047059</v>
      </c>
      <c r="L659">
        <v>2248.999456</v>
      </c>
      <c r="M659">
        <v>113.97202299999999</v>
      </c>
    </row>
    <row r="660" spans="2:13" x14ac:dyDescent="0.45">
      <c r="B660">
        <v>2250.9282720000001</v>
      </c>
      <c r="C660">
        <v>113.57304999999999</v>
      </c>
      <c r="D660">
        <v>2250.9282720000001</v>
      </c>
      <c r="E660">
        <v>114.06784</v>
      </c>
      <c r="F660">
        <v>2250.9282720000001</v>
      </c>
      <c r="G660">
        <v>114.71742399999999</v>
      </c>
      <c r="H660">
        <v>2250.9282720000001</v>
      </c>
      <c r="I660">
        <v>114.350414</v>
      </c>
      <c r="J660">
        <v>2250.9282720000001</v>
      </c>
      <c r="K660">
        <v>115.112238</v>
      </c>
      <c r="L660">
        <v>2250.9282720000001</v>
      </c>
      <c r="M660">
        <v>113.94450000000001</v>
      </c>
    </row>
    <row r="661" spans="2:13" x14ac:dyDescent="0.45">
      <c r="B661">
        <v>2252.8570880000002</v>
      </c>
      <c r="C661">
        <v>113.595868</v>
      </c>
      <c r="D661">
        <v>2252.8570880000002</v>
      </c>
      <c r="E661">
        <v>113.916301</v>
      </c>
      <c r="F661">
        <v>2252.8570880000002</v>
      </c>
      <c r="G661">
        <v>114.67427000000001</v>
      </c>
      <c r="H661">
        <v>2252.8570880000002</v>
      </c>
      <c r="I661">
        <v>114.522293</v>
      </c>
      <c r="J661">
        <v>2252.8570880000002</v>
      </c>
      <c r="K661">
        <v>115.065562</v>
      </c>
      <c r="L661">
        <v>2252.8570880000002</v>
      </c>
      <c r="M661">
        <v>114.080251</v>
      </c>
    </row>
    <row r="662" spans="2:13" x14ac:dyDescent="0.45">
      <c r="B662">
        <v>2254.7859039999998</v>
      </c>
      <c r="C662">
        <v>113.742347</v>
      </c>
      <c r="D662">
        <v>2254.7859039999998</v>
      </c>
      <c r="E662">
        <v>113.951948</v>
      </c>
      <c r="F662">
        <v>2254.7859039999998</v>
      </c>
      <c r="G662">
        <v>114.74344000000001</v>
      </c>
      <c r="H662">
        <v>2254.7859039999998</v>
      </c>
      <c r="I662">
        <v>114.490641</v>
      </c>
      <c r="J662">
        <v>2254.7859039999998</v>
      </c>
      <c r="K662">
        <v>115.13120000000001</v>
      </c>
      <c r="L662">
        <v>2254.7859039999998</v>
      </c>
      <c r="M662">
        <v>114.167942</v>
      </c>
    </row>
    <row r="663" spans="2:13" x14ac:dyDescent="0.45">
      <c r="B663">
        <v>2256.7147199999999</v>
      </c>
      <c r="C663">
        <v>113.897436</v>
      </c>
      <c r="D663">
        <v>2256.7147199999999</v>
      </c>
      <c r="E663">
        <v>113.973991</v>
      </c>
      <c r="F663">
        <v>2256.7147199999999</v>
      </c>
      <c r="G663">
        <v>114.718442</v>
      </c>
      <c r="H663">
        <v>2256.7147199999999</v>
      </c>
      <c r="I663">
        <v>114.38439099999999</v>
      </c>
      <c r="J663">
        <v>2256.7147199999999</v>
      </c>
      <c r="K663">
        <v>114.991246</v>
      </c>
      <c r="L663">
        <v>2256.7147199999999</v>
      </c>
      <c r="M663">
        <v>114.038684</v>
      </c>
    </row>
    <row r="664" spans="2:13" x14ac:dyDescent="0.45">
      <c r="B664">
        <v>2258.643536</v>
      </c>
      <c r="C664">
        <v>113.84713000000001</v>
      </c>
      <c r="D664">
        <v>2258.643536</v>
      </c>
      <c r="E664">
        <v>113.97725700000001</v>
      </c>
      <c r="F664">
        <v>2258.643536</v>
      </c>
      <c r="G664">
        <v>114.62786699999999</v>
      </c>
      <c r="H664">
        <v>2258.643536</v>
      </c>
      <c r="I664">
        <v>114.337457</v>
      </c>
      <c r="J664">
        <v>2258.643536</v>
      </c>
      <c r="K664">
        <v>114.934838</v>
      </c>
      <c r="L664">
        <v>2258.643536</v>
      </c>
      <c r="M664">
        <v>114.003913</v>
      </c>
    </row>
    <row r="665" spans="2:13" x14ac:dyDescent="0.45">
      <c r="B665">
        <v>2260.5723520000001</v>
      </c>
      <c r="C665">
        <v>113.72180400000001</v>
      </c>
      <c r="D665">
        <v>2260.5723520000001</v>
      </c>
      <c r="E665">
        <v>113.96082100000001</v>
      </c>
      <c r="F665">
        <v>2260.5723520000001</v>
      </c>
      <c r="G665">
        <v>114.71177</v>
      </c>
      <c r="H665">
        <v>2260.5723520000001</v>
      </c>
      <c r="I665">
        <v>114.22892899999999</v>
      </c>
      <c r="J665">
        <v>2260.5723520000001</v>
      </c>
      <c r="K665">
        <v>115.015061</v>
      </c>
      <c r="L665">
        <v>2260.5723520000001</v>
      </c>
      <c r="M665">
        <v>114.000055</v>
      </c>
    </row>
    <row r="666" spans="2:13" x14ac:dyDescent="0.45">
      <c r="B666">
        <v>2262.5011679999998</v>
      </c>
      <c r="C666">
        <v>113.597623</v>
      </c>
      <c r="D666">
        <v>2262.5011679999998</v>
      </c>
      <c r="E666">
        <v>114.034143</v>
      </c>
      <c r="F666">
        <v>2262.5011679999998</v>
      </c>
      <c r="G666">
        <v>114.50973399999999</v>
      </c>
      <c r="H666">
        <v>2262.5011679999998</v>
      </c>
      <c r="I666">
        <v>113.98061800000001</v>
      </c>
      <c r="J666">
        <v>2262.5011679999998</v>
      </c>
      <c r="K666">
        <v>115.08457900000001</v>
      </c>
      <c r="L666">
        <v>2262.5011679999998</v>
      </c>
      <c r="M666">
        <v>113.937449</v>
      </c>
    </row>
    <row r="667" spans="2:13" x14ac:dyDescent="0.45">
      <c r="B667">
        <v>2264.4299839999999</v>
      </c>
      <c r="C667">
        <v>113.557327</v>
      </c>
      <c r="D667">
        <v>2264.4299839999999</v>
      </c>
      <c r="E667">
        <v>114.022896</v>
      </c>
      <c r="F667">
        <v>2264.4299839999999</v>
      </c>
      <c r="G667">
        <v>114.32572</v>
      </c>
      <c r="H667">
        <v>2264.4299839999999</v>
      </c>
      <c r="I667">
        <v>113.84473199999999</v>
      </c>
      <c r="J667">
        <v>2264.4299839999999</v>
      </c>
      <c r="K667">
        <v>115.124985</v>
      </c>
      <c r="L667">
        <v>2264.4299839999999</v>
      </c>
      <c r="M667">
        <v>113.996093</v>
      </c>
    </row>
    <row r="668" spans="2:13" x14ac:dyDescent="0.45">
      <c r="B668">
        <v>2266.3588</v>
      </c>
      <c r="C668">
        <v>113.614339</v>
      </c>
      <c r="D668">
        <v>2266.3588</v>
      </c>
      <c r="E668">
        <v>114.07692400000001</v>
      </c>
      <c r="F668">
        <v>2266.3588</v>
      </c>
      <c r="G668">
        <v>114.43858299999999</v>
      </c>
      <c r="H668">
        <v>2266.3588</v>
      </c>
      <c r="I668">
        <v>114.09409599999999</v>
      </c>
      <c r="J668">
        <v>2266.3588</v>
      </c>
      <c r="K668">
        <v>115.11864</v>
      </c>
      <c r="L668">
        <v>2266.3588</v>
      </c>
      <c r="M668">
        <v>114.111137</v>
      </c>
    </row>
    <row r="669" spans="2:13" x14ac:dyDescent="0.45">
      <c r="B669">
        <v>2268.2876160000001</v>
      </c>
      <c r="C669">
        <v>113.746019</v>
      </c>
      <c r="D669">
        <v>2268.2876160000001</v>
      </c>
      <c r="E669">
        <v>114.055812</v>
      </c>
      <c r="F669">
        <v>2268.2876160000001</v>
      </c>
      <c r="G669">
        <v>114.43532500000001</v>
      </c>
      <c r="H669">
        <v>2268.2876160000001</v>
      </c>
      <c r="I669">
        <v>114.227833</v>
      </c>
      <c r="J669">
        <v>2268.2876160000001</v>
      </c>
      <c r="K669">
        <v>115.022637</v>
      </c>
      <c r="L669">
        <v>2268.2876160000001</v>
      </c>
      <c r="M669">
        <v>113.921879</v>
      </c>
    </row>
    <row r="670" spans="2:13" x14ac:dyDescent="0.45">
      <c r="B670">
        <v>2270.2164320000002</v>
      </c>
      <c r="C670">
        <v>113.869534</v>
      </c>
      <c r="D670">
        <v>2270.2164320000002</v>
      </c>
      <c r="E670">
        <v>113.980311</v>
      </c>
      <c r="F670">
        <v>2270.2164320000002</v>
      </c>
      <c r="G670">
        <v>114.411227</v>
      </c>
      <c r="H670">
        <v>2270.2164320000002</v>
      </c>
      <c r="I670">
        <v>113.92806299999999</v>
      </c>
      <c r="J670">
        <v>2270.2164320000002</v>
      </c>
      <c r="K670">
        <v>114.909836</v>
      </c>
      <c r="L670">
        <v>2270.2164320000002</v>
      </c>
      <c r="M670">
        <v>113.694694</v>
      </c>
    </row>
    <row r="671" spans="2:13" x14ac:dyDescent="0.45">
      <c r="B671">
        <v>2272.1452479999998</v>
      </c>
      <c r="C671">
        <v>113.70447900000001</v>
      </c>
      <c r="D671">
        <v>2272.1452479999998</v>
      </c>
      <c r="E671">
        <v>113.848929</v>
      </c>
      <c r="F671">
        <v>2272.1452479999998</v>
      </c>
      <c r="G671">
        <v>114.541273</v>
      </c>
      <c r="H671">
        <v>2272.1452479999998</v>
      </c>
      <c r="I671">
        <v>113.815686</v>
      </c>
      <c r="J671">
        <v>2272.1452479999998</v>
      </c>
      <c r="K671">
        <v>114.783708</v>
      </c>
      <c r="L671">
        <v>2272.1452479999998</v>
      </c>
      <c r="M671">
        <v>113.676008</v>
      </c>
    </row>
    <row r="672" spans="2:13" x14ac:dyDescent="0.45">
      <c r="B672">
        <v>2274.0740639999999</v>
      </c>
      <c r="C672">
        <v>113.625612</v>
      </c>
      <c r="D672">
        <v>2274.0740639999999</v>
      </c>
      <c r="E672">
        <v>113.701995</v>
      </c>
      <c r="F672">
        <v>2274.0740639999999</v>
      </c>
      <c r="G672">
        <v>114.79349499999999</v>
      </c>
      <c r="H672">
        <v>2274.0740639999999</v>
      </c>
      <c r="I672">
        <v>113.77328900000001</v>
      </c>
      <c r="J672">
        <v>2274.0740639999999</v>
      </c>
      <c r="K672">
        <v>114.976311</v>
      </c>
      <c r="L672">
        <v>2274.0740639999999</v>
      </c>
      <c r="M672">
        <v>113.693641</v>
      </c>
    </row>
    <row r="673" spans="2:13" x14ac:dyDescent="0.45">
      <c r="B673">
        <v>2276.00288</v>
      </c>
      <c r="C673">
        <v>113.64621200000001</v>
      </c>
      <c r="D673">
        <v>2276.00288</v>
      </c>
      <c r="E673">
        <v>113.758737</v>
      </c>
      <c r="F673">
        <v>2276.00288</v>
      </c>
      <c r="G673">
        <v>114.708935</v>
      </c>
      <c r="H673">
        <v>2276.00288</v>
      </c>
      <c r="I673">
        <v>113.737708</v>
      </c>
      <c r="J673">
        <v>2276.00288</v>
      </c>
      <c r="K673">
        <v>114.978283</v>
      </c>
      <c r="L673">
        <v>2276.00288</v>
      </c>
      <c r="M673">
        <v>113.930402</v>
      </c>
    </row>
    <row r="674" spans="2:13" x14ac:dyDescent="0.45">
      <c r="B674">
        <v>2277.9316960000001</v>
      </c>
      <c r="C674">
        <v>113.80792</v>
      </c>
      <c r="D674">
        <v>2277.9316960000001</v>
      </c>
      <c r="E674">
        <v>113.834648</v>
      </c>
      <c r="F674">
        <v>2277.9316960000001</v>
      </c>
      <c r="G674">
        <v>114.39190600000001</v>
      </c>
      <c r="H674">
        <v>2277.9316960000001</v>
      </c>
      <c r="I674">
        <v>113.698134</v>
      </c>
      <c r="J674">
        <v>2277.9316960000001</v>
      </c>
      <c r="K674">
        <v>114.87582</v>
      </c>
      <c r="L674">
        <v>2277.9316960000001</v>
      </c>
      <c r="M674">
        <v>113.89519199999999</v>
      </c>
    </row>
    <row r="675" spans="2:13" x14ac:dyDescent="0.45">
      <c r="B675">
        <v>2279.8605120000002</v>
      </c>
      <c r="C675">
        <v>113.81107799999999</v>
      </c>
      <c r="D675">
        <v>2279.8605120000002</v>
      </c>
      <c r="E675">
        <v>113.666805</v>
      </c>
      <c r="F675">
        <v>2279.8605120000002</v>
      </c>
      <c r="G675">
        <v>114.403702</v>
      </c>
      <c r="H675">
        <v>2279.8605120000002</v>
      </c>
      <c r="I675">
        <v>113.753355</v>
      </c>
      <c r="J675">
        <v>2279.8605120000002</v>
      </c>
      <c r="K675">
        <v>114.761484</v>
      </c>
      <c r="L675">
        <v>2279.8605120000002</v>
      </c>
      <c r="M675">
        <v>113.609703</v>
      </c>
    </row>
    <row r="676" spans="2:13" x14ac:dyDescent="0.45">
      <c r="B676">
        <v>2281.7893279999998</v>
      </c>
      <c r="C676">
        <v>113.54525</v>
      </c>
      <c r="D676">
        <v>2281.7893279999998</v>
      </c>
      <c r="E676">
        <v>113.574437</v>
      </c>
      <c r="F676">
        <v>2281.7893279999998</v>
      </c>
      <c r="G676">
        <v>114.47367800000001</v>
      </c>
      <c r="H676">
        <v>2281.7893279999998</v>
      </c>
      <c r="I676">
        <v>113.702313</v>
      </c>
      <c r="J676">
        <v>2281.7893279999998</v>
      </c>
      <c r="K676">
        <v>114.56323399999999</v>
      </c>
      <c r="L676">
        <v>2281.7893279999998</v>
      </c>
      <c r="M676">
        <v>113.45311599999999</v>
      </c>
    </row>
    <row r="677" spans="2:13" x14ac:dyDescent="0.45">
      <c r="B677">
        <v>2283.7181439999999</v>
      </c>
      <c r="C677">
        <v>113.359329</v>
      </c>
      <c r="D677">
        <v>2283.7181439999999</v>
      </c>
      <c r="E677">
        <v>113.63096300000001</v>
      </c>
      <c r="F677">
        <v>2283.7181439999999</v>
      </c>
      <c r="G677">
        <v>114.220443</v>
      </c>
      <c r="H677">
        <v>2283.7181439999999</v>
      </c>
      <c r="I677">
        <v>113.809201</v>
      </c>
      <c r="J677">
        <v>2283.7181439999999</v>
      </c>
      <c r="K677">
        <v>114.47348</v>
      </c>
      <c r="L677">
        <v>2283.7181439999999</v>
      </c>
      <c r="M677">
        <v>113.509986</v>
      </c>
    </row>
    <row r="678" spans="2:13" x14ac:dyDescent="0.45">
      <c r="B678">
        <v>2285.64696</v>
      </c>
      <c r="C678">
        <v>113.454795</v>
      </c>
      <c r="D678">
        <v>2285.64696</v>
      </c>
      <c r="E678">
        <v>113.584142</v>
      </c>
      <c r="F678">
        <v>2285.64696</v>
      </c>
      <c r="G678">
        <v>114.08693599999999</v>
      </c>
      <c r="H678">
        <v>2285.64696</v>
      </c>
      <c r="I678">
        <v>113.795886</v>
      </c>
      <c r="J678">
        <v>2285.64696</v>
      </c>
      <c r="K678">
        <v>114.5376</v>
      </c>
      <c r="L678">
        <v>2285.64696</v>
      </c>
      <c r="M678">
        <v>113.715093</v>
      </c>
    </row>
    <row r="679" spans="2:13" x14ac:dyDescent="0.45">
      <c r="B679">
        <v>2287.5757760000001</v>
      </c>
      <c r="C679">
        <v>113.455978</v>
      </c>
      <c r="D679">
        <v>2287.5757760000001</v>
      </c>
      <c r="E679">
        <v>113.54420400000001</v>
      </c>
      <c r="F679">
        <v>2287.5757760000001</v>
      </c>
      <c r="G679">
        <v>114.248053</v>
      </c>
      <c r="H679">
        <v>2287.5757760000001</v>
      </c>
      <c r="I679">
        <v>113.71149699999999</v>
      </c>
      <c r="J679">
        <v>2287.5757760000001</v>
      </c>
      <c r="K679">
        <v>114.62374</v>
      </c>
      <c r="L679">
        <v>2287.5757760000001</v>
      </c>
      <c r="M679">
        <v>113.87381600000001</v>
      </c>
    </row>
    <row r="680" spans="2:13" x14ac:dyDescent="0.45">
      <c r="B680">
        <v>2289.5045919999998</v>
      </c>
      <c r="C680">
        <v>113.460965</v>
      </c>
      <c r="D680">
        <v>2289.5045919999998</v>
      </c>
      <c r="E680">
        <v>113.60679</v>
      </c>
      <c r="F680">
        <v>2289.5045919999998</v>
      </c>
      <c r="G680">
        <v>114.25533900000001</v>
      </c>
      <c r="H680">
        <v>2289.5045919999998</v>
      </c>
      <c r="I680">
        <v>113.63002899999999</v>
      </c>
      <c r="J680">
        <v>2289.5045919999998</v>
      </c>
      <c r="K680">
        <v>114.701888</v>
      </c>
      <c r="L680">
        <v>2289.5045919999998</v>
      </c>
      <c r="M680">
        <v>113.857365</v>
      </c>
    </row>
    <row r="681" spans="2:13" x14ac:dyDescent="0.45">
      <c r="B681">
        <v>2291.4334079999999</v>
      </c>
      <c r="C681">
        <v>113.512005</v>
      </c>
      <c r="D681">
        <v>2291.4334079999999</v>
      </c>
      <c r="E681">
        <v>113.770521</v>
      </c>
      <c r="F681">
        <v>2291.4334079999999</v>
      </c>
      <c r="G681">
        <v>114.241484</v>
      </c>
      <c r="H681">
        <v>2291.4334079999999</v>
      </c>
      <c r="I681">
        <v>113.599313</v>
      </c>
      <c r="J681">
        <v>2291.4334079999999</v>
      </c>
      <c r="K681">
        <v>114.6823</v>
      </c>
      <c r="L681">
        <v>2291.4334079999999</v>
      </c>
      <c r="M681">
        <v>113.82924300000001</v>
      </c>
    </row>
    <row r="682" spans="2:13" x14ac:dyDescent="0.45">
      <c r="B682">
        <v>2293.362224</v>
      </c>
      <c r="C682">
        <v>113.488789</v>
      </c>
      <c r="D682">
        <v>2293.362224</v>
      </c>
      <c r="E682">
        <v>113.896792</v>
      </c>
      <c r="F682">
        <v>2293.362224</v>
      </c>
      <c r="G682">
        <v>114.236118</v>
      </c>
      <c r="H682">
        <v>2293.362224</v>
      </c>
      <c r="I682">
        <v>113.526561</v>
      </c>
      <c r="J682">
        <v>2293.362224</v>
      </c>
      <c r="K682">
        <v>114.56182099999999</v>
      </c>
      <c r="L682">
        <v>2293.362224</v>
      </c>
      <c r="M682">
        <v>113.750101</v>
      </c>
    </row>
    <row r="683" spans="2:13" x14ac:dyDescent="0.45">
      <c r="B683">
        <v>2295.2910400000001</v>
      </c>
      <c r="C683">
        <v>113.38112099999999</v>
      </c>
      <c r="D683">
        <v>2295.2910400000001</v>
      </c>
      <c r="E683">
        <v>113.77457</v>
      </c>
      <c r="F683">
        <v>2295.2910400000001</v>
      </c>
      <c r="G683">
        <v>114.13171800000001</v>
      </c>
      <c r="H683">
        <v>2295.2910400000001</v>
      </c>
      <c r="I683">
        <v>113.459733</v>
      </c>
      <c r="J683">
        <v>2295.2910400000001</v>
      </c>
      <c r="K683">
        <v>114.623471</v>
      </c>
      <c r="L683">
        <v>2295.2910400000001</v>
      </c>
      <c r="M683">
        <v>113.702416</v>
      </c>
    </row>
    <row r="684" spans="2:13" x14ac:dyDescent="0.45">
      <c r="B684">
        <v>2297.2198560000002</v>
      </c>
      <c r="C684">
        <v>113.44248399999999</v>
      </c>
      <c r="D684">
        <v>2297.2198560000002</v>
      </c>
      <c r="E684">
        <v>113.686942</v>
      </c>
      <c r="F684">
        <v>2297.2198560000002</v>
      </c>
      <c r="G684">
        <v>114.13391799999999</v>
      </c>
      <c r="H684">
        <v>2297.2198560000002</v>
      </c>
      <c r="I684">
        <v>113.45555299999999</v>
      </c>
      <c r="J684">
        <v>2297.2198560000002</v>
      </c>
      <c r="K684">
        <v>114.707233</v>
      </c>
      <c r="L684">
        <v>2297.2198560000002</v>
      </c>
      <c r="M684">
        <v>113.656255</v>
      </c>
    </row>
    <row r="685" spans="2:13" x14ac:dyDescent="0.45">
      <c r="B685">
        <v>2299.1486719999998</v>
      </c>
      <c r="C685">
        <v>113.489784</v>
      </c>
      <c r="D685">
        <v>2299.1486719999998</v>
      </c>
      <c r="E685">
        <v>113.561352</v>
      </c>
      <c r="F685">
        <v>2299.1486719999998</v>
      </c>
      <c r="G685">
        <v>114.22927300000001</v>
      </c>
      <c r="H685">
        <v>2299.1486719999998</v>
      </c>
      <c r="I685">
        <v>113.681647</v>
      </c>
      <c r="J685">
        <v>2299.1486719999998</v>
      </c>
      <c r="K685">
        <v>114.526225</v>
      </c>
      <c r="L685">
        <v>2299.1486719999998</v>
      </c>
      <c r="M685">
        <v>113.498554</v>
      </c>
    </row>
    <row r="686" spans="2:13" x14ac:dyDescent="0.45">
      <c r="B686">
        <v>2301.0774879999999</v>
      </c>
      <c r="C686">
        <v>113.417108</v>
      </c>
      <c r="D686">
        <v>2301.0774879999999</v>
      </c>
      <c r="E686">
        <v>113.522582</v>
      </c>
      <c r="F686">
        <v>2301.0774879999999</v>
      </c>
      <c r="G686">
        <v>114.295648</v>
      </c>
      <c r="H686">
        <v>2301.0774879999999</v>
      </c>
      <c r="I686">
        <v>113.785302</v>
      </c>
      <c r="J686">
        <v>2301.0774879999999</v>
      </c>
      <c r="K686">
        <v>114.443153</v>
      </c>
      <c r="L686">
        <v>2301.0774879999999</v>
      </c>
      <c r="M686">
        <v>113.51558</v>
      </c>
    </row>
    <row r="687" spans="2:13" x14ac:dyDescent="0.45">
      <c r="B687">
        <v>2303.006304</v>
      </c>
      <c r="C687">
        <v>113.33175199999999</v>
      </c>
      <c r="D687">
        <v>2303.006304</v>
      </c>
      <c r="E687">
        <v>113.635991</v>
      </c>
      <c r="F687">
        <v>2303.006304</v>
      </c>
      <c r="G687">
        <v>114.264084</v>
      </c>
      <c r="H687">
        <v>2303.006304</v>
      </c>
      <c r="I687">
        <v>113.609779</v>
      </c>
      <c r="J687">
        <v>2303.006304</v>
      </c>
      <c r="K687">
        <v>114.43635999999999</v>
      </c>
      <c r="L687">
        <v>2303.006304</v>
      </c>
      <c r="M687">
        <v>113.59765899999999</v>
      </c>
    </row>
    <row r="688" spans="2:13" x14ac:dyDescent="0.45">
      <c r="B688">
        <v>2304.9351200000001</v>
      </c>
      <c r="C688">
        <v>113.330823</v>
      </c>
      <c r="D688">
        <v>2304.9351200000001</v>
      </c>
      <c r="E688">
        <v>113.59935300000001</v>
      </c>
      <c r="F688">
        <v>2304.9351200000001</v>
      </c>
      <c r="G688">
        <v>114.194222</v>
      </c>
      <c r="H688">
        <v>2304.9351200000001</v>
      </c>
      <c r="I688">
        <v>113.45308900000001</v>
      </c>
      <c r="J688">
        <v>2304.9351200000001</v>
      </c>
      <c r="K688">
        <v>114.436868</v>
      </c>
      <c r="L688">
        <v>2304.9351200000001</v>
      </c>
      <c r="M688">
        <v>113.646074</v>
      </c>
    </row>
    <row r="689" spans="2:13" x14ac:dyDescent="0.45">
      <c r="B689">
        <v>2306.8639360000002</v>
      </c>
      <c r="C689">
        <v>113.410719</v>
      </c>
      <c r="D689">
        <v>2306.8639360000002</v>
      </c>
      <c r="E689">
        <v>113.556027</v>
      </c>
      <c r="F689">
        <v>2306.8639360000002</v>
      </c>
      <c r="G689">
        <v>114.12559899999999</v>
      </c>
      <c r="H689">
        <v>2306.8639360000002</v>
      </c>
      <c r="I689">
        <v>113.49973300000001</v>
      </c>
      <c r="J689">
        <v>2306.8639360000002</v>
      </c>
      <c r="K689">
        <v>114.347685</v>
      </c>
      <c r="L689">
        <v>2306.8639360000002</v>
      </c>
      <c r="M689">
        <v>113.648931</v>
      </c>
    </row>
    <row r="690" spans="2:13" x14ac:dyDescent="0.45">
      <c r="B690">
        <v>2308.7927519999998</v>
      </c>
      <c r="C690">
        <v>113.498493</v>
      </c>
      <c r="D690">
        <v>2308.7927519999998</v>
      </c>
      <c r="E690">
        <v>113.609588</v>
      </c>
      <c r="F690">
        <v>2308.7927519999998</v>
      </c>
      <c r="G690">
        <v>114.10203799999999</v>
      </c>
      <c r="H690">
        <v>2308.7927519999998</v>
      </c>
      <c r="I690">
        <v>113.464989</v>
      </c>
      <c r="J690">
        <v>2308.7927519999998</v>
      </c>
      <c r="K690">
        <v>114.288916</v>
      </c>
      <c r="L690">
        <v>2308.7927519999998</v>
      </c>
      <c r="M690">
        <v>113.680984</v>
      </c>
    </row>
    <row r="691" spans="2:13" x14ac:dyDescent="0.45">
      <c r="B691">
        <v>2310.7215679999999</v>
      </c>
      <c r="C691">
        <v>113.51407</v>
      </c>
      <c r="D691">
        <v>2310.7215679999999</v>
      </c>
      <c r="E691">
        <v>113.51798100000001</v>
      </c>
      <c r="F691">
        <v>2310.7215679999999</v>
      </c>
      <c r="G691">
        <v>114.130263</v>
      </c>
      <c r="H691">
        <v>2310.7215679999999</v>
      </c>
      <c r="I691">
        <v>113.452068</v>
      </c>
      <c r="J691">
        <v>2310.7215679999999</v>
      </c>
      <c r="K691">
        <v>114.236908</v>
      </c>
      <c r="L691">
        <v>2310.7215679999999</v>
      </c>
      <c r="M691">
        <v>113.61135899999999</v>
      </c>
    </row>
    <row r="692" spans="2:13" x14ac:dyDescent="0.45">
      <c r="B692">
        <v>2312.650384</v>
      </c>
      <c r="C692">
        <v>113.41514100000001</v>
      </c>
      <c r="D692">
        <v>2312.650384</v>
      </c>
      <c r="E692">
        <v>113.449106</v>
      </c>
      <c r="F692">
        <v>2312.650384</v>
      </c>
      <c r="G692">
        <v>114.12026899999999</v>
      </c>
      <c r="H692">
        <v>2312.650384</v>
      </c>
      <c r="I692">
        <v>113.495943</v>
      </c>
      <c r="J692">
        <v>2312.650384</v>
      </c>
      <c r="K692">
        <v>114.216092</v>
      </c>
      <c r="L692">
        <v>2312.650384</v>
      </c>
      <c r="M692">
        <v>113.53200699999999</v>
      </c>
    </row>
    <row r="693" spans="2:13" x14ac:dyDescent="0.45">
      <c r="B693">
        <v>2314.5792000000001</v>
      </c>
      <c r="C693">
        <v>113.405553</v>
      </c>
      <c r="D693">
        <v>2314.5792000000001</v>
      </c>
      <c r="E693">
        <v>113.33995400000001</v>
      </c>
      <c r="F693">
        <v>2314.5792000000001</v>
      </c>
      <c r="G693">
        <v>114.17617300000001</v>
      </c>
      <c r="H693">
        <v>2314.5792000000001</v>
      </c>
      <c r="I693">
        <v>113.47804499999999</v>
      </c>
      <c r="J693">
        <v>2314.5792000000001</v>
      </c>
      <c r="K693">
        <v>114.278503</v>
      </c>
      <c r="L693">
        <v>2314.5792000000001</v>
      </c>
      <c r="M693">
        <v>113.53514199999999</v>
      </c>
    </row>
    <row r="694" spans="2:13" x14ac:dyDescent="0.45">
      <c r="B694">
        <v>2316.5080160000002</v>
      </c>
      <c r="C694">
        <v>113.418505</v>
      </c>
      <c r="D694">
        <v>2316.5080160000002</v>
      </c>
      <c r="E694">
        <v>113.279033</v>
      </c>
      <c r="F694">
        <v>2316.5080160000002</v>
      </c>
      <c r="G694">
        <v>114.184579</v>
      </c>
      <c r="H694">
        <v>2316.5080160000002</v>
      </c>
      <c r="I694">
        <v>113.364369</v>
      </c>
      <c r="J694">
        <v>2316.5080160000002</v>
      </c>
      <c r="K694">
        <v>114.29246999999999</v>
      </c>
      <c r="L694">
        <v>2316.5080160000002</v>
      </c>
      <c r="M694">
        <v>113.56155699999999</v>
      </c>
    </row>
    <row r="695" spans="2:13" x14ac:dyDescent="0.45">
      <c r="B695">
        <v>2318.4368319999999</v>
      </c>
      <c r="C695">
        <v>113.389129</v>
      </c>
      <c r="D695">
        <v>2318.4368319999999</v>
      </c>
      <c r="E695">
        <v>113.39674500000001</v>
      </c>
      <c r="F695">
        <v>2318.4368319999999</v>
      </c>
      <c r="G695">
        <v>114.100756</v>
      </c>
      <c r="H695">
        <v>2318.4368319999999</v>
      </c>
      <c r="I695">
        <v>113.167653</v>
      </c>
      <c r="J695">
        <v>2318.4368319999999</v>
      </c>
      <c r="K695">
        <v>114.272553</v>
      </c>
      <c r="L695">
        <v>2318.4368319999999</v>
      </c>
      <c r="M695">
        <v>113.517686</v>
      </c>
    </row>
    <row r="696" spans="2:13" x14ac:dyDescent="0.45">
      <c r="B696">
        <v>2320.365648</v>
      </c>
      <c r="C696">
        <v>113.356735</v>
      </c>
      <c r="D696">
        <v>2320.365648</v>
      </c>
      <c r="E696">
        <v>113.46878000000001</v>
      </c>
      <c r="F696">
        <v>2320.365648</v>
      </c>
      <c r="G696">
        <v>113.948442</v>
      </c>
      <c r="H696">
        <v>2320.365648</v>
      </c>
      <c r="I696">
        <v>113.081943</v>
      </c>
      <c r="J696">
        <v>2320.365648</v>
      </c>
      <c r="K696">
        <v>114.35175</v>
      </c>
      <c r="L696">
        <v>2320.365648</v>
      </c>
      <c r="M696">
        <v>113.60961399999999</v>
      </c>
    </row>
    <row r="697" spans="2:13" x14ac:dyDescent="0.45">
      <c r="B697">
        <v>2322.2944640000001</v>
      </c>
      <c r="C697">
        <v>113.255584</v>
      </c>
      <c r="D697">
        <v>2322.2944640000001</v>
      </c>
      <c r="E697">
        <v>113.427425</v>
      </c>
      <c r="F697">
        <v>2322.2944640000001</v>
      </c>
      <c r="G697">
        <v>113.944458</v>
      </c>
      <c r="H697">
        <v>2322.2944640000001</v>
      </c>
      <c r="I697">
        <v>113.10252800000001</v>
      </c>
      <c r="J697">
        <v>2322.2944640000001</v>
      </c>
      <c r="K697">
        <v>114.31969599999999</v>
      </c>
      <c r="L697">
        <v>2322.2944640000001</v>
      </c>
      <c r="M697">
        <v>113.69762299999999</v>
      </c>
    </row>
    <row r="698" spans="2:13" x14ac:dyDescent="0.45">
      <c r="B698">
        <v>2324.2232800000002</v>
      </c>
      <c r="C698">
        <v>113.26082</v>
      </c>
      <c r="D698">
        <v>2324.2232800000002</v>
      </c>
      <c r="E698">
        <v>113.455202</v>
      </c>
      <c r="F698">
        <v>2324.2232800000002</v>
      </c>
      <c r="G698">
        <v>114.054946</v>
      </c>
      <c r="H698">
        <v>2324.2232800000002</v>
      </c>
      <c r="I698">
        <v>113.146264</v>
      </c>
      <c r="J698">
        <v>2324.2232800000002</v>
      </c>
      <c r="K698">
        <v>114.29573600000001</v>
      </c>
      <c r="L698">
        <v>2324.2232800000002</v>
      </c>
      <c r="M698">
        <v>113.633415</v>
      </c>
    </row>
    <row r="699" spans="2:13" x14ac:dyDescent="0.45">
      <c r="B699">
        <v>2326.1520959999998</v>
      </c>
      <c r="C699">
        <v>113.362544</v>
      </c>
      <c r="D699">
        <v>2326.1520959999998</v>
      </c>
      <c r="E699">
        <v>113.565774</v>
      </c>
      <c r="F699">
        <v>2326.1520959999998</v>
      </c>
      <c r="G699">
        <v>114.105481</v>
      </c>
      <c r="H699">
        <v>2326.1520959999998</v>
      </c>
      <c r="I699">
        <v>113.255728</v>
      </c>
      <c r="J699">
        <v>2326.1520959999998</v>
      </c>
      <c r="K699">
        <v>114.403851</v>
      </c>
      <c r="L699">
        <v>2326.1520959999998</v>
      </c>
      <c r="M699">
        <v>113.611428</v>
      </c>
    </row>
    <row r="700" spans="2:13" x14ac:dyDescent="0.45">
      <c r="B700">
        <v>2328.0809119999999</v>
      </c>
      <c r="C700">
        <v>113.347025</v>
      </c>
      <c r="D700">
        <v>2328.0809119999999</v>
      </c>
      <c r="E700">
        <v>113.52080000000001</v>
      </c>
      <c r="F700">
        <v>2328.0809119999999</v>
      </c>
      <c r="G700">
        <v>114.11727999999999</v>
      </c>
      <c r="H700">
        <v>2328.0809119999999</v>
      </c>
      <c r="I700">
        <v>113.275319</v>
      </c>
      <c r="J700">
        <v>2328.0809119999999</v>
      </c>
      <c r="K700">
        <v>114.413023</v>
      </c>
      <c r="L700">
        <v>2328.0809119999999</v>
      </c>
      <c r="M700">
        <v>113.643432</v>
      </c>
    </row>
    <row r="701" spans="2:13" x14ac:dyDescent="0.45">
      <c r="B701">
        <v>2330.009728</v>
      </c>
      <c r="C701">
        <v>113.337957</v>
      </c>
      <c r="D701">
        <v>2330.009728</v>
      </c>
      <c r="E701">
        <v>113.233751</v>
      </c>
      <c r="F701">
        <v>2330.009728</v>
      </c>
      <c r="G701">
        <v>114.01343199999999</v>
      </c>
      <c r="H701">
        <v>2330.009728</v>
      </c>
      <c r="I701">
        <v>113.275313</v>
      </c>
      <c r="J701">
        <v>2330.009728</v>
      </c>
      <c r="K701">
        <v>114.435385</v>
      </c>
      <c r="L701">
        <v>2330.009728</v>
      </c>
      <c r="M701">
        <v>113.553341</v>
      </c>
    </row>
    <row r="702" spans="2:13" x14ac:dyDescent="0.45">
      <c r="B702">
        <v>2331.9385440000001</v>
      </c>
      <c r="C702">
        <v>113.387998</v>
      </c>
      <c r="D702">
        <v>2331.9385440000001</v>
      </c>
      <c r="E702">
        <v>113.39713</v>
      </c>
      <c r="F702">
        <v>2331.9385440000001</v>
      </c>
      <c r="G702">
        <v>113.86836099999999</v>
      </c>
      <c r="H702">
        <v>2331.9385440000001</v>
      </c>
      <c r="I702">
        <v>113.381471</v>
      </c>
      <c r="J702">
        <v>2331.9385440000001</v>
      </c>
      <c r="K702">
        <v>114.510278</v>
      </c>
      <c r="L702">
        <v>2331.9385440000001</v>
      </c>
      <c r="M702">
        <v>113.54147399999999</v>
      </c>
    </row>
    <row r="703" spans="2:13" x14ac:dyDescent="0.45">
      <c r="B703">
        <v>2333.8673600000002</v>
      </c>
      <c r="C703">
        <v>113.397739</v>
      </c>
      <c r="D703">
        <v>2333.8673600000002</v>
      </c>
      <c r="E703">
        <v>113.585245</v>
      </c>
      <c r="F703">
        <v>2333.8673600000002</v>
      </c>
      <c r="G703">
        <v>113.773802</v>
      </c>
      <c r="H703">
        <v>2333.8673600000002</v>
      </c>
      <c r="I703">
        <v>113.398416</v>
      </c>
      <c r="J703">
        <v>2333.8673600000002</v>
      </c>
      <c r="K703">
        <v>114.46110400000001</v>
      </c>
      <c r="L703">
        <v>2333.8673600000002</v>
      </c>
      <c r="M703">
        <v>113.57431800000001</v>
      </c>
    </row>
    <row r="704" spans="2:13" x14ac:dyDescent="0.45">
      <c r="B704">
        <v>2335.7961759999998</v>
      </c>
      <c r="C704">
        <v>113.390653</v>
      </c>
      <c r="D704">
        <v>2335.7961759999998</v>
      </c>
      <c r="E704">
        <v>113.465057</v>
      </c>
      <c r="F704">
        <v>2335.7961759999998</v>
      </c>
      <c r="G704">
        <v>113.80917599999999</v>
      </c>
      <c r="H704">
        <v>2335.7961759999998</v>
      </c>
      <c r="I704">
        <v>113.38556800000001</v>
      </c>
      <c r="J704">
        <v>2335.7961759999998</v>
      </c>
      <c r="K704">
        <v>114.373993</v>
      </c>
      <c r="L704">
        <v>2335.7961759999998</v>
      </c>
      <c r="M704">
        <v>113.569497</v>
      </c>
    </row>
    <row r="705" spans="2:13" x14ac:dyDescent="0.45">
      <c r="B705">
        <v>2337.7249919999999</v>
      </c>
      <c r="C705">
        <v>113.219629</v>
      </c>
      <c r="D705">
        <v>2337.7249919999999</v>
      </c>
      <c r="E705">
        <v>113.408659</v>
      </c>
      <c r="F705">
        <v>2337.7249919999999</v>
      </c>
      <c r="G705">
        <v>113.99279900000001</v>
      </c>
      <c r="H705">
        <v>2337.7249919999999</v>
      </c>
      <c r="I705">
        <v>113.426254</v>
      </c>
      <c r="J705">
        <v>2337.7249919999999</v>
      </c>
      <c r="K705">
        <v>114.27496499999999</v>
      </c>
      <c r="L705">
        <v>2337.7249919999999</v>
      </c>
      <c r="M705">
        <v>113.488316</v>
      </c>
    </row>
    <row r="706" spans="2:13" x14ac:dyDescent="0.45">
      <c r="B706">
        <v>2339.653808</v>
      </c>
      <c r="C706">
        <v>113.239203</v>
      </c>
      <c r="D706">
        <v>2339.653808</v>
      </c>
      <c r="E706">
        <v>113.392573</v>
      </c>
      <c r="F706">
        <v>2339.653808</v>
      </c>
      <c r="G706">
        <v>113.98644</v>
      </c>
      <c r="H706">
        <v>2339.653808</v>
      </c>
      <c r="I706">
        <v>113.391267</v>
      </c>
      <c r="J706">
        <v>2339.653808</v>
      </c>
      <c r="K706">
        <v>114.262593</v>
      </c>
      <c r="L706">
        <v>2339.653808</v>
      </c>
      <c r="M706">
        <v>113.542339</v>
      </c>
    </row>
    <row r="707" spans="2:13" x14ac:dyDescent="0.45">
      <c r="B707">
        <v>2341.5826240000001</v>
      </c>
      <c r="C707">
        <v>113.376154</v>
      </c>
      <c r="D707">
        <v>2341.5826240000001</v>
      </c>
      <c r="E707">
        <v>113.357876</v>
      </c>
      <c r="F707">
        <v>2341.5826240000001</v>
      </c>
      <c r="G707">
        <v>113.869691</v>
      </c>
      <c r="H707">
        <v>2341.5826240000001</v>
      </c>
      <c r="I707">
        <v>113.424311</v>
      </c>
      <c r="J707">
        <v>2341.5826240000001</v>
      </c>
      <c r="K707">
        <v>114.28609899999999</v>
      </c>
      <c r="L707">
        <v>2341.5826240000001</v>
      </c>
      <c r="M707">
        <v>113.48314499999999</v>
      </c>
    </row>
    <row r="708" spans="2:13" x14ac:dyDescent="0.45">
      <c r="B708">
        <v>2343.5114400000002</v>
      </c>
      <c r="C708">
        <v>113.34438</v>
      </c>
      <c r="D708">
        <v>2343.5114400000002</v>
      </c>
      <c r="E708">
        <v>113.30875</v>
      </c>
      <c r="F708">
        <v>2343.5114400000002</v>
      </c>
      <c r="G708">
        <v>113.715039</v>
      </c>
      <c r="H708">
        <v>2343.5114400000002</v>
      </c>
      <c r="I708">
        <v>113.231979</v>
      </c>
      <c r="J708">
        <v>2343.5114400000002</v>
      </c>
      <c r="K708">
        <v>114.338067</v>
      </c>
      <c r="L708">
        <v>2343.5114400000002</v>
      </c>
      <c r="M708">
        <v>113.46897</v>
      </c>
    </row>
    <row r="709" spans="2:13" x14ac:dyDescent="0.45">
      <c r="B709">
        <v>2345.4402559999999</v>
      </c>
      <c r="C709">
        <v>113.260237</v>
      </c>
      <c r="D709">
        <v>2345.4402559999999</v>
      </c>
      <c r="E709">
        <v>113.281524</v>
      </c>
      <c r="F709">
        <v>2345.4402559999999</v>
      </c>
      <c r="G709">
        <v>113.64906999999999</v>
      </c>
      <c r="H709">
        <v>2345.4402559999999</v>
      </c>
      <c r="I709">
        <v>113.12535200000001</v>
      </c>
      <c r="J709">
        <v>2345.4402559999999</v>
      </c>
      <c r="K709">
        <v>114.40422</v>
      </c>
      <c r="L709">
        <v>2345.4402559999999</v>
      </c>
      <c r="M709">
        <v>113.526837</v>
      </c>
    </row>
    <row r="710" spans="2:13" x14ac:dyDescent="0.45">
      <c r="B710">
        <v>2347.369072</v>
      </c>
      <c r="C710">
        <v>113.221683</v>
      </c>
      <c r="D710">
        <v>2347.369072</v>
      </c>
      <c r="E710">
        <v>113.27963100000001</v>
      </c>
      <c r="F710">
        <v>2347.369072</v>
      </c>
      <c r="G710">
        <v>113.80199399999999</v>
      </c>
      <c r="H710">
        <v>2347.369072</v>
      </c>
      <c r="I710">
        <v>113.17164200000001</v>
      </c>
      <c r="J710">
        <v>2347.369072</v>
      </c>
      <c r="K710">
        <v>114.355585</v>
      </c>
      <c r="L710">
        <v>2347.369072</v>
      </c>
      <c r="M710">
        <v>113.58318199999999</v>
      </c>
    </row>
    <row r="711" spans="2:13" x14ac:dyDescent="0.45">
      <c r="B711">
        <v>2349.2978880000001</v>
      </c>
      <c r="C711">
        <v>113.244176</v>
      </c>
      <c r="D711">
        <v>2349.2978880000001</v>
      </c>
      <c r="E711">
        <v>113.328306</v>
      </c>
      <c r="F711">
        <v>2349.2978880000001</v>
      </c>
      <c r="G711">
        <v>113.854448</v>
      </c>
      <c r="H711">
        <v>2349.2978880000001</v>
      </c>
      <c r="I711">
        <v>113.20446099999999</v>
      </c>
      <c r="J711">
        <v>2349.2978880000001</v>
      </c>
      <c r="K711">
        <v>114.27010300000001</v>
      </c>
      <c r="L711">
        <v>2349.2978880000001</v>
      </c>
      <c r="M711">
        <v>113.672572</v>
      </c>
    </row>
    <row r="712" spans="2:13" x14ac:dyDescent="0.45">
      <c r="B712">
        <v>2351.2267040000002</v>
      </c>
      <c r="C712">
        <v>113.306197</v>
      </c>
      <c r="D712">
        <v>2351.2267040000002</v>
      </c>
      <c r="E712">
        <v>113.37531300000001</v>
      </c>
      <c r="F712">
        <v>2351.2267040000002</v>
      </c>
      <c r="G712">
        <v>113.794127</v>
      </c>
      <c r="H712">
        <v>2351.2267040000002</v>
      </c>
      <c r="I712">
        <v>113.080078</v>
      </c>
      <c r="J712">
        <v>2351.2267040000002</v>
      </c>
      <c r="K712">
        <v>114.10224599999999</v>
      </c>
      <c r="L712">
        <v>2351.2267040000002</v>
      </c>
      <c r="M712">
        <v>113.67667299999999</v>
      </c>
    </row>
    <row r="713" spans="2:13" x14ac:dyDescent="0.45">
      <c r="B713">
        <v>2353.1555199999998</v>
      </c>
      <c r="C713">
        <v>113.248092</v>
      </c>
      <c r="D713">
        <v>2353.1555199999998</v>
      </c>
      <c r="E713">
        <v>113.36218000000001</v>
      </c>
      <c r="F713">
        <v>2353.1555199999998</v>
      </c>
      <c r="G713">
        <v>113.71887</v>
      </c>
      <c r="H713">
        <v>2353.1555199999998</v>
      </c>
      <c r="I713">
        <v>113.02314</v>
      </c>
      <c r="J713">
        <v>2353.1555199999998</v>
      </c>
      <c r="K713">
        <v>113.907636</v>
      </c>
      <c r="L713">
        <v>2353.1555199999998</v>
      </c>
      <c r="M713">
        <v>113.564806</v>
      </c>
    </row>
    <row r="714" spans="2:13" x14ac:dyDescent="0.45">
      <c r="B714">
        <v>2355.0843359999999</v>
      </c>
      <c r="C714">
        <v>113.117884</v>
      </c>
      <c r="D714">
        <v>2355.0843359999999</v>
      </c>
      <c r="E714">
        <v>113.365707</v>
      </c>
      <c r="F714">
        <v>2355.0843359999999</v>
      </c>
      <c r="G714">
        <v>113.683179</v>
      </c>
      <c r="H714">
        <v>2355.0843359999999</v>
      </c>
      <c r="I714">
        <v>113.053575</v>
      </c>
      <c r="J714">
        <v>2355.0843359999999</v>
      </c>
      <c r="K714">
        <v>113.96437</v>
      </c>
      <c r="L714">
        <v>2355.0843359999999</v>
      </c>
      <c r="M714">
        <v>113.45290900000001</v>
      </c>
    </row>
    <row r="715" spans="2:13" x14ac:dyDescent="0.45">
      <c r="B715">
        <v>2357.013152</v>
      </c>
      <c r="C715">
        <v>113.032397</v>
      </c>
      <c r="D715">
        <v>2357.013152</v>
      </c>
      <c r="E715">
        <v>113.165578</v>
      </c>
      <c r="F715">
        <v>2357.013152</v>
      </c>
      <c r="G715">
        <v>113.647398</v>
      </c>
      <c r="H715">
        <v>2357.013152</v>
      </c>
      <c r="I715">
        <v>112.99568499999999</v>
      </c>
      <c r="J715">
        <v>2357.013152</v>
      </c>
      <c r="K715">
        <v>114.125629</v>
      </c>
      <c r="L715">
        <v>2357.013152</v>
      </c>
      <c r="M715">
        <v>113.280542</v>
      </c>
    </row>
    <row r="716" spans="2:13" x14ac:dyDescent="0.45">
      <c r="B716">
        <v>2358.9419680000001</v>
      </c>
      <c r="C716">
        <v>113.12795699999999</v>
      </c>
      <c r="D716">
        <v>2358.9419680000001</v>
      </c>
      <c r="E716">
        <v>112.91123400000001</v>
      </c>
      <c r="F716">
        <v>2358.9419680000001</v>
      </c>
      <c r="G716">
        <v>113.73296000000001</v>
      </c>
      <c r="H716">
        <v>2358.9419680000001</v>
      </c>
      <c r="I716">
        <v>113.161618</v>
      </c>
      <c r="J716">
        <v>2358.9419680000001</v>
      </c>
      <c r="K716">
        <v>114.108757</v>
      </c>
      <c r="L716">
        <v>2358.9419680000001</v>
      </c>
      <c r="M716">
        <v>113.095798</v>
      </c>
    </row>
    <row r="717" spans="2:13" x14ac:dyDescent="0.45">
      <c r="B717">
        <v>2360.8707840000002</v>
      </c>
      <c r="C717">
        <v>113.060204</v>
      </c>
      <c r="D717">
        <v>2360.8707840000002</v>
      </c>
      <c r="E717">
        <v>112.828124</v>
      </c>
      <c r="F717">
        <v>2360.8707840000002</v>
      </c>
      <c r="G717">
        <v>113.809287</v>
      </c>
      <c r="H717">
        <v>2360.8707840000002</v>
      </c>
      <c r="I717">
        <v>113.459216</v>
      </c>
      <c r="J717">
        <v>2360.8707840000002</v>
      </c>
      <c r="K717">
        <v>114.40253199999999</v>
      </c>
      <c r="L717">
        <v>2360.8707840000002</v>
      </c>
      <c r="M717">
        <v>113.121509</v>
      </c>
    </row>
    <row r="718" spans="2:13" x14ac:dyDescent="0.45">
      <c r="B718">
        <v>2362.7995999999998</v>
      </c>
      <c r="C718">
        <v>113.066151</v>
      </c>
      <c r="D718">
        <v>2362.7995999999998</v>
      </c>
      <c r="E718">
        <v>112.960154</v>
      </c>
      <c r="F718">
        <v>2362.7995999999998</v>
      </c>
      <c r="G718">
        <v>113.757251</v>
      </c>
      <c r="H718">
        <v>2362.7995999999998</v>
      </c>
      <c r="I718">
        <v>113.447569</v>
      </c>
      <c r="J718">
        <v>2362.7995999999998</v>
      </c>
      <c r="K718">
        <v>114.420816</v>
      </c>
      <c r="L718">
        <v>2362.7995999999998</v>
      </c>
      <c r="M718">
        <v>113.122658</v>
      </c>
    </row>
    <row r="719" spans="2:13" x14ac:dyDescent="0.45">
      <c r="B719">
        <v>2364.7284159999999</v>
      </c>
      <c r="C719">
        <v>113.149103</v>
      </c>
      <c r="D719">
        <v>2364.7284159999999</v>
      </c>
      <c r="E719">
        <v>113.069396</v>
      </c>
      <c r="F719">
        <v>2364.7284159999999</v>
      </c>
      <c r="G719">
        <v>113.727491</v>
      </c>
      <c r="H719">
        <v>2364.7284159999999</v>
      </c>
      <c r="I719">
        <v>113.261034</v>
      </c>
      <c r="J719">
        <v>2364.7284159999999</v>
      </c>
      <c r="K719">
        <v>114.246909</v>
      </c>
      <c r="L719">
        <v>2364.7284159999999</v>
      </c>
      <c r="M719">
        <v>112.942638</v>
      </c>
    </row>
    <row r="720" spans="2:13" x14ac:dyDescent="0.45">
      <c r="B720">
        <v>2366.657232</v>
      </c>
      <c r="C720">
        <v>113.10339</v>
      </c>
      <c r="D720">
        <v>2366.657232</v>
      </c>
      <c r="E720">
        <v>113.273111</v>
      </c>
      <c r="F720">
        <v>2366.657232</v>
      </c>
      <c r="G720">
        <v>113.67513700000001</v>
      </c>
      <c r="H720">
        <v>2366.657232</v>
      </c>
      <c r="I720">
        <v>113.158385</v>
      </c>
      <c r="J720">
        <v>2366.657232</v>
      </c>
      <c r="K720">
        <v>114.208156</v>
      </c>
      <c r="L720">
        <v>2366.657232</v>
      </c>
      <c r="M720">
        <v>113.009664</v>
      </c>
    </row>
    <row r="721" spans="2:13" x14ac:dyDescent="0.45">
      <c r="B721">
        <v>2368.5860480000001</v>
      </c>
      <c r="C721">
        <v>113.046995</v>
      </c>
      <c r="D721">
        <v>2368.5860480000001</v>
      </c>
      <c r="E721">
        <v>113.496151</v>
      </c>
      <c r="F721">
        <v>2368.5860480000001</v>
      </c>
      <c r="G721">
        <v>113.801749</v>
      </c>
      <c r="H721">
        <v>2368.5860480000001</v>
      </c>
      <c r="I721">
        <v>113.01858900000001</v>
      </c>
      <c r="J721">
        <v>2368.5860480000001</v>
      </c>
      <c r="K721">
        <v>114.081997</v>
      </c>
      <c r="L721">
        <v>2368.5860480000001</v>
      </c>
      <c r="M721">
        <v>113.09421399999999</v>
      </c>
    </row>
    <row r="722" spans="2:13" x14ac:dyDescent="0.45">
      <c r="B722">
        <v>2370.5148640000002</v>
      </c>
      <c r="C722">
        <v>113.019215</v>
      </c>
      <c r="D722">
        <v>2370.5148640000002</v>
      </c>
      <c r="E722">
        <v>113.451252</v>
      </c>
      <c r="F722">
        <v>2370.5148640000002</v>
      </c>
      <c r="G722">
        <v>113.95288499999999</v>
      </c>
      <c r="H722">
        <v>2370.5148640000002</v>
      </c>
      <c r="I722">
        <v>112.97307000000001</v>
      </c>
      <c r="J722">
        <v>2370.5148640000002</v>
      </c>
      <c r="K722">
        <v>113.969453</v>
      </c>
      <c r="L722">
        <v>2370.5148640000002</v>
      </c>
      <c r="M722">
        <v>113.158945</v>
      </c>
    </row>
    <row r="723" spans="2:13" x14ac:dyDescent="0.45">
      <c r="B723">
        <v>2372.4436799999999</v>
      </c>
      <c r="C723">
        <v>113.037397</v>
      </c>
      <c r="D723">
        <v>2372.4436799999999</v>
      </c>
      <c r="E723">
        <v>113.346306</v>
      </c>
      <c r="F723">
        <v>2372.4436799999999</v>
      </c>
      <c r="G723">
        <v>113.836073</v>
      </c>
      <c r="H723">
        <v>2372.4436799999999</v>
      </c>
      <c r="I723">
        <v>113.150182</v>
      </c>
      <c r="J723">
        <v>2372.4436799999999</v>
      </c>
      <c r="K723">
        <v>114.015773</v>
      </c>
      <c r="L723">
        <v>2372.4436799999999</v>
      </c>
      <c r="M723">
        <v>113.283269</v>
      </c>
    </row>
    <row r="724" spans="2:13" x14ac:dyDescent="0.45">
      <c r="B724">
        <v>2374.372496</v>
      </c>
      <c r="C724">
        <v>113.013863</v>
      </c>
      <c r="D724">
        <v>2374.372496</v>
      </c>
      <c r="E724">
        <v>113.24008600000001</v>
      </c>
      <c r="F724">
        <v>2374.372496</v>
      </c>
      <c r="G724">
        <v>113.684433</v>
      </c>
      <c r="H724">
        <v>2374.372496</v>
      </c>
      <c r="I724">
        <v>113.067767</v>
      </c>
      <c r="J724">
        <v>2374.372496</v>
      </c>
      <c r="K724">
        <v>114.21052400000001</v>
      </c>
      <c r="L724">
        <v>2374.372496</v>
      </c>
      <c r="M724">
        <v>113.349446</v>
      </c>
    </row>
    <row r="725" spans="2:13" x14ac:dyDescent="0.45">
      <c r="B725">
        <v>2376.3013120000001</v>
      </c>
      <c r="C725">
        <v>113.12066900000001</v>
      </c>
      <c r="D725">
        <v>2376.3013120000001</v>
      </c>
      <c r="E725">
        <v>113.02452700000001</v>
      </c>
      <c r="F725">
        <v>2376.3013120000001</v>
      </c>
      <c r="G725">
        <v>113.62728199999999</v>
      </c>
      <c r="H725">
        <v>2376.3013120000001</v>
      </c>
      <c r="I725">
        <v>112.922071</v>
      </c>
      <c r="J725">
        <v>2376.3013120000001</v>
      </c>
      <c r="K725">
        <v>114.276991</v>
      </c>
      <c r="L725">
        <v>2376.3013120000001</v>
      </c>
      <c r="M725">
        <v>113.322649</v>
      </c>
    </row>
    <row r="726" spans="2:13" x14ac:dyDescent="0.45">
      <c r="B726">
        <v>2378.2301280000001</v>
      </c>
      <c r="C726">
        <v>113.202913</v>
      </c>
      <c r="D726">
        <v>2378.2301280000001</v>
      </c>
      <c r="E726">
        <v>113.06400600000001</v>
      </c>
      <c r="F726">
        <v>2378.2301280000001</v>
      </c>
      <c r="G726">
        <v>113.647468</v>
      </c>
      <c r="H726">
        <v>2378.2301280000001</v>
      </c>
      <c r="I726">
        <v>112.99823600000001</v>
      </c>
      <c r="J726">
        <v>2378.2301280000001</v>
      </c>
      <c r="K726">
        <v>114.101884</v>
      </c>
      <c r="L726">
        <v>2378.2301280000001</v>
      </c>
      <c r="M726">
        <v>113.312535</v>
      </c>
    </row>
    <row r="727" spans="2:13" x14ac:dyDescent="0.45">
      <c r="B727">
        <v>2380.1589439999998</v>
      </c>
      <c r="C727">
        <v>113.157832</v>
      </c>
      <c r="D727">
        <v>2380.1589439999998</v>
      </c>
      <c r="E727">
        <v>113.172135</v>
      </c>
      <c r="F727">
        <v>2380.1589439999998</v>
      </c>
      <c r="G727">
        <v>113.682024</v>
      </c>
      <c r="H727">
        <v>2380.1589439999998</v>
      </c>
      <c r="I727">
        <v>113.004414</v>
      </c>
      <c r="J727">
        <v>2380.1589439999998</v>
      </c>
      <c r="K727">
        <v>114.025386</v>
      </c>
      <c r="L727">
        <v>2380.1589439999998</v>
      </c>
      <c r="M727">
        <v>113.353936</v>
      </c>
    </row>
    <row r="728" spans="2:13" x14ac:dyDescent="0.45">
      <c r="B728">
        <v>2382.0877599999999</v>
      </c>
      <c r="C728">
        <v>113.12432800000001</v>
      </c>
      <c r="D728">
        <v>2382.0877599999999</v>
      </c>
      <c r="E728">
        <v>113.180587</v>
      </c>
      <c r="F728">
        <v>2382.0877599999999</v>
      </c>
      <c r="G728">
        <v>113.67560400000001</v>
      </c>
      <c r="H728">
        <v>2382.0877599999999</v>
      </c>
      <c r="I728">
        <v>112.898911</v>
      </c>
      <c r="J728">
        <v>2382.0877599999999</v>
      </c>
      <c r="K728">
        <v>114.100649</v>
      </c>
      <c r="L728">
        <v>2382.0877599999999</v>
      </c>
      <c r="M728">
        <v>113.426489</v>
      </c>
    </row>
    <row r="729" spans="2:13" x14ac:dyDescent="0.45">
      <c r="B729">
        <v>2384.016576</v>
      </c>
      <c r="C729">
        <v>113.08229300000001</v>
      </c>
      <c r="D729">
        <v>2384.016576</v>
      </c>
      <c r="E729">
        <v>113.203496</v>
      </c>
      <c r="F729">
        <v>2384.016576</v>
      </c>
      <c r="G729">
        <v>113.635975</v>
      </c>
      <c r="H729">
        <v>2384.016576</v>
      </c>
      <c r="I729">
        <v>112.90131100000001</v>
      </c>
      <c r="J729">
        <v>2384.016576</v>
      </c>
      <c r="K729">
        <v>114.141626</v>
      </c>
      <c r="L729">
        <v>2384.016576</v>
      </c>
      <c r="M729">
        <v>113.477683</v>
      </c>
    </row>
    <row r="730" spans="2:13" x14ac:dyDescent="0.45">
      <c r="B730">
        <v>2385.9453920000001</v>
      </c>
      <c r="C730">
        <v>113.051025</v>
      </c>
      <c r="D730">
        <v>2385.9453920000001</v>
      </c>
      <c r="E730">
        <v>113.222425</v>
      </c>
      <c r="F730">
        <v>2385.9453920000001</v>
      </c>
      <c r="G730">
        <v>113.599317</v>
      </c>
      <c r="H730">
        <v>2385.9453920000001</v>
      </c>
      <c r="I730">
        <v>112.940325</v>
      </c>
      <c r="J730">
        <v>2385.9453920000001</v>
      </c>
      <c r="K730">
        <v>114.12722599999999</v>
      </c>
      <c r="L730">
        <v>2385.9453920000001</v>
      </c>
      <c r="M730">
        <v>113.566801</v>
      </c>
    </row>
    <row r="731" spans="2:13" x14ac:dyDescent="0.45">
      <c r="B731">
        <v>2387.8742080000002</v>
      </c>
      <c r="C731">
        <v>113.043976</v>
      </c>
      <c r="D731">
        <v>2387.8742080000002</v>
      </c>
      <c r="E731">
        <v>113.22418500000001</v>
      </c>
      <c r="F731">
        <v>2387.8742080000002</v>
      </c>
      <c r="G731">
        <v>113.531142</v>
      </c>
      <c r="H731">
        <v>2387.8742080000002</v>
      </c>
      <c r="I731">
        <v>112.926959</v>
      </c>
      <c r="J731">
        <v>2387.8742080000002</v>
      </c>
      <c r="K731">
        <v>114.031015</v>
      </c>
      <c r="L731">
        <v>2387.8742080000002</v>
      </c>
      <c r="M731">
        <v>113.52947500000001</v>
      </c>
    </row>
    <row r="732" spans="2:13" x14ac:dyDescent="0.45">
      <c r="B732">
        <v>2389.8030239999998</v>
      </c>
      <c r="C732">
        <v>113.076176</v>
      </c>
      <c r="D732">
        <v>2389.8030239999998</v>
      </c>
      <c r="E732">
        <v>113.23315600000001</v>
      </c>
      <c r="F732">
        <v>2389.8030239999998</v>
      </c>
      <c r="G732">
        <v>113.51198100000001</v>
      </c>
      <c r="H732">
        <v>2389.8030239999998</v>
      </c>
      <c r="I732">
        <v>112.939911</v>
      </c>
      <c r="J732">
        <v>2389.8030239999998</v>
      </c>
      <c r="K732">
        <v>113.965974</v>
      </c>
      <c r="L732">
        <v>2389.8030239999998</v>
      </c>
      <c r="M732">
        <v>113.43135599999999</v>
      </c>
    </row>
    <row r="733" spans="2:13" x14ac:dyDescent="0.45">
      <c r="B733">
        <v>2391.7318399999999</v>
      </c>
      <c r="C733">
        <v>113.084407</v>
      </c>
      <c r="D733">
        <v>2391.7318399999999</v>
      </c>
      <c r="E733">
        <v>113.143922</v>
      </c>
      <c r="F733">
        <v>2391.7318399999999</v>
      </c>
      <c r="G733">
        <v>113.597537</v>
      </c>
      <c r="H733">
        <v>2391.7318399999999</v>
      </c>
      <c r="I733">
        <v>112.93139600000001</v>
      </c>
      <c r="J733">
        <v>2391.7318399999999</v>
      </c>
      <c r="K733">
        <v>114.017336</v>
      </c>
      <c r="L733">
        <v>2391.7318399999999</v>
      </c>
      <c r="M733">
        <v>113.381716</v>
      </c>
    </row>
    <row r="734" spans="2:13" x14ac:dyDescent="0.45">
      <c r="B734">
        <v>2393.660656</v>
      </c>
      <c r="C734">
        <v>113.101214</v>
      </c>
      <c r="D734">
        <v>2393.660656</v>
      </c>
      <c r="E734">
        <v>113.061367</v>
      </c>
      <c r="F734">
        <v>2393.660656</v>
      </c>
      <c r="G734">
        <v>113.547636</v>
      </c>
      <c r="H734">
        <v>2393.660656</v>
      </c>
      <c r="I734">
        <v>112.86825</v>
      </c>
      <c r="J734">
        <v>2393.660656</v>
      </c>
      <c r="K734">
        <v>114.022368</v>
      </c>
      <c r="L734">
        <v>2393.660656</v>
      </c>
      <c r="M734">
        <v>113.416432</v>
      </c>
    </row>
    <row r="735" spans="2:13" x14ac:dyDescent="0.45">
      <c r="B735">
        <v>2395.5894720000001</v>
      </c>
      <c r="C735">
        <v>113.13553400000001</v>
      </c>
      <c r="D735">
        <v>2395.5894720000001</v>
      </c>
      <c r="E735">
        <v>113.09470300000001</v>
      </c>
      <c r="F735">
        <v>2395.5894720000001</v>
      </c>
      <c r="G735">
        <v>113.497542</v>
      </c>
      <c r="H735">
        <v>2395.5894720000001</v>
      </c>
      <c r="I735">
        <v>112.83125200000001</v>
      </c>
      <c r="J735">
        <v>2395.5894720000001</v>
      </c>
      <c r="K735">
        <v>113.98630900000001</v>
      </c>
      <c r="L735">
        <v>2395.5894720000001</v>
      </c>
      <c r="M735">
        <v>113.35750400000001</v>
      </c>
    </row>
    <row r="736" spans="2:13" x14ac:dyDescent="0.45">
      <c r="B736">
        <v>2397.5182880000002</v>
      </c>
      <c r="C736">
        <v>113.141509</v>
      </c>
      <c r="D736">
        <v>2397.5182880000002</v>
      </c>
      <c r="E736">
        <v>113.103241</v>
      </c>
      <c r="F736">
        <v>2397.5182880000002</v>
      </c>
      <c r="G736">
        <v>113.486676</v>
      </c>
      <c r="H736">
        <v>2397.5182880000002</v>
      </c>
      <c r="I736">
        <v>112.83802300000001</v>
      </c>
      <c r="J736">
        <v>2397.5182880000002</v>
      </c>
      <c r="K736">
        <v>114.005864</v>
      </c>
      <c r="L736">
        <v>2397.5182880000002</v>
      </c>
      <c r="M736">
        <v>113.404656</v>
      </c>
    </row>
    <row r="737" spans="2:13" x14ac:dyDescent="0.45">
      <c r="B737">
        <v>2399.4471039999999</v>
      </c>
      <c r="C737">
        <v>113.102886</v>
      </c>
      <c r="D737">
        <v>2399.4471039999999</v>
      </c>
      <c r="E737">
        <v>113.01831200000001</v>
      </c>
      <c r="F737">
        <v>2399.4471039999999</v>
      </c>
      <c r="G737">
        <v>113.467348</v>
      </c>
      <c r="H737">
        <v>2399.4471039999999</v>
      </c>
      <c r="I737">
        <v>112.773292</v>
      </c>
      <c r="J737">
        <v>2399.4471039999999</v>
      </c>
      <c r="K737">
        <v>114.005781</v>
      </c>
      <c r="L737">
        <v>2399.4471039999999</v>
      </c>
      <c r="M737">
        <v>113.417886</v>
      </c>
    </row>
    <row r="738" spans="2:13" x14ac:dyDescent="0.45">
      <c r="B738">
        <v>2401.37592</v>
      </c>
      <c r="C738">
        <v>113.005278</v>
      </c>
      <c r="D738">
        <v>2401.37592</v>
      </c>
      <c r="E738">
        <v>112.944255</v>
      </c>
      <c r="F738">
        <v>2401.37592</v>
      </c>
      <c r="G738">
        <v>113.54829599999999</v>
      </c>
      <c r="H738">
        <v>2401.37592</v>
      </c>
      <c r="I738">
        <v>112.73794700000001</v>
      </c>
      <c r="J738">
        <v>2401.37592</v>
      </c>
      <c r="K738">
        <v>113.993455</v>
      </c>
      <c r="L738">
        <v>2401.37592</v>
      </c>
      <c r="M738">
        <v>113.34612300000001</v>
      </c>
    </row>
    <row r="739" spans="2:13" x14ac:dyDescent="0.45">
      <c r="B739">
        <v>2403.304736</v>
      </c>
      <c r="C739">
        <v>113.009319</v>
      </c>
      <c r="D739">
        <v>2403.304736</v>
      </c>
      <c r="E739">
        <v>112.870946</v>
      </c>
      <c r="F739">
        <v>2403.304736</v>
      </c>
      <c r="G739">
        <v>113.626626</v>
      </c>
      <c r="H739">
        <v>2403.304736</v>
      </c>
      <c r="I739">
        <v>112.80028900000001</v>
      </c>
      <c r="J739">
        <v>2403.304736</v>
      </c>
      <c r="K739">
        <v>113.911534</v>
      </c>
      <c r="L739">
        <v>2403.304736</v>
      </c>
      <c r="M739">
        <v>113.330786</v>
      </c>
    </row>
    <row r="740" spans="2:13" x14ac:dyDescent="0.45">
      <c r="B740">
        <v>2405.2335520000001</v>
      </c>
      <c r="C740">
        <v>113.03381899999999</v>
      </c>
      <c r="D740">
        <v>2405.2335520000001</v>
      </c>
      <c r="E740">
        <v>112.85776200000001</v>
      </c>
      <c r="F740">
        <v>2405.2335520000001</v>
      </c>
      <c r="G740">
        <v>113.51993299999999</v>
      </c>
      <c r="H740">
        <v>2405.2335520000001</v>
      </c>
      <c r="I740">
        <v>112.784301</v>
      </c>
      <c r="J740">
        <v>2405.2335520000001</v>
      </c>
      <c r="K740">
        <v>113.81160199999999</v>
      </c>
      <c r="L740">
        <v>2405.2335520000001</v>
      </c>
      <c r="M740">
        <v>113.32507699999999</v>
      </c>
    </row>
    <row r="741" spans="2:13" x14ac:dyDescent="0.45">
      <c r="B741">
        <v>2407.1623679999998</v>
      </c>
      <c r="C741">
        <v>113.024539</v>
      </c>
      <c r="D741">
        <v>2407.1623679999998</v>
      </c>
      <c r="E741">
        <v>112.932828</v>
      </c>
      <c r="F741">
        <v>2407.1623679999998</v>
      </c>
      <c r="G741">
        <v>113.39504700000001</v>
      </c>
      <c r="H741">
        <v>2407.1623679999998</v>
      </c>
      <c r="I741">
        <v>112.61896299999999</v>
      </c>
      <c r="J741">
        <v>2407.1623679999998</v>
      </c>
      <c r="K741">
        <v>113.854732</v>
      </c>
      <c r="L741">
        <v>2407.1623679999998</v>
      </c>
      <c r="M741">
        <v>113.31627400000001</v>
      </c>
    </row>
    <row r="742" spans="2:13" x14ac:dyDescent="0.45">
      <c r="B742">
        <v>2409.0911839999999</v>
      </c>
      <c r="C742">
        <v>113.014112</v>
      </c>
      <c r="D742">
        <v>2409.0911839999999</v>
      </c>
      <c r="E742">
        <v>112.98128700000001</v>
      </c>
      <c r="F742">
        <v>2409.0911839999999</v>
      </c>
      <c r="G742">
        <v>113.290795</v>
      </c>
      <c r="H742">
        <v>2409.0911839999999</v>
      </c>
      <c r="I742">
        <v>112.603272</v>
      </c>
      <c r="J742">
        <v>2409.0911839999999</v>
      </c>
      <c r="K742">
        <v>113.85524599999999</v>
      </c>
      <c r="L742">
        <v>2409.0911839999999</v>
      </c>
      <c r="M742">
        <v>113.353357</v>
      </c>
    </row>
    <row r="743" spans="2:13" x14ac:dyDescent="0.45">
      <c r="B743">
        <v>2411.02</v>
      </c>
      <c r="C743">
        <v>112.99338299999999</v>
      </c>
      <c r="D743">
        <v>2411.02</v>
      </c>
      <c r="E743">
        <v>112.96478</v>
      </c>
      <c r="F743">
        <v>2411.02</v>
      </c>
      <c r="G743">
        <v>113.273793</v>
      </c>
      <c r="H743">
        <v>2411.02</v>
      </c>
      <c r="I743">
        <v>112.783197</v>
      </c>
      <c r="J743">
        <v>2411.02</v>
      </c>
      <c r="K743">
        <v>113.83650900000001</v>
      </c>
      <c r="L743">
        <v>2411.02</v>
      </c>
      <c r="M743">
        <v>113.374904</v>
      </c>
    </row>
    <row r="744" spans="2:13" x14ac:dyDescent="0.45">
      <c r="B744">
        <v>2412.9488160000001</v>
      </c>
      <c r="C744">
        <v>113.018207</v>
      </c>
      <c r="D744">
        <v>2412.9488160000001</v>
      </c>
      <c r="E744">
        <v>112.98267700000001</v>
      </c>
      <c r="F744">
        <v>2412.9488160000001</v>
      </c>
      <c r="G744">
        <v>113.420755</v>
      </c>
      <c r="H744">
        <v>2412.9488160000001</v>
      </c>
      <c r="I744">
        <v>112.835864</v>
      </c>
      <c r="J744">
        <v>2412.9488160000001</v>
      </c>
      <c r="K744">
        <v>113.82834099999999</v>
      </c>
      <c r="L744">
        <v>2412.9488160000001</v>
      </c>
      <c r="M744">
        <v>113.321403</v>
      </c>
    </row>
    <row r="745" spans="2:13" x14ac:dyDescent="0.45">
      <c r="B745">
        <v>2414.8776320000002</v>
      </c>
      <c r="C745">
        <v>112.942106</v>
      </c>
      <c r="D745">
        <v>2414.8776320000002</v>
      </c>
      <c r="E745">
        <v>112.931331</v>
      </c>
      <c r="F745">
        <v>2414.8776320000002</v>
      </c>
      <c r="G745">
        <v>113.397295</v>
      </c>
      <c r="H745">
        <v>2414.8776320000002</v>
      </c>
      <c r="I745">
        <v>112.743273</v>
      </c>
      <c r="J745">
        <v>2414.8776320000002</v>
      </c>
      <c r="K745">
        <v>113.77054099999999</v>
      </c>
      <c r="L745">
        <v>2414.8776320000002</v>
      </c>
      <c r="M745">
        <v>113.34207000000001</v>
      </c>
    </row>
    <row r="746" spans="2:13" x14ac:dyDescent="0.45">
      <c r="B746">
        <v>2416.8064479999998</v>
      </c>
      <c r="C746">
        <v>112.90588099999999</v>
      </c>
      <c r="D746">
        <v>2416.8064479999998</v>
      </c>
      <c r="E746">
        <v>112.922687</v>
      </c>
      <c r="F746">
        <v>2416.8064479999998</v>
      </c>
      <c r="G746">
        <v>113.247072</v>
      </c>
      <c r="H746">
        <v>2416.8064479999998</v>
      </c>
      <c r="I746">
        <v>112.67300899999999</v>
      </c>
      <c r="J746">
        <v>2416.8064479999998</v>
      </c>
      <c r="K746">
        <v>113.695983</v>
      </c>
      <c r="L746">
        <v>2416.8064479999998</v>
      </c>
      <c r="M746">
        <v>113.354608</v>
      </c>
    </row>
    <row r="747" spans="2:13" x14ac:dyDescent="0.45">
      <c r="B747">
        <v>2418.7352639999999</v>
      </c>
      <c r="C747">
        <v>112.849801</v>
      </c>
      <c r="D747">
        <v>2418.7352639999999</v>
      </c>
      <c r="E747">
        <v>112.941383</v>
      </c>
      <c r="F747">
        <v>2418.7352639999999</v>
      </c>
      <c r="G747">
        <v>113.266276</v>
      </c>
      <c r="H747">
        <v>2418.7352639999999</v>
      </c>
      <c r="I747">
        <v>112.610107</v>
      </c>
      <c r="J747">
        <v>2418.7352639999999</v>
      </c>
      <c r="K747">
        <v>113.70120300000001</v>
      </c>
      <c r="L747">
        <v>2418.7352639999999</v>
      </c>
      <c r="M747">
        <v>113.284565</v>
      </c>
    </row>
    <row r="748" spans="2:13" x14ac:dyDescent="0.45">
      <c r="B748">
        <v>2420.66408</v>
      </c>
      <c r="C748">
        <v>112.848099</v>
      </c>
      <c r="D748">
        <v>2420.66408</v>
      </c>
      <c r="E748">
        <v>112.92009400000001</v>
      </c>
      <c r="F748">
        <v>2420.66408</v>
      </c>
      <c r="G748">
        <v>113.34655100000001</v>
      </c>
      <c r="H748">
        <v>2420.66408</v>
      </c>
      <c r="I748">
        <v>112.47419499999999</v>
      </c>
      <c r="J748">
        <v>2420.66408</v>
      </c>
      <c r="K748">
        <v>113.662475</v>
      </c>
      <c r="L748">
        <v>2420.66408</v>
      </c>
      <c r="M748">
        <v>113.199842</v>
      </c>
    </row>
    <row r="749" spans="2:13" x14ac:dyDescent="0.45">
      <c r="B749">
        <v>2422.5928960000001</v>
      </c>
      <c r="C749">
        <v>112.879014</v>
      </c>
      <c r="D749">
        <v>2422.5928960000001</v>
      </c>
      <c r="E749">
        <v>112.98078700000001</v>
      </c>
      <c r="F749">
        <v>2422.5928960000001</v>
      </c>
      <c r="G749">
        <v>113.30634999999999</v>
      </c>
      <c r="H749">
        <v>2422.5928960000001</v>
      </c>
      <c r="I749">
        <v>112.519052</v>
      </c>
      <c r="J749">
        <v>2422.5928960000001</v>
      </c>
      <c r="K749">
        <v>113.62071899999999</v>
      </c>
      <c r="L749">
        <v>2422.5928960000001</v>
      </c>
      <c r="M749">
        <v>113.236974</v>
      </c>
    </row>
    <row r="750" spans="2:13" x14ac:dyDescent="0.45">
      <c r="B750">
        <v>2424.5217120000002</v>
      </c>
      <c r="C750">
        <v>112.92183</v>
      </c>
      <c r="D750">
        <v>2424.5217120000002</v>
      </c>
      <c r="E750">
        <v>112.94424600000001</v>
      </c>
      <c r="F750">
        <v>2424.5217120000002</v>
      </c>
      <c r="G750">
        <v>113.376633</v>
      </c>
      <c r="H750">
        <v>2424.5217120000002</v>
      </c>
      <c r="I750">
        <v>112.612516</v>
      </c>
      <c r="J750">
        <v>2424.5217120000002</v>
      </c>
      <c r="K750">
        <v>113.652783</v>
      </c>
      <c r="L750">
        <v>2424.5217120000002</v>
      </c>
      <c r="M750">
        <v>113.23696</v>
      </c>
    </row>
    <row r="751" spans="2:13" x14ac:dyDescent="0.45">
      <c r="B751">
        <v>2426.4505279999998</v>
      </c>
      <c r="C751">
        <v>112.944402</v>
      </c>
      <c r="D751">
        <v>2426.4505279999998</v>
      </c>
      <c r="E751">
        <v>112.801416</v>
      </c>
      <c r="F751">
        <v>2426.4505279999998</v>
      </c>
      <c r="G751">
        <v>113.296263</v>
      </c>
      <c r="H751">
        <v>2426.4505279999998</v>
      </c>
      <c r="I751">
        <v>112.597859</v>
      </c>
      <c r="J751">
        <v>2426.4505279999998</v>
      </c>
      <c r="K751">
        <v>113.686239</v>
      </c>
      <c r="L751">
        <v>2426.4505279999998</v>
      </c>
      <c r="M751">
        <v>113.122032</v>
      </c>
    </row>
    <row r="752" spans="2:13" x14ac:dyDescent="0.45">
      <c r="B752">
        <v>2428.3793439999999</v>
      </c>
      <c r="C752">
        <v>112.911703</v>
      </c>
      <c r="D752">
        <v>2428.3793439999999</v>
      </c>
      <c r="E752">
        <v>112.738698</v>
      </c>
      <c r="F752">
        <v>2428.3793439999999</v>
      </c>
      <c r="G752">
        <v>113.247444</v>
      </c>
      <c r="H752">
        <v>2428.3793439999999</v>
      </c>
      <c r="I752">
        <v>112.476843</v>
      </c>
      <c r="J752">
        <v>2428.3793439999999</v>
      </c>
      <c r="K752">
        <v>113.68300600000001</v>
      </c>
      <c r="L752">
        <v>2428.3793439999999</v>
      </c>
      <c r="M752">
        <v>113.059815</v>
      </c>
    </row>
    <row r="753" spans="2:13" x14ac:dyDescent="0.45">
      <c r="B753">
        <v>2430.30816</v>
      </c>
      <c r="C753">
        <v>112.883549</v>
      </c>
      <c r="D753">
        <v>2430.30816</v>
      </c>
      <c r="E753">
        <v>112.70642700000001</v>
      </c>
      <c r="F753">
        <v>2430.30816</v>
      </c>
      <c r="G753">
        <v>113.264432</v>
      </c>
      <c r="H753">
        <v>2430.30816</v>
      </c>
      <c r="I753">
        <v>112.47286099999999</v>
      </c>
      <c r="J753">
        <v>2430.30816</v>
      </c>
      <c r="K753">
        <v>113.664019</v>
      </c>
      <c r="L753">
        <v>2430.30816</v>
      </c>
      <c r="M753">
        <v>113.07140200000001</v>
      </c>
    </row>
    <row r="754" spans="2:13" x14ac:dyDescent="0.45">
      <c r="B754">
        <v>2432.2369760000001</v>
      </c>
      <c r="C754">
        <v>112.897868</v>
      </c>
      <c r="D754">
        <v>2432.2369760000001</v>
      </c>
      <c r="E754">
        <v>112.803365</v>
      </c>
      <c r="F754">
        <v>2432.2369760000001</v>
      </c>
      <c r="G754">
        <v>113.18284800000001</v>
      </c>
      <c r="H754">
        <v>2432.2369760000001</v>
      </c>
      <c r="I754">
        <v>112.512698</v>
      </c>
      <c r="J754">
        <v>2432.2369760000001</v>
      </c>
      <c r="K754">
        <v>113.739902</v>
      </c>
      <c r="L754">
        <v>2432.2369760000001</v>
      </c>
      <c r="M754">
        <v>113.17343200000001</v>
      </c>
    </row>
    <row r="755" spans="2:13" x14ac:dyDescent="0.45">
      <c r="B755">
        <v>2434.1657919999998</v>
      </c>
      <c r="C755">
        <v>112.87098400000001</v>
      </c>
      <c r="D755">
        <v>2434.1657919999998</v>
      </c>
      <c r="E755">
        <v>112.88737</v>
      </c>
      <c r="F755">
        <v>2434.1657919999998</v>
      </c>
      <c r="G755">
        <v>113.135845</v>
      </c>
      <c r="H755">
        <v>2434.1657919999998</v>
      </c>
      <c r="I755">
        <v>112.449427</v>
      </c>
      <c r="J755">
        <v>2434.1657919999998</v>
      </c>
      <c r="K755">
        <v>113.75546799999999</v>
      </c>
      <c r="L755">
        <v>2434.1657919999998</v>
      </c>
      <c r="M755">
        <v>113.114341</v>
      </c>
    </row>
    <row r="756" spans="2:13" x14ac:dyDescent="0.45">
      <c r="B756">
        <v>2436.0946079999999</v>
      </c>
      <c r="C756">
        <v>112.789462</v>
      </c>
      <c r="D756">
        <v>2436.0946079999999</v>
      </c>
      <c r="E756">
        <v>112.845974</v>
      </c>
      <c r="F756">
        <v>2436.0946079999999</v>
      </c>
      <c r="G756">
        <v>113.131618</v>
      </c>
      <c r="H756">
        <v>2436.0946079999999</v>
      </c>
      <c r="I756">
        <v>112.403828</v>
      </c>
      <c r="J756">
        <v>2436.0946079999999</v>
      </c>
      <c r="K756">
        <v>113.721861</v>
      </c>
      <c r="L756">
        <v>2436.0946079999999</v>
      </c>
      <c r="M756">
        <v>113.02809600000001</v>
      </c>
    </row>
    <row r="757" spans="2:13" x14ac:dyDescent="0.45">
      <c r="B757">
        <v>2438.023424</v>
      </c>
      <c r="C757">
        <v>112.794985</v>
      </c>
      <c r="D757">
        <v>2438.023424</v>
      </c>
      <c r="E757">
        <v>112.77459</v>
      </c>
      <c r="F757">
        <v>2438.023424</v>
      </c>
      <c r="G757">
        <v>113.016344</v>
      </c>
      <c r="H757">
        <v>2438.023424</v>
      </c>
      <c r="I757">
        <v>112.499692</v>
      </c>
      <c r="J757">
        <v>2438.023424</v>
      </c>
      <c r="K757">
        <v>113.727424</v>
      </c>
      <c r="L757">
        <v>2438.023424</v>
      </c>
      <c r="M757">
        <v>112.953388</v>
      </c>
    </row>
    <row r="758" spans="2:13" x14ac:dyDescent="0.45">
      <c r="B758">
        <v>2439.9522400000001</v>
      </c>
      <c r="C758">
        <v>112.848287</v>
      </c>
      <c r="D758">
        <v>2439.9522400000001</v>
      </c>
      <c r="E758">
        <v>112.706474</v>
      </c>
      <c r="F758">
        <v>2439.9522400000001</v>
      </c>
      <c r="G758">
        <v>113.134197</v>
      </c>
      <c r="H758">
        <v>2439.9522400000001</v>
      </c>
      <c r="I758">
        <v>112.600967</v>
      </c>
      <c r="J758">
        <v>2439.9522400000001</v>
      </c>
      <c r="K758">
        <v>113.66589399999999</v>
      </c>
      <c r="L758">
        <v>2439.9522400000001</v>
      </c>
      <c r="M758">
        <v>112.952488</v>
      </c>
    </row>
    <row r="759" spans="2:13" x14ac:dyDescent="0.45">
      <c r="B759">
        <v>2441.8810560000002</v>
      </c>
      <c r="C759">
        <v>112.79051200000001</v>
      </c>
      <c r="D759">
        <v>2441.8810560000002</v>
      </c>
      <c r="E759">
        <v>112.69465600000001</v>
      </c>
      <c r="F759">
        <v>2441.8810560000002</v>
      </c>
      <c r="G759">
        <v>113.282155</v>
      </c>
      <c r="H759">
        <v>2441.8810560000002</v>
      </c>
      <c r="I759">
        <v>112.617429</v>
      </c>
      <c r="J759">
        <v>2441.8810560000002</v>
      </c>
      <c r="K759">
        <v>113.59242</v>
      </c>
      <c r="L759">
        <v>2441.8810560000002</v>
      </c>
      <c r="M759">
        <v>112.99914</v>
      </c>
    </row>
    <row r="760" spans="2:13" x14ac:dyDescent="0.45">
      <c r="B760">
        <v>2443.8098719999998</v>
      </c>
      <c r="C760">
        <v>112.831025</v>
      </c>
      <c r="D760">
        <v>2443.8098719999998</v>
      </c>
      <c r="E760">
        <v>112.841864</v>
      </c>
      <c r="F760">
        <v>2443.8098719999998</v>
      </c>
      <c r="G760">
        <v>113.21197100000001</v>
      </c>
      <c r="H760">
        <v>2443.8098719999998</v>
      </c>
      <c r="I760">
        <v>112.483389</v>
      </c>
      <c r="J760">
        <v>2443.8098719999998</v>
      </c>
      <c r="K760">
        <v>113.60856</v>
      </c>
      <c r="L760">
        <v>2443.8098719999998</v>
      </c>
      <c r="M760">
        <v>113.04104</v>
      </c>
    </row>
    <row r="761" spans="2:13" x14ac:dyDescent="0.45">
      <c r="B761">
        <v>2445.7386879999999</v>
      </c>
      <c r="C761">
        <v>112.865556</v>
      </c>
      <c r="D761">
        <v>2445.7386879999999</v>
      </c>
      <c r="E761">
        <v>112.777444</v>
      </c>
      <c r="F761">
        <v>2445.7386879999999</v>
      </c>
      <c r="G761">
        <v>113.250045</v>
      </c>
      <c r="H761">
        <v>2445.7386879999999</v>
      </c>
      <c r="I761">
        <v>112.383613</v>
      </c>
      <c r="J761">
        <v>2445.7386879999999</v>
      </c>
      <c r="K761">
        <v>113.57218</v>
      </c>
      <c r="L761">
        <v>2445.7386879999999</v>
      </c>
      <c r="M761">
        <v>112.971907</v>
      </c>
    </row>
    <row r="762" spans="2:13" x14ac:dyDescent="0.45">
      <c r="B762">
        <v>2447.667504</v>
      </c>
      <c r="C762">
        <v>112.792524</v>
      </c>
      <c r="D762">
        <v>2447.667504</v>
      </c>
      <c r="E762">
        <v>112.709677</v>
      </c>
      <c r="F762">
        <v>2447.667504</v>
      </c>
      <c r="G762">
        <v>113.30493800000001</v>
      </c>
      <c r="H762">
        <v>2447.667504</v>
      </c>
      <c r="I762">
        <v>112.401095</v>
      </c>
      <c r="J762">
        <v>2447.667504</v>
      </c>
      <c r="K762">
        <v>113.464153</v>
      </c>
      <c r="L762">
        <v>2447.667504</v>
      </c>
      <c r="M762">
        <v>112.93045600000001</v>
      </c>
    </row>
    <row r="763" spans="2:13" x14ac:dyDescent="0.45">
      <c r="B763">
        <v>2449.5963200000001</v>
      </c>
      <c r="C763">
        <v>112.725891</v>
      </c>
      <c r="D763">
        <v>2449.5963200000001</v>
      </c>
      <c r="E763">
        <v>112.71245400000001</v>
      </c>
      <c r="F763">
        <v>2449.5963200000001</v>
      </c>
      <c r="G763">
        <v>113.17907099999999</v>
      </c>
      <c r="H763">
        <v>2449.5963200000001</v>
      </c>
      <c r="I763">
        <v>112.41653100000001</v>
      </c>
      <c r="J763">
        <v>2449.5963200000001</v>
      </c>
      <c r="K763">
        <v>113.383672</v>
      </c>
      <c r="L763">
        <v>2449.5963200000001</v>
      </c>
      <c r="M763">
        <v>112.931741</v>
      </c>
    </row>
    <row r="764" spans="2:13" x14ac:dyDescent="0.45">
      <c r="B764">
        <v>2451.5251360000002</v>
      </c>
      <c r="C764">
        <v>112.731736</v>
      </c>
      <c r="D764">
        <v>2451.5251360000002</v>
      </c>
      <c r="E764">
        <v>112.69564200000001</v>
      </c>
      <c r="F764">
        <v>2451.5251360000002</v>
      </c>
      <c r="G764">
        <v>113.075909</v>
      </c>
      <c r="H764">
        <v>2451.5251360000002</v>
      </c>
      <c r="I764">
        <v>112.401938</v>
      </c>
      <c r="J764">
        <v>2451.5251360000002</v>
      </c>
      <c r="K764">
        <v>113.428505</v>
      </c>
      <c r="L764">
        <v>2451.5251360000002</v>
      </c>
      <c r="M764">
        <v>112.878362</v>
      </c>
    </row>
    <row r="765" spans="2:13" x14ac:dyDescent="0.45">
      <c r="B765">
        <v>2453.4539519999998</v>
      </c>
      <c r="C765">
        <v>112.738038</v>
      </c>
      <c r="D765">
        <v>2453.4539519999998</v>
      </c>
      <c r="E765">
        <v>112.66778600000001</v>
      </c>
      <c r="F765">
        <v>2453.4539519999998</v>
      </c>
      <c r="G765">
        <v>113.13819599999999</v>
      </c>
      <c r="H765">
        <v>2453.4539519999998</v>
      </c>
      <c r="I765">
        <v>112.352896</v>
      </c>
      <c r="J765">
        <v>2453.4539519999998</v>
      </c>
      <c r="K765">
        <v>113.488118</v>
      </c>
      <c r="L765">
        <v>2453.4539519999998</v>
      </c>
      <c r="M765">
        <v>112.834603</v>
      </c>
    </row>
    <row r="766" spans="2:13" x14ac:dyDescent="0.45">
      <c r="B766">
        <v>2455.3827679999999</v>
      </c>
      <c r="C766">
        <v>112.77954</v>
      </c>
      <c r="D766">
        <v>2455.3827679999999</v>
      </c>
      <c r="E766">
        <v>112.708411</v>
      </c>
      <c r="F766">
        <v>2455.3827679999999</v>
      </c>
      <c r="G766">
        <v>113.07387199999999</v>
      </c>
      <c r="H766">
        <v>2455.3827679999999</v>
      </c>
      <c r="I766">
        <v>112.31097200000001</v>
      </c>
      <c r="J766">
        <v>2455.3827679999999</v>
      </c>
      <c r="K766">
        <v>113.569886</v>
      </c>
      <c r="L766">
        <v>2455.3827679999999</v>
      </c>
      <c r="M766">
        <v>112.848198</v>
      </c>
    </row>
    <row r="767" spans="2:13" x14ac:dyDescent="0.45">
      <c r="B767">
        <v>2457.311584</v>
      </c>
      <c r="C767">
        <v>112.725368</v>
      </c>
      <c r="D767">
        <v>2457.311584</v>
      </c>
      <c r="E767">
        <v>112.656711</v>
      </c>
      <c r="F767">
        <v>2457.311584</v>
      </c>
      <c r="G767">
        <v>112.989542</v>
      </c>
      <c r="H767">
        <v>2457.311584</v>
      </c>
      <c r="I767">
        <v>112.24222</v>
      </c>
      <c r="J767">
        <v>2457.311584</v>
      </c>
      <c r="K767">
        <v>113.534538</v>
      </c>
      <c r="L767">
        <v>2457.311584</v>
      </c>
      <c r="M767">
        <v>112.86389200000001</v>
      </c>
    </row>
    <row r="768" spans="2:13" x14ac:dyDescent="0.45">
      <c r="B768">
        <v>2459.2404000000001</v>
      </c>
      <c r="C768">
        <v>112.696941</v>
      </c>
      <c r="D768">
        <v>2459.2404000000001</v>
      </c>
      <c r="E768">
        <v>112.59311700000001</v>
      </c>
      <c r="F768">
        <v>2459.2404000000001</v>
      </c>
      <c r="G768">
        <v>112.911816</v>
      </c>
      <c r="H768">
        <v>2459.2404000000001</v>
      </c>
      <c r="I768">
        <v>112.31679</v>
      </c>
      <c r="J768">
        <v>2459.2404000000001</v>
      </c>
      <c r="K768">
        <v>113.494424</v>
      </c>
      <c r="L768">
        <v>2459.2404000000001</v>
      </c>
      <c r="M768">
        <v>112.864007</v>
      </c>
    </row>
    <row r="769" spans="2:13" x14ac:dyDescent="0.45">
      <c r="B769">
        <v>2461.1692159999998</v>
      </c>
      <c r="C769">
        <v>112.681049</v>
      </c>
      <c r="D769">
        <v>2461.1692159999998</v>
      </c>
      <c r="E769">
        <v>112.565955</v>
      </c>
      <c r="F769">
        <v>2461.1692159999998</v>
      </c>
      <c r="G769">
        <v>112.795818</v>
      </c>
      <c r="H769">
        <v>2461.1692159999998</v>
      </c>
      <c r="I769">
        <v>112.31022</v>
      </c>
      <c r="J769">
        <v>2461.1692159999998</v>
      </c>
      <c r="K769">
        <v>113.524644</v>
      </c>
      <c r="L769">
        <v>2461.1692159999998</v>
      </c>
      <c r="M769">
        <v>112.811924</v>
      </c>
    </row>
    <row r="770" spans="2:13" x14ac:dyDescent="0.45">
      <c r="B770">
        <v>2463.0980319999999</v>
      </c>
      <c r="C770">
        <v>112.695105</v>
      </c>
      <c r="D770">
        <v>2463.0980319999999</v>
      </c>
      <c r="E770">
        <v>112.60071000000001</v>
      </c>
      <c r="F770">
        <v>2463.0980319999999</v>
      </c>
      <c r="G770">
        <v>112.838779</v>
      </c>
      <c r="H770">
        <v>2463.0980319999999</v>
      </c>
      <c r="I770">
        <v>112.10248900000001</v>
      </c>
      <c r="J770">
        <v>2463.0980319999999</v>
      </c>
      <c r="K770">
        <v>113.556905</v>
      </c>
      <c r="L770">
        <v>2463.0980319999999</v>
      </c>
      <c r="M770">
        <v>112.8252</v>
      </c>
    </row>
    <row r="771" spans="2:13" x14ac:dyDescent="0.45">
      <c r="B771">
        <v>2465.026848</v>
      </c>
      <c r="C771">
        <v>112.677761</v>
      </c>
      <c r="D771">
        <v>2465.026848</v>
      </c>
      <c r="E771">
        <v>112.55178500000001</v>
      </c>
      <c r="F771">
        <v>2465.026848</v>
      </c>
      <c r="G771">
        <v>112.932761</v>
      </c>
      <c r="H771">
        <v>2465.026848</v>
      </c>
      <c r="I771">
        <v>112.026073</v>
      </c>
      <c r="J771">
        <v>2465.026848</v>
      </c>
      <c r="K771">
        <v>113.510426</v>
      </c>
      <c r="L771">
        <v>2465.026848</v>
      </c>
      <c r="M771">
        <v>112.80225799999999</v>
      </c>
    </row>
    <row r="772" spans="2:13" x14ac:dyDescent="0.45">
      <c r="B772">
        <v>2466.9556640000001</v>
      </c>
      <c r="C772">
        <v>112.58586200000001</v>
      </c>
      <c r="D772">
        <v>2466.9556640000001</v>
      </c>
      <c r="E772">
        <v>112.45057800000001</v>
      </c>
      <c r="F772">
        <v>2466.9556640000001</v>
      </c>
      <c r="G772">
        <v>112.981442</v>
      </c>
      <c r="H772">
        <v>2466.9556640000001</v>
      </c>
      <c r="I772">
        <v>112.125533</v>
      </c>
      <c r="J772">
        <v>2466.9556640000001</v>
      </c>
      <c r="K772">
        <v>113.38580899999999</v>
      </c>
      <c r="L772">
        <v>2466.9556640000001</v>
      </c>
      <c r="M772">
        <v>112.768934</v>
      </c>
    </row>
    <row r="773" spans="2:13" x14ac:dyDescent="0.45">
      <c r="B773">
        <v>2468.8844800000002</v>
      </c>
      <c r="C773">
        <v>112.52435199999999</v>
      </c>
      <c r="D773">
        <v>2468.8844800000002</v>
      </c>
      <c r="E773">
        <v>112.456502</v>
      </c>
      <c r="F773">
        <v>2468.8844800000002</v>
      </c>
      <c r="G773">
        <v>112.923751</v>
      </c>
      <c r="H773">
        <v>2468.8844800000002</v>
      </c>
      <c r="I773">
        <v>112.110867</v>
      </c>
      <c r="J773">
        <v>2468.8844800000002</v>
      </c>
      <c r="K773">
        <v>113.331898</v>
      </c>
      <c r="L773">
        <v>2468.8844800000002</v>
      </c>
      <c r="M773">
        <v>112.730042</v>
      </c>
    </row>
    <row r="774" spans="2:13" x14ac:dyDescent="0.45">
      <c r="B774">
        <v>2470.8132959999998</v>
      </c>
      <c r="C774">
        <v>112.56806899999999</v>
      </c>
      <c r="D774">
        <v>2470.8132959999998</v>
      </c>
      <c r="E774">
        <v>112.41274300000001</v>
      </c>
      <c r="F774">
        <v>2470.8132959999998</v>
      </c>
      <c r="G774">
        <v>112.860401</v>
      </c>
      <c r="H774">
        <v>2470.8132959999998</v>
      </c>
      <c r="I774">
        <v>112.096526</v>
      </c>
      <c r="J774">
        <v>2470.8132959999998</v>
      </c>
      <c r="K774">
        <v>113.32210600000001</v>
      </c>
      <c r="L774">
        <v>2470.8132959999998</v>
      </c>
      <c r="M774">
        <v>112.640376</v>
      </c>
    </row>
    <row r="775" spans="2:13" x14ac:dyDescent="0.45">
      <c r="B775">
        <v>2472.7421119999999</v>
      </c>
      <c r="C775">
        <v>112.60583800000001</v>
      </c>
      <c r="D775">
        <v>2472.7421119999999</v>
      </c>
      <c r="E775">
        <v>112.38193200000001</v>
      </c>
      <c r="F775">
        <v>2472.7421119999999</v>
      </c>
      <c r="G775">
        <v>112.85659</v>
      </c>
      <c r="H775">
        <v>2472.7421119999999</v>
      </c>
      <c r="I775">
        <v>112.138069</v>
      </c>
      <c r="J775">
        <v>2472.7421119999999</v>
      </c>
      <c r="K775">
        <v>113.442145</v>
      </c>
      <c r="L775">
        <v>2472.7421119999999</v>
      </c>
      <c r="M775">
        <v>112.59311</v>
      </c>
    </row>
    <row r="776" spans="2:13" x14ac:dyDescent="0.45">
      <c r="B776">
        <v>2474.670928</v>
      </c>
      <c r="C776">
        <v>112.55883</v>
      </c>
      <c r="D776">
        <v>2474.670928</v>
      </c>
      <c r="E776">
        <v>112.435215</v>
      </c>
      <c r="F776">
        <v>2474.670928</v>
      </c>
      <c r="G776">
        <v>112.913437</v>
      </c>
      <c r="H776">
        <v>2474.670928</v>
      </c>
      <c r="I776">
        <v>112.11710600000001</v>
      </c>
      <c r="J776">
        <v>2474.670928</v>
      </c>
      <c r="K776">
        <v>113.43966399999999</v>
      </c>
      <c r="L776">
        <v>2474.670928</v>
      </c>
      <c r="M776">
        <v>112.696669</v>
      </c>
    </row>
    <row r="777" spans="2:13" x14ac:dyDescent="0.45">
      <c r="B777">
        <v>2476.5997440000001</v>
      </c>
      <c r="C777">
        <v>112.604529</v>
      </c>
      <c r="D777">
        <v>2476.5997440000001</v>
      </c>
      <c r="E777">
        <v>112.34975</v>
      </c>
      <c r="F777">
        <v>2476.5997440000001</v>
      </c>
      <c r="G777">
        <v>112.943449</v>
      </c>
      <c r="H777">
        <v>2476.5997440000001</v>
      </c>
      <c r="I777">
        <v>112.07714199999999</v>
      </c>
      <c r="J777">
        <v>2476.5997440000001</v>
      </c>
      <c r="K777">
        <v>113.34948300000001</v>
      </c>
      <c r="L777">
        <v>2476.5997440000001</v>
      </c>
      <c r="M777">
        <v>112.67199100000001</v>
      </c>
    </row>
    <row r="778" spans="2:13" x14ac:dyDescent="0.45">
      <c r="B778">
        <v>2478.5285600000002</v>
      </c>
      <c r="C778">
        <v>112.77595100000001</v>
      </c>
      <c r="D778">
        <v>2478.5285600000002</v>
      </c>
      <c r="E778">
        <v>112.31780000000001</v>
      </c>
      <c r="F778">
        <v>2478.5285600000002</v>
      </c>
      <c r="G778">
        <v>112.814758</v>
      </c>
      <c r="H778">
        <v>2478.5285600000002</v>
      </c>
      <c r="I778">
        <v>112.111362</v>
      </c>
      <c r="J778">
        <v>2478.5285600000002</v>
      </c>
      <c r="K778">
        <v>113.40689</v>
      </c>
      <c r="L778">
        <v>2478.5285600000002</v>
      </c>
      <c r="M778">
        <v>112.572681</v>
      </c>
    </row>
    <row r="779" spans="2:13" x14ac:dyDescent="0.45">
      <c r="B779">
        <v>2480.4573759999998</v>
      </c>
      <c r="C779">
        <v>112.753182</v>
      </c>
      <c r="D779">
        <v>2480.4573759999998</v>
      </c>
      <c r="E779">
        <v>112.43557200000001</v>
      </c>
      <c r="F779">
        <v>2480.4573759999998</v>
      </c>
      <c r="G779">
        <v>112.70085</v>
      </c>
      <c r="H779">
        <v>2480.4573759999998</v>
      </c>
      <c r="I779">
        <v>112.197664</v>
      </c>
      <c r="J779">
        <v>2480.4573759999998</v>
      </c>
      <c r="K779">
        <v>113.477367</v>
      </c>
      <c r="L779">
        <v>2480.4573759999998</v>
      </c>
      <c r="M779">
        <v>112.604139</v>
      </c>
    </row>
    <row r="780" spans="2:13" x14ac:dyDescent="0.45">
      <c r="B780">
        <v>2482.3861919999999</v>
      </c>
      <c r="C780">
        <v>112.607024</v>
      </c>
      <c r="D780">
        <v>2482.3861919999999</v>
      </c>
      <c r="E780">
        <v>112.458827</v>
      </c>
      <c r="F780">
        <v>2482.3861919999999</v>
      </c>
      <c r="G780">
        <v>112.669937</v>
      </c>
      <c r="H780">
        <v>2482.3861919999999</v>
      </c>
      <c r="I780">
        <v>112.127482</v>
      </c>
      <c r="J780">
        <v>2482.3861919999999</v>
      </c>
      <c r="K780">
        <v>113.46967100000001</v>
      </c>
      <c r="L780">
        <v>2482.3861919999999</v>
      </c>
      <c r="M780">
        <v>112.6127</v>
      </c>
    </row>
    <row r="781" spans="2:13" x14ac:dyDescent="0.45">
      <c r="B781">
        <v>2484.315008</v>
      </c>
      <c r="C781">
        <v>112.536969</v>
      </c>
      <c r="D781">
        <v>2484.315008</v>
      </c>
      <c r="E781">
        <v>112.36607600000001</v>
      </c>
      <c r="F781">
        <v>2484.315008</v>
      </c>
      <c r="G781">
        <v>112.749759</v>
      </c>
      <c r="H781">
        <v>2484.315008</v>
      </c>
      <c r="I781">
        <v>112.029003</v>
      </c>
      <c r="J781">
        <v>2484.315008</v>
      </c>
      <c r="K781">
        <v>113.30543</v>
      </c>
      <c r="L781">
        <v>2484.315008</v>
      </c>
      <c r="M781">
        <v>112.553786</v>
      </c>
    </row>
    <row r="782" spans="2:13" x14ac:dyDescent="0.45">
      <c r="B782">
        <v>2486.2438240000001</v>
      </c>
      <c r="C782">
        <v>112.494868</v>
      </c>
      <c r="D782">
        <v>2486.2438240000001</v>
      </c>
      <c r="E782">
        <v>112.35525700000001</v>
      </c>
      <c r="F782">
        <v>2486.2438240000001</v>
      </c>
      <c r="G782">
        <v>112.907533</v>
      </c>
      <c r="H782">
        <v>2486.2438240000001</v>
      </c>
      <c r="I782">
        <v>112.033503</v>
      </c>
      <c r="J782">
        <v>2486.2438240000001</v>
      </c>
      <c r="K782">
        <v>113.16892300000001</v>
      </c>
      <c r="L782">
        <v>2486.2438240000001</v>
      </c>
      <c r="M782">
        <v>112.578295</v>
      </c>
    </row>
    <row r="783" spans="2:13" x14ac:dyDescent="0.45">
      <c r="B783">
        <v>2488.1726399999998</v>
      </c>
      <c r="C783">
        <v>112.519497</v>
      </c>
      <c r="D783">
        <v>2488.1726399999998</v>
      </c>
      <c r="E783">
        <v>112.388002</v>
      </c>
      <c r="F783">
        <v>2488.1726399999998</v>
      </c>
      <c r="G783">
        <v>112.87521099999999</v>
      </c>
      <c r="H783">
        <v>2488.1726399999998</v>
      </c>
      <c r="I783">
        <v>111.987346</v>
      </c>
      <c r="J783">
        <v>2488.1726399999998</v>
      </c>
      <c r="K783">
        <v>113.180297</v>
      </c>
      <c r="L783">
        <v>2488.1726399999998</v>
      </c>
      <c r="M783">
        <v>112.571027</v>
      </c>
    </row>
    <row r="784" spans="2:13" x14ac:dyDescent="0.45">
      <c r="B784">
        <v>2490.1014559999999</v>
      </c>
      <c r="C784">
        <v>112.640716</v>
      </c>
      <c r="D784">
        <v>2490.1014559999999</v>
      </c>
      <c r="E784">
        <v>112.41364900000001</v>
      </c>
      <c r="F784">
        <v>2490.1014559999999</v>
      </c>
      <c r="G784">
        <v>112.76041600000001</v>
      </c>
      <c r="H784">
        <v>2490.1014559999999</v>
      </c>
      <c r="I784">
        <v>112.01571800000001</v>
      </c>
      <c r="J784">
        <v>2490.1014559999999</v>
      </c>
      <c r="K784">
        <v>113.110725</v>
      </c>
      <c r="L784">
        <v>2490.1014559999999</v>
      </c>
      <c r="M784">
        <v>112.449612</v>
      </c>
    </row>
    <row r="785" spans="2:13" x14ac:dyDescent="0.45">
      <c r="B785">
        <v>2492.030272</v>
      </c>
      <c r="C785">
        <v>112.61856899999999</v>
      </c>
      <c r="D785">
        <v>2492.030272</v>
      </c>
      <c r="E785">
        <v>112.396001</v>
      </c>
      <c r="F785">
        <v>2492.030272</v>
      </c>
      <c r="G785">
        <v>112.801653</v>
      </c>
      <c r="H785">
        <v>2492.030272</v>
      </c>
      <c r="I785">
        <v>112.035409</v>
      </c>
      <c r="J785">
        <v>2492.030272</v>
      </c>
      <c r="K785">
        <v>113.047994</v>
      </c>
      <c r="L785">
        <v>2492.030272</v>
      </c>
      <c r="M785">
        <v>112.38445</v>
      </c>
    </row>
    <row r="786" spans="2:13" x14ac:dyDescent="0.45">
      <c r="B786">
        <v>2493.9590880000001</v>
      </c>
      <c r="C786">
        <v>112.496506</v>
      </c>
      <c r="D786">
        <v>2493.9590880000001</v>
      </c>
      <c r="E786">
        <v>112.368832</v>
      </c>
      <c r="F786">
        <v>2493.9590880000001</v>
      </c>
      <c r="G786">
        <v>112.753846</v>
      </c>
      <c r="H786">
        <v>2493.9590880000001</v>
      </c>
      <c r="I786">
        <v>111.921829</v>
      </c>
      <c r="J786">
        <v>2493.9590880000001</v>
      </c>
      <c r="K786">
        <v>113.097955</v>
      </c>
      <c r="L786">
        <v>2493.9590880000001</v>
      </c>
      <c r="M786">
        <v>112.443308</v>
      </c>
    </row>
    <row r="787" spans="2:13" x14ac:dyDescent="0.45">
      <c r="B787">
        <v>2495.8879040000002</v>
      </c>
      <c r="C787">
        <v>112.486817</v>
      </c>
      <c r="D787">
        <v>2495.8879040000002</v>
      </c>
      <c r="E787">
        <v>112.28637000000001</v>
      </c>
      <c r="F787">
        <v>2495.8879040000002</v>
      </c>
      <c r="G787">
        <v>112.70325</v>
      </c>
      <c r="H787">
        <v>2495.8879040000002</v>
      </c>
      <c r="I787">
        <v>111.93262</v>
      </c>
      <c r="J787">
        <v>2495.8879040000002</v>
      </c>
      <c r="K787">
        <v>113.18676600000001</v>
      </c>
      <c r="L787">
        <v>2495.8879040000002</v>
      </c>
      <c r="M787">
        <v>112.42724200000001</v>
      </c>
    </row>
    <row r="788" spans="2:13" x14ac:dyDescent="0.45">
      <c r="B788">
        <v>2497.8167199999998</v>
      </c>
      <c r="C788">
        <v>112.480582</v>
      </c>
      <c r="D788">
        <v>2497.8167199999998</v>
      </c>
      <c r="E788">
        <v>112.308516</v>
      </c>
      <c r="F788">
        <v>2497.8167199999998</v>
      </c>
      <c r="G788">
        <v>112.75131399999999</v>
      </c>
      <c r="H788">
        <v>2497.8167199999998</v>
      </c>
      <c r="I788">
        <v>111.923205</v>
      </c>
      <c r="J788">
        <v>2497.8167199999998</v>
      </c>
      <c r="K788">
        <v>113.13039000000001</v>
      </c>
      <c r="L788">
        <v>2497.8167199999998</v>
      </c>
      <c r="M788">
        <v>112.448252</v>
      </c>
    </row>
    <row r="789" spans="2:13" x14ac:dyDescent="0.45">
      <c r="B789">
        <v>2499.7455359999999</v>
      </c>
      <c r="C789">
        <v>112.364709</v>
      </c>
      <c r="D789">
        <v>2499.7455359999999</v>
      </c>
      <c r="E789">
        <v>112.321578</v>
      </c>
      <c r="F789">
        <v>2499.7455359999999</v>
      </c>
      <c r="G789">
        <v>112.68674799999999</v>
      </c>
      <c r="H789">
        <v>2499.7455359999999</v>
      </c>
      <c r="I789">
        <v>111.919106</v>
      </c>
      <c r="J789">
        <v>2499.7455359999999</v>
      </c>
      <c r="K789">
        <v>113.098389</v>
      </c>
      <c r="L789">
        <v>2499.7455359999999</v>
      </c>
      <c r="M789">
        <v>112.34871</v>
      </c>
    </row>
    <row r="790" spans="2:13" x14ac:dyDescent="0.45">
      <c r="B790">
        <v>2501.674352</v>
      </c>
      <c r="C790">
        <v>112.43957399999999</v>
      </c>
      <c r="D790">
        <v>2501.674352</v>
      </c>
      <c r="E790">
        <v>112.28337500000001</v>
      </c>
      <c r="F790">
        <v>2501.674352</v>
      </c>
      <c r="G790">
        <v>112.542642</v>
      </c>
      <c r="H790">
        <v>2501.674352</v>
      </c>
      <c r="I790">
        <v>111.860934</v>
      </c>
      <c r="J790">
        <v>2501.674352</v>
      </c>
      <c r="K790">
        <v>113.15321900000001</v>
      </c>
      <c r="L790">
        <v>2501.674352</v>
      </c>
      <c r="M790">
        <v>112.30869199999999</v>
      </c>
    </row>
    <row r="791" spans="2:13" x14ac:dyDescent="0.45">
      <c r="B791">
        <v>2503.6031680000001</v>
      </c>
      <c r="C791">
        <v>112.53426399999999</v>
      </c>
      <c r="D791">
        <v>2503.6031680000001</v>
      </c>
      <c r="E791">
        <v>112.32106900000001</v>
      </c>
      <c r="F791">
        <v>2503.6031680000001</v>
      </c>
      <c r="G791">
        <v>112.582865</v>
      </c>
      <c r="H791">
        <v>2503.6031680000001</v>
      </c>
      <c r="I791">
        <v>111.864283</v>
      </c>
      <c r="J791">
        <v>2503.6031680000001</v>
      </c>
      <c r="K791">
        <v>113.12947200000001</v>
      </c>
      <c r="L791">
        <v>2503.6031680000001</v>
      </c>
      <c r="M791">
        <v>112.320655</v>
      </c>
    </row>
    <row r="792" spans="2:13" x14ac:dyDescent="0.45">
      <c r="B792">
        <v>2505.5319840000002</v>
      </c>
      <c r="C792">
        <v>112.536753</v>
      </c>
      <c r="D792">
        <v>2505.5319840000002</v>
      </c>
      <c r="E792">
        <v>112.271837</v>
      </c>
      <c r="F792">
        <v>2505.5319840000002</v>
      </c>
      <c r="G792">
        <v>112.720136</v>
      </c>
      <c r="H792">
        <v>2505.5319840000002</v>
      </c>
      <c r="I792">
        <v>111.86323</v>
      </c>
      <c r="J792">
        <v>2505.5319840000002</v>
      </c>
      <c r="K792">
        <v>113.116473</v>
      </c>
      <c r="L792">
        <v>2505.5319840000002</v>
      </c>
      <c r="M792">
        <v>112.355161</v>
      </c>
    </row>
    <row r="793" spans="2:13" x14ac:dyDescent="0.45">
      <c r="B793">
        <v>2507.4607999999998</v>
      </c>
      <c r="C793">
        <v>112.512069</v>
      </c>
      <c r="D793">
        <v>2507.4607999999998</v>
      </c>
      <c r="E793">
        <v>112.154971</v>
      </c>
      <c r="F793">
        <v>2507.4607999999998</v>
      </c>
      <c r="G793">
        <v>112.698003</v>
      </c>
      <c r="H793">
        <v>2507.4607999999998</v>
      </c>
      <c r="I793">
        <v>111.845085</v>
      </c>
      <c r="J793">
        <v>2507.4607999999998</v>
      </c>
      <c r="K793">
        <v>113.142155</v>
      </c>
      <c r="L793">
        <v>2507.4607999999998</v>
      </c>
      <c r="M793">
        <v>112.307768</v>
      </c>
    </row>
    <row r="794" spans="2:13" x14ac:dyDescent="0.45">
      <c r="B794">
        <v>2509.3896159999999</v>
      </c>
      <c r="C794">
        <v>112.482378</v>
      </c>
      <c r="D794">
        <v>2509.3896159999999</v>
      </c>
      <c r="E794">
        <v>112.16489900000001</v>
      </c>
      <c r="F794">
        <v>2509.3896159999999</v>
      </c>
      <c r="G794">
        <v>112.531116</v>
      </c>
      <c r="H794">
        <v>2509.3896159999999</v>
      </c>
      <c r="I794">
        <v>111.826363</v>
      </c>
      <c r="J794">
        <v>2509.3896159999999</v>
      </c>
      <c r="K794">
        <v>113.103942</v>
      </c>
      <c r="L794">
        <v>2509.3896159999999</v>
      </c>
      <c r="M794">
        <v>112.31232900000001</v>
      </c>
    </row>
    <row r="795" spans="2:13" x14ac:dyDescent="0.45">
      <c r="B795">
        <v>2511.318432</v>
      </c>
      <c r="C795">
        <v>112.44156099999999</v>
      </c>
      <c r="D795">
        <v>2511.318432</v>
      </c>
      <c r="E795">
        <v>112.184248</v>
      </c>
      <c r="F795">
        <v>2511.318432</v>
      </c>
      <c r="G795">
        <v>112.482398</v>
      </c>
      <c r="H795">
        <v>2511.318432</v>
      </c>
      <c r="I795">
        <v>111.77895700000001</v>
      </c>
      <c r="J795">
        <v>2511.318432</v>
      </c>
      <c r="K795">
        <v>113.0924</v>
      </c>
      <c r="L795">
        <v>2511.318432</v>
      </c>
      <c r="M795">
        <v>112.358206</v>
      </c>
    </row>
    <row r="796" spans="2:13" x14ac:dyDescent="0.45">
      <c r="B796">
        <v>2513.2472480000001</v>
      </c>
      <c r="C796">
        <v>112.39960499999999</v>
      </c>
      <c r="D796">
        <v>2513.2472480000001</v>
      </c>
      <c r="E796">
        <v>112.10588200000001</v>
      </c>
      <c r="F796">
        <v>2513.2472480000001</v>
      </c>
      <c r="G796">
        <v>112.403003</v>
      </c>
      <c r="H796">
        <v>2513.2472480000001</v>
      </c>
      <c r="I796">
        <v>111.77972800000001</v>
      </c>
      <c r="J796">
        <v>2513.2472480000001</v>
      </c>
      <c r="K796">
        <v>113.105621</v>
      </c>
      <c r="L796">
        <v>2513.2472480000001</v>
      </c>
      <c r="M796">
        <v>112.332112</v>
      </c>
    </row>
    <row r="797" spans="2:13" x14ac:dyDescent="0.45">
      <c r="B797">
        <v>2515.1760640000002</v>
      </c>
      <c r="C797">
        <v>112.36668299999999</v>
      </c>
      <c r="D797">
        <v>2515.1760640000002</v>
      </c>
      <c r="E797">
        <v>112.107039</v>
      </c>
      <c r="F797">
        <v>2515.1760640000002</v>
      </c>
      <c r="G797">
        <v>112.398223</v>
      </c>
      <c r="H797">
        <v>2515.1760640000002</v>
      </c>
      <c r="I797">
        <v>111.766706</v>
      </c>
      <c r="J797">
        <v>2515.1760640000002</v>
      </c>
      <c r="K797">
        <v>113.023545</v>
      </c>
      <c r="L797">
        <v>2515.1760640000002</v>
      </c>
      <c r="M797">
        <v>112.199798</v>
      </c>
    </row>
    <row r="798" spans="2:13" x14ac:dyDescent="0.45">
      <c r="B798">
        <v>2517.1048799999999</v>
      </c>
      <c r="C798">
        <v>112.39243500000001</v>
      </c>
      <c r="D798">
        <v>2517.1048799999999</v>
      </c>
      <c r="E798">
        <v>112.15862</v>
      </c>
      <c r="F798">
        <v>2517.1048799999999</v>
      </c>
      <c r="G798">
        <v>112.47812999999999</v>
      </c>
      <c r="H798">
        <v>2517.1048799999999</v>
      </c>
      <c r="I798">
        <v>111.77184099999999</v>
      </c>
      <c r="J798">
        <v>2517.1048799999999</v>
      </c>
      <c r="K798">
        <v>112.88289899999999</v>
      </c>
      <c r="L798">
        <v>2517.1048799999999</v>
      </c>
      <c r="M798">
        <v>112.117482</v>
      </c>
    </row>
    <row r="799" spans="2:13" x14ac:dyDescent="0.45">
      <c r="B799">
        <v>2519.033696</v>
      </c>
      <c r="C799">
        <v>112.438936</v>
      </c>
      <c r="D799">
        <v>2519.033696</v>
      </c>
      <c r="E799">
        <v>112.06909400000001</v>
      </c>
      <c r="F799">
        <v>2519.033696</v>
      </c>
      <c r="G799">
        <v>112.494482</v>
      </c>
      <c r="H799">
        <v>2519.033696</v>
      </c>
      <c r="I799">
        <v>111.809077</v>
      </c>
      <c r="J799">
        <v>2519.033696</v>
      </c>
      <c r="K799">
        <v>112.882818</v>
      </c>
      <c r="L799">
        <v>2519.033696</v>
      </c>
      <c r="M799">
        <v>112.10692299999999</v>
      </c>
    </row>
    <row r="800" spans="2:13" x14ac:dyDescent="0.45">
      <c r="B800">
        <v>2520.9625120000001</v>
      </c>
      <c r="C800">
        <v>112.499685</v>
      </c>
      <c r="D800">
        <v>2520.9625120000001</v>
      </c>
      <c r="E800">
        <v>111.986418</v>
      </c>
      <c r="F800">
        <v>2520.9625120000001</v>
      </c>
      <c r="G800">
        <v>112.415192</v>
      </c>
      <c r="H800">
        <v>2520.9625120000001</v>
      </c>
      <c r="I800">
        <v>111.809304</v>
      </c>
      <c r="J800">
        <v>2520.9625120000001</v>
      </c>
      <c r="K800">
        <v>113.006497</v>
      </c>
      <c r="L800">
        <v>2520.9625120000001</v>
      </c>
      <c r="M800">
        <v>112.08251199999999</v>
      </c>
    </row>
    <row r="801" spans="2:13" x14ac:dyDescent="0.45">
      <c r="B801">
        <v>2522.8913280000002</v>
      </c>
      <c r="C801">
        <v>112.46090599999999</v>
      </c>
      <c r="D801">
        <v>2522.8913280000002</v>
      </c>
      <c r="E801">
        <v>112.02728400000001</v>
      </c>
      <c r="F801">
        <v>2522.8913280000002</v>
      </c>
      <c r="G801">
        <v>112.391975</v>
      </c>
      <c r="H801">
        <v>2522.8913280000002</v>
      </c>
      <c r="I801">
        <v>111.793655</v>
      </c>
      <c r="J801">
        <v>2522.8913280000002</v>
      </c>
      <c r="K801">
        <v>113.022544</v>
      </c>
      <c r="L801">
        <v>2522.8913280000002</v>
      </c>
      <c r="M801">
        <v>112.119379</v>
      </c>
    </row>
    <row r="802" spans="2:13" x14ac:dyDescent="0.45">
      <c r="B802">
        <v>2524.8201439999998</v>
      </c>
      <c r="C802">
        <v>112.33207400000001</v>
      </c>
      <c r="D802">
        <v>2524.8201439999998</v>
      </c>
      <c r="E802">
        <v>112.011149</v>
      </c>
      <c r="F802">
        <v>2524.8201439999998</v>
      </c>
      <c r="G802">
        <v>112.380499</v>
      </c>
      <c r="H802">
        <v>2524.8201439999998</v>
      </c>
      <c r="I802">
        <v>111.837264</v>
      </c>
      <c r="J802">
        <v>2524.8201439999998</v>
      </c>
      <c r="K802">
        <v>113.030917</v>
      </c>
      <c r="L802">
        <v>2524.8201439999998</v>
      </c>
      <c r="M802">
        <v>112.11896</v>
      </c>
    </row>
    <row r="803" spans="2:13" x14ac:dyDescent="0.45">
      <c r="B803">
        <v>2526.7489599999999</v>
      </c>
      <c r="C803">
        <v>112.30287199999999</v>
      </c>
      <c r="D803">
        <v>2526.7489599999999</v>
      </c>
      <c r="E803">
        <v>111.956165</v>
      </c>
      <c r="F803">
        <v>2526.7489599999999</v>
      </c>
      <c r="G803">
        <v>112.29825599999999</v>
      </c>
      <c r="H803">
        <v>2526.7489599999999</v>
      </c>
      <c r="I803">
        <v>111.858047</v>
      </c>
      <c r="J803">
        <v>2526.7489599999999</v>
      </c>
      <c r="K803">
        <v>113.100545</v>
      </c>
      <c r="L803">
        <v>2526.7489599999999</v>
      </c>
      <c r="M803">
        <v>112.092468</v>
      </c>
    </row>
    <row r="804" spans="2:13" x14ac:dyDescent="0.45">
      <c r="B804">
        <v>2528.677776</v>
      </c>
      <c r="C804">
        <v>112.30201099999999</v>
      </c>
      <c r="D804">
        <v>2528.677776</v>
      </c>
      <c r="E804">
        <v>111.96543700000001</v>
      </c>
      <c r="F804">
        <v>2528.677776</v>
      </c>
      <c r="G804">
        <v>112.21999700000001</v>
      </c>
      <c r="H804">
        <v>2528.677776</v>
      </c>
      <c r="I804">
        <v>111.678179</v>
      </c>
      <c r="J804">
        <v>2528.677776</v>
      </c>
      <c r="K804">
        <v>113.054208</v>
      </c>
      <c r="L804">
        <v>2528.677776</v>
      </c>
      <c r="M804">
        <v>112.030137</v>
      </c>
    </row>
    <row r="805" spans="2:13" x14ac:dyDescent="0.45">
      <c r="B805">
        <v>2530.6065920000001</v>
      </c>
      <c r="C805">
        <v>112.235266</v>
      </c>
      <c r="D805">
        <v>2530.6065920000001</v>
      </c>
      <c r="E805">
        <v>111.956805</v>
      </c>
      <c r="F805">
        <v>2530.6065920000001</v>
      </c>
      <c r="G805">
        <v>112.29456</v>
      </c>
      <c r="H805">
        <v>2530.6065920000001</v>
      </c>
      <c r="I805">
        <v>111.465512</v>
      </c>
      <c r="J805">
        <v>2530.6065920000001</v>
      </c>
      <c r="K805">
        <v>112.847864</v>
      </c>
      <c r="L805">
        <v>2530.6065920000001</v>
      </c>
      <c r="M805">
        <v>112.005477</v>
      </c>
    </row>
    <row r="806" spans="2:13" x14ac:dyDescent="0.45">
      <c r="B806">
        <v>2532.5354080000002</v>
      </c>
      <c r="C806">
        <v>112.234943</v>
      </c>
      <c r="D806">
        <v>2532.5354080000002</v>
      </c>
      <c r="E806">
        <v>111.908085</v>
      </c>
      <c r="F806">
        <v>2532.5354080000002</v>
      </c>
      <c r="G806">
        <v>112.329667</v>
      </c>
      <c r="H806">
        <v>2532.5354080000002</v>
      </c>
      <c r="I806">
        <v>111.46828499999999</v>
      </c>
      <c r="J806">
        <v>2532.5354080000002</v>
      </c>
      <c r="K806">
        <v>112.85919</v>
      </c>
      <c r="L806">
        <v>2532.5354080000002</v>
      </c>
      <c r="M806">
        <v>112.00435299999999</v>
      </c>
    </row>
    <row r="807" spans="2:13" x14ac:dyDescent="0.45">
      <c r="B807">
        <v>2534.4642239999998</v>
      </c>
      <c r="C807">
        <v>112.232966</v>
      </c>
      <c r="D807">
        <v>2534.4642239999998</v>
      </c>
      <c r="E807">
        <v>111.849777</v>
      </c>
      <c r="F807">
        <v>2534.4642239999998</v>
      </c>
      <c r="G807">
        <v>112.294436</v>
      </c>
      <c r="H807">
        <v>2534.4642239999998</v>
      </c>
      <c r="I807">
        <v>111.524612</v>
      </c>
      <c r="J807">
        <v>2534.4642239999998</v>
      </c>
      <c r="K807">
        <v>112.98809900000001</v>
      </c>
      <c r="L807">
        <v>2534.4642239999998</v>
      </c>
      <c r="M807">
        <v>111.99896099999999</v>
      </c>
    </row>
    <row r="808" spans="2:13" x14ac:dyDescent="0.45">
      <c r="B808">
        <v>2536.3930399999999</v>
      </c>
      <c r="C808">
        <v>112.1921</v>
      </c>
      <c r="D808">
        <v>2536.3930399999999</v>
      </c>
      <c r="E808">
        <v>111.91156100000001</v>
      </c>
      <c r="F808">
        <v>2536.3930399999999</v>
      </c>
      <c r="G808">
        <v>112.23107</v>
      </c>
      <c r="H808">
        <v>2536.3930399999999</v>
      </c>
      <c r="I808">
        <v>111.48351700000001</v>
      </c>
      <c r="J808">
        <v>2536.3930399999999</v>
      </c>
      <c r="K808">
        <v>112.999481</v>
      </c>
      <c r="L808">
        <v>2536.3930399999999</v>
      </c>
      <c r="M808">
        <v>111.958338</v>
      </c>
    </row>
    <row r="809" spans="2:13" x14ac:dyDescent="0.45">
      <c r="B809">
        <v>2538.321856</v>
      </c>
      <c r="C809">
        <v>112.17997</v>
      </c>
      <c r="D809">
        <v>2538.321856</v>
      </c>
      <c r="E809">
        <v>111.928765</v>
      </c>
      <c r="F809">
        <v>2538.321856</v>
      </c>
      <c r="G809">
        <v>112.244333</v>
      </c>
      <c r="H809">
        <v>2538.321856</v>
      </c>
      <c r="I809">
        <v>111.5468</v>
      </c>
      <c r="J809">
        <v>2538.321856</v>
      </c>
      <c r="K809">
        <v>113.001524</v>
      </c>
      <c r="L809">
        <v>2538.321856</v>
      </c>
      <c r="M809">
        <v>111.980636</v>
      </c>
    </row>
    <row r="810" spans="2:13" x14ac:dyDescent="0.45">
      <c r="B810">
        <v>2540.2506720000001</v>
      </c>
      <c r="C810">
        <v>112.148978</v>
      </c>
      <c r="D810">
        <v>2540.2506720000001</v>
      </c>
      <c r="E810">
        <v>111.94709300000001</v>
      </c>
      <c r="F810">
        <v>2540.2506720000001</v>
      </c>
      <c r="G810">
        <v>112.186598</v>
      </c>
      <c r="H810">
        <v>2540.2506720000001</v>
      </c>
      <c r="I810">
        <v>111.63673</v>
      </c>
      <c r="J810">
        <v>2540.2506720000001</v>
      </c>
      <c r="K810">
        <v>112.880143</v>
      </c>
      <c r="L810">
        <v>2540.2506720000001</v>
      </c>
      <c r="M810">
        <v>112.007413</v>
      </c>
    </row>
    <row r="811" spans="2:13" x14ac:dyDescent="0.45">
      <c r="B811">
        <v>2542.1794880000002</v>
      </c>
      <c r="C811">
        <v>112.201228</v>
      </c>
      <c r="D811">
        <v>2542.1794880000002</v>
      </c>
      <c r="E811">
        <v>111.925922</v>
      </c>
      <c r="F811">
        <v>2542.1794880000002</v>
      </c>
      <c r="G811">
        <v>112.128113</v>
      </c>
      <c r="H811">
        <v>2542.1794880000002</v>
      </c>
      <c r="I811">
        <v>111.61929000000001</v>
      </c>
      <c r="J811">
        <v>2542.1794880000002</v>
      </c>
      <c r="K811">
        <v>112.743892</v>
      </c>
      <c r="L811">
        <v>2542.1794880000002</v>
      </c>
      <c r="M811">
        <v>111.95681999999999</v>
      </c>
    </row>
    <row r="812" spans="2:13" x14ac:dyDescent="0.45">
      <c r="B812">
        <v>2544.1083039999999</v>
      </c>
      <c r="C812">
        <v>112.22033</v>
      </c>
      <c r="D812">
        <v>2544.1083039999999</v>
      </c>
      <c r="E812">
        <v>111.77289500000001</v>
      </c>
      <c r="F812">
        <v>2544.1083039999999</v>
      </c>
      <c r="G812">
        <v>112.22326700000001</v>
      </c>
      <c r="H812">
        <v>2544.1083039999999</v>
      </c>
      <c r="I812">
        <v>111.507209</v>
      </c>
      <c r="J812">
        <v>2544.1083039999999</v>
      </c>
      <c r="K812">
        <v>112.79727099999999</v>
      </c>
      <c r="L812">
        <v>2544.1083039999999</v>
      </c>
      <c r="M812">
        <v>111.930559</v>
      </c>
    </row>
    <row r="813" spans="2:13" x14ac:dyDescent="0.45">
      <c r="B813">
        <v>2546.03712</v>
      </c>
      <c r="C813">
        <v>112.19936300000001</v>
      </c>
      <c r="D813">
        <v>2546.03712</v>
      </c>
      <c r="E813">
        <v>111.723568</v>
      </c>
      <c r="F813">
        <v>2546.03712</v>
      </c>
      <c r="G813">
        <v>112.184826</v>
      </c>
      <c r="H813">
        <v>2546.03712</v>
      </c>
      <c r="I813">
        <v>111.404293</v>
      </c>
      <c r="J813">
        <v>2546.03712</v>
      </c>
      <c r="K813">
        <v>112.88851699999999</v>
      </c>
      <c r="L813">
        <v>2546.03712</v>
      </c>
      <c r="M813">
        <v>112.04172800000001</v>
      </c>
    </row>
    <row r="814" spans="2:13" x14ac:dyDescent="0.45">
      <c r="B814">
        <v>2547.9659360000001</v>
      </c>
      <c r="C814">
        <v>112.286682</v>
      </c>
      <c r="D814">
        <v>2547.9659360000001</v>
      </c>
      <c r="E814">
        <v>111.780592</v>
      </c>
      <c r="F814">
        <v>2547.9659360000001</v>
      </c>
      <c r="G814">
        <v>112.148938</v>
      </c>
      <c r="H814">
        <v>2547.9659360000001</v>
      </c>
      <c r="I814">
        <v>111.395364</v>
      </c>
      <c r="J814">
        <v>2547.9659360000001</v>
      </c>
      <c r="K814">
        <v>112.819942</v>
      </c>
      <c r="L814">
        <v>2547.9659360000001</v>
      </c>
      <c r="M814">
        <v>112.02063200000001</v>
      </c>
    </row>
    <row r="815" spans="2:13" x14ac:dyDescent="0.45">
      <c r="B815">
        <v>2549.8947520000002</v>
      </c>
      <c r="C815">
        <v>112.342314</v>
      </c>
      <c r="D815">
        <v>2549.8947520000002</v>
      </c>
      <c r="E815">
        <v>111.721872</v>
      </c>
      <c r="F815">
        <v>2549.8947520000002</v>
      </c>
      <c r="G815">
        <v>112.216551</v>
      </c>
      <c r="H815">
        <v>2549.8947520000002</v>
      </c>
      <c r="I815">
        <v>111.39107</v>
      </c>
      <c r="J815">
        <v>2549.8947520000002</v>
      </c>
      <c r="K815">
        <v>112.749714</v>
      </c>
      <c r="L815">
        <v>2549.8947520000002</v>
      </c>
      <c r="M815">
        <v>111.96639399999999</v>
      </c>
    </row>
    <row r="816" spans="2:13" x14ac:dyDescent="0.45">
      <c r="B816">
        <v>2551.8235679999998</v>
      </c>
      <c r="C816">
        <v>112.27971700000001</v>
      </c>
      <c r="D816">
        <v>2551.8235679999998</v>
      </c>
      <c r="E816">
        <v>111.686733</v>
      </c>
      <c r="F816">
        <v>2551.8235679999998</v>
      </c>
      <c r="G816">
        <v>112.244105</v>
      </c>
      <c r="H816">
        <v>2551.8235679999998</v>
      </c>
      <c r="I816">
        <v>111.44586700000001</v>
      </c>
      <c r="J816">
        <v>2551.8235679999998</v>
      </c>
      <c r="K816">
        <v>112.74450299999999</v>
      </c>
      <c r="L816">
        <v>2551.8235679999998</v>
      </c>
      <c r="M816">
        <v>111.979584</v>
      </c>
    </row>
    <row r="817" spans="2:13" x14ac:dyDescent="0.45">
      <c r="B817">
        <v>2553.7523839999999</v>
      </c>
      <c r="C817">
        <v>112.198072</v>
      </c>
      <c r="D817">
        <v>2553.7523839999999</v>
      </c>
      <c r="E817">
        <v>111.72482100000001</v>
      </c>
      <c r="F817">
        <v>2553.7523839999999</v>
      </c>
      <c r="G817">
        <v>112.185969</v>
      </c>
      <c r="H817">
        <v>2553.7523839999999</v>
      </c>
      <c r="I817">
        <v>111.422613</v>
      </c>
      <c r="J817">
        <v>2553.7523839999999</v>
      </c>
      <c r="K817">
        <v>112.698998</v>
      </c>
      <c r="L817">
        <v>2553.7523839999999</v>
      </c>
      <c r="M817">
        <v>111.896856</v>
      </c>
    </row>
    <row r="818" spans="2:13" x14ac:dyDescent="0.45">
      <c r="B818">
        <v>2555.6812</v>
      </c>
      <c r="C818">
        <v>112.247844</v>
      </c>
      <c r="D818">
        <v>2555.6812</v>
      </c>
      <c r="E818">
        <v>111.677913</v>
      </c>
      <c r="F818">
        <v>2555.6812</v>
      </c>
      <c r="G818">
        <v>112.157712</v>
      </c>
      <c r="H818">
        <v>2555.6812</v>
      </c>
      <c r="I818">
        <v>111.40406299999999</v>
      </c>
      <c r="J818">
        <v>2555.6812</v>
      </c>
      <c r="K818">
        <v>112.670728</v>
      </c>
      <c r="L818">
        <v>2555.6812</v>
      </c>
      <c r="M818">
        <v>111.886488</v>
      </c>
    </row>
    <row r="819" spans="2:13" x14ac:dyDescent="0.45">
      <c r="B819">
        <v>2557.6100160000001</v>
      </c>
      <c r="C819">
        <v>112.281296</v>
      </c>
      <c r="D819">
        <v>2557.6100160000001</v>
      </c>
      <c r="E819">
        <v>111.64894700000001</v>
      </c>
      <c r="F819">
        <v>2557.6100160000001</v>
      </c>
      <c r="G819">
        <v>112.101753</v>
      </c>
      <c r="H819">
        <v>2557.6100160000001</v>
      </c>
      <c r="I819">
        <v>111.402961</v>
      </c>
      <c r="J819">
        <v>2557.6100160000001</v>
      </c>
      <c r="K819">
        <v>112.614887</v>
      </c>
      <c r="L819">
        <v>2557.6100160000001</v>
      </c>
      <c r="M819">
        <v>111.946347</v>
      </c>
    </row>
    <row r="820" spans="2:13" x14ac:dyDescent="0.45">
      <c r="B820">
        <v>2559.5388320000002</v>
      </c>
      <c r="C820">
        <v>112.264696</v>
      </c>
      <c r="D820">
        <v>2559.5388320000002</v>
      </c>
      <c r="E820">
        <v>111.721526</v>
      </c>
      <c r="F820">
        <v>2559.5388320000002</v>
      </c>
      <c r="G820">
        <v>112.03918899999999</v>
      </c>
      <c r="H820">
        <v>2559.5388320000002</v>
      </c>
      <c r="I820">
        <v>111.27704799999999</v>
      </c>
      <c r="J820">
        <v>2559.5388320000002</v>
      </c>
      <c r="K820">
        <v>112.696078</v>
      </c>
      <c r="L820">
        <v>2559.5388320000002</v>
      </c>
      <c r="M820">
        <v>111.98886899999999</v>
      </c>
    </row>
    <row r="821" spans="2:13" x14ac:dyDescent="0.45">
      <c r="B821">
        <v>2561.4676479999998</v>
      </c>
      <c r="C821">
        <v>112.237308</v>
      </c>
      <c r="D821">
        <v>2561.4676479999998</v>
      </c>
      <c r="E821">
        <v>111.723636</v>
      </c>
      <c r="F821">
        <v>2561.4676479999998</v>
      </c>
      <c r="G821">
        <v>112.05108799999999</v>
      </c>
      <c r="H821">
        <v>2561.4676479999998</v>
      </c>
      <c r="I821">
        <v>111.17282400000001</v>
      </c>
      <c r="J821">
        <v>2561.4676479999998</v>
      </c>
      <c r="K821">
        <v>112.745955</v>
      </c>
      <c r="L821">
        <v>2561.4676479999998</v>
      </c>
      <c r="M821">
        <v>111.901189</v>
      </c>
    </row>
    <row r="822" spans="2:13" x14ac:dyDescent="0.45">
      <c r="B822">
        <v>2563.3964639999999</v>
      </c>
      <c r="C822">
        <v>112.18198099999999</v>
      </c>
      <c r="D822">
        <v>2563.3964639999999</v>
      </c>
      <c r="E822">
        <v>111.69495000000001</v>
      </c>
      <c r="F822">
        <v>2563.3964639999999</v>
      </c>
      <c r="G822">
        <v>112.063926</v>
      </c>
      <c r="H822">
        <v>2563.3964639999999</v>
      </c>
      <c r="I822">
        <v>111.112121</v>
      </c>
      <c r="J822">
        <v>2563.3964639999999</v>
      </c>
      <c r="K822">
        <v>112.661736</v>
      </c>
      <c r="L822">
        <v>2563.3964639999999</v>
      </c>
      <c r="M822">
        <v>111.796623</v>
      </c>
    </row>
    <row r="823" spans="2:13" x14ac:dyDescent="0.45">
      <c r="B823">
        <v>2565.32528</v>
      </c>
      <c r="C823">
        <v>112.11497900000001</v>
      </c>
      <c r="D823">
        <v>2565.32528</v>
      </c>
      <c r="E823">
        <v>111.701781</v>
      </c>
      <c r="F823">
        <v>2565.32528</v>
      </c>
      <c r="G823">
        <v>112.097016</v>
      </c>
      <c r="H823">
        <v>2565.32528</v>
      </c>
      <c r="I823">
        <v>111.114127</v>
      </c>
      <c r="J823">
        <v>2565.32528</v>
      </c>
      <c r="K823">
        <v>112.668676</v>
      </c>
      <c r="L823">
        <v>2565.32528</v>
      </c>
      <c r="M823">
        <v>111.777531</v>
      </c>
    </row>
    <row r="824" spans="2:13" x14ac:dyDescent="0.45">
      <c r="B824">
        <v>2567.2540960000001</v>
      </c>
      <c r="C824">
        <v>112.10985700000001</v>
      </c>
      <c r="D824">
        <v>2567.2540960000001</v>
      </c>
      <c r="E824">
        <v>111.659082</v>
      </c>
      <c r="F824">
        <v>2567.2540960000001</v>
      </c>
      <c r="G824">
        <v>112.035312</v>
      </c>
      <c r="H824">
        <v>2567.2540960000001</v>
      </c>
      <c r="I824">
        <v>111.145201</v>
      </c>
      <c r="J824">
        <v>2567.2540960000001</v>
      </c>
      <c r="K824">
        <v>112.72677</v>
      </c>
      <c r="L824">
        <v>2567.2540960000001</v>
      </c>
      <c r="M824">
        <v>111.690855</v>
      </c>
    </row>
    <row r="825" spans="2:13" x14ac:dyDescent="0.45">
      <c r="B825">
        <v>2569.1829120000002</v>
      </c>
      <c r="C825">
        <v>112.07270200000001</v>
      </c>
      <c r="D825">
        <v>2569.1829120000002</v>
      </c>
      <c r="E825">
        <v>111.66783100000001</v>
      </c>
      <c r="F825">
        <v>2569.1829120000002</v>
      </c>
      <c r="G825">
        <v>111.979682</v>
      </c>
      <c r="H825">
        <v>2569.1829120000002</v>
      </c>
      <c r="I825">
        <v>111.105755</v>
      </c>
      <c r="J825">
        <v>2569.1829120000002</v>
      </c>
      <c r="K825">
        <v>112.64252</v>
      </c>
      <c r="L825">
        <v>2569.1829120000002</v>
      </c>
      <c r="M825">
        <v>111.63248299999999</v>
      </c>
    </row>
    <row r="826" spans="2:13" x14ac:dyDescent="0.45">
      <c r="B826">
        <v>2571.1117279999999</v>
      </c>
      <c r="C826">
        <v>112.027292</v>
      </c>
      <c r="D826">
        <v>2571.1117279999999</v>
      </c>
      <c r="E826">
        <v>111.698814</v>
      </c>
      <c r="F826">
        <v>2571.1117279999999</v>
      </c>
      <c r="G826">
        <v>112.05041799999999</v>
      </c>
      <c r="H826">
        <v>2571.1117279999999</v>
      </c>
      <c r="I826">
        <v>111.146361</v>
      </c>
      <c r="J826">
        <v>2571.1117279999999</v>
      </c>
      <c r="K826">
        <v>112.608565</v>
      </c>
      <c r="L826">
        <v>2571.1117279999999</v>
      </c>
      <c r="M826">
        <v>111.62250899999999</v>
      </c>
    </row>
    <row r="827" spans="2:13" x14ac:dyDescent="0.45">
      <c r="B827">
        <v>2573.040544</v>
      </c>
      <c r="C827">
        <v>112.065935</v>
      </c>
      <c r="D827">
        <v>2573.040544</v>
      </c>
      <c r="E827">
        <v>111.62451800000001</v>
      </c>
      <c r="F827">
        <v>2573.040544</v>
      </c>
      <c r="G827">
        <v>112.013137</v>
      </c>
      <c r="H827">
        <v>2573.040544</v>
      </c>
      <c r="I827">
        <v>111.272688</v>
      </c>
      <c r="J827">
        <v>2573.040544</v>
      </c>
      <c r="K827">
        <v>112.61488199999999</v>
      </c>
      <c r="L827">
        <v>2573.040544</v>
      </c>
      <c r="M827">
        <v>111.666346</v>
      </c>
    </row>
    <row r="828" spans="2:13" x14ac:dyDescent="0.45">
      <c r="B828">
        <v>2574.9693600000001</v>
      </c>
      <c r="C828">
        <v>112.16931200000001</v>
      </c>
      <c r="D828">
        <v>2574.9693600000001</v>
      </c>
      <c r="E828">
        <v>111.575495</v>
      </c>
      <c r="F828">
        <v>2574.9693600000001</v>
      </c>
      <c r="G828">
        <v>111.91999300000001</v>
      </c>
      <c r="H828">
        <v>2574.9693600000001</v>
      </c>
      <c r="I828">
        <v>111.322892</v>
      </c>
      <c r="J828">
        <v>2574.9693600000001</v>
      </c>
      <c r="K828">
        <v>112.578254</v>
      </c>
      <c r="L828">
        <v>2574.9693600000001</v>
      </c>
      <c r="M828">
        <v>111.748262</v>
      </c>
    </row>
    <row r="829" spans="2:13" x14ac:dyDescent="0.45">
      <c r="B829">
        <v>2576.8981760000001</v>
      </c>
      <c r="C829">
        <v>112.203526</v>
      </c>
      <c r="D829">
        <v>2576.8981760000001</v>
      </c>
      <c r="E829">
        <v>111.493199</v>
      </c>
      <c r="F829">
        <v>2576.8981760000001</v>
      </c>
      <c r="G829">
        <v>111.853841</v>
      </c>
      <c r="H829">
        <v>2576.8981760000001</v>
      </c>
      <c r="I829">
        <v>111.23216499999999</v>
      </c>
      <c r="J829">
        <v>2576.8981760000001</v>
      </c>
      <c r="K829">
        <v>112.54836</v>
      </c>
      <c r="L829">
        <v>2576.8981760000001</v>
      </c>
      <c r="M829">
        <v>111.76685000000001</v>
      </c>
    </row>
    <row r="830" spans="2:13" x14ac:dyDescent="0.45">
      <c r="B830">
        <v>2578.8269919999998</v>
      </c>
      <c r="C830">
        <v>112.269172</v>
      </c>
      <c r="D830">
        <v>2578.8269919999998</v>
      </c>
      <c r="E830">
        <v>111.496825</v>
      </c>
      <c r="F830">
        <v>2578.8269919999998</v>
      </c>
      <c r="G830">
        <v>111.904348</v>
      </c>
      <c r="H830">
        <v>2578.8269919999998</v>
      </c>
      <c r="I830">
        <v>111.140621</v>
      </c>
      <c r="J830">
        <v>2578.8269919999998</v>
      </c>
      <c r="K830">
        <v>112.637192</v>
      </c>
      <c r="L830">
        <v>2578.8269919999998</v>
      </c>
      <c r="M830">
        <v>111.706079</v>
      </c>
    </row>
    <row r="831" spans="2:13" x14ac:dyDescent="0.45">
      <c r="B831">
        <v>2580.7558079999999</v>
      </c>
      <c r="C831">
        <v>112.23506399999999</v>
      </c>
      <c r="D831">
        <v>2580.7558079999999</v>
      </c>
      <c r="E831">
        <v>111.54030300000001</v>
      </c>
      <c r="F831">
        <v>2580.7558079999999</v>
      </c>
      <c r="G831">
        <v>111.92801900000001</v>
      </c>
      <c r="H831">
        <v>2580.7558079999999</v>
      </c>
      <c r="I831">
        <v>111.124515</v>
      </c>
      <c r="J831">
        <v>2580.7558079999999</v>
      </c>
      <c r="K831">
        <v>112.67559900000001</v>
      </c>
      <c r="L831">
        <v>2580.7558079999999</v>
      </c>
      <c r="M831">
        <v>111.628525</v>
      </c>
    </row>
    <row r="832" spans="2:13" x14ac:dyDescent="0.45">
      <c r="B832">
        <v>2582.684624</v>
      </c>
      <c r="C832">
        <v>112.097301</v>
      </c>
      <c r="D832">
        <v>2582.684624</v>
      </c>
      <c r="E832">
        <v>111.48653400000001</v>
      </c>
      <c r="F832">
        <v>2582.684624</v>
      </c>
      <c r="G832">
        <v>111.95119200000001</v>
      </c>
      <c r="H832">
        <v>2582.684624</v>
      </c>
      <c r="I832">
        <v>111.11181000000001</v>
      </c>
      <c r="J832">
        <v>2582.684624</v>
      </c>
      <c r="K832">
        <v>112.568107</v>
      </c>
      <c r="L832">
        <v>2582.684624</v>
      </c>
      <c r="M832">
        <v>111.689725</v>
      </c>
    </row>
    <row r="833" spans="2:13" x14ac:dyDescent="0.45">
      <c r="B833">
        <v>2584.6134400000001</v>
      </c>
      <c r="C833">
        <v>112.090839</v>
      </c>
      <c r="D833">
        <v>2584.6134400000001</v>
      </c>
      <c r="E833">
        <v>111.47303100000001</v>
      </c>
      <c r="F833">
        <v>2584.6134400000001</v>
      </c>
      <c r="G833">
        <v>111.905608</v>
      </c>
      <c r="H833">
        <v>2584.6134400000001</v>
      </c>
      <c r="I833">
        <v>111.08718399999999</v>
      </c>
      <c r="J833">
        <v>2584.6134400000001</v>
      </c>
      <c r="K833">
        <v>112.55654699999999</v>
      </c>
      <c r="L833">
        <v>2584.6134400000001</v>
      </c>
      <c r="M833">
        <v>111.68552099999999</v>
      </c>
    </row>
    <row r="834" spans="2:13" x14ac:dyDescent="0.45">
      <c r="B834">
        <v>2586.5422560000002</v>
      </c>
      <c r="C834">
        <v>112.20108500000001</v>
      </c>
      <c r="D834">
        <v>2586.5422560000002</v>
      </c>
      <c r="E834">
        <v>111.508707</v>
      </c>
      <c r="F834">
        <v>2586.5422560000002</v>
      </c>
      <c r="G834">
        <v>111.82048399999999</v>
      </c>
      <c r="H834">
        <v>2586.5422560000002</v>
      </c>
      <c r="I834">
        <v>111.06783</v>
      </c>
      <c r="J834">
        <v>2586.5422560000002</v>
      </c>
      <c r="K834">
        <v>112.516437</v>
      </c>
      <c r="L834">
        <v>2586.5422560000002</v>
      </c>
      <c r="M834">
        <v>111.63555599999999</v>
      </c>
    </row>
    <row r="835" spans="2:13" x14ac:dyDescent="0.45">
      <c r="B835">
        <v>2588.4710719999998</v>
      </c>
      <c r="C835">
        <v>112.109495</v>
      </c>
      <c r="D835">
        <v>2588.4710719999998</v>
      </c>
      <c r="E835">
        <v>111.53272800000001</v>
      </c>
      <c r="F835">
        <v>2588.4710719999998</v>
      </c>
      <c r="G835">
        <v>111.871128</v>
      </c>
      <c r="H835">
        <v>2588.4710719999998</v>
      </c>
      <c r="I835">
        <v>111.137041</v>
      </c>
      <c r="J835">
        <v>2588.4710719999998</v>
      </c>
      <c r="K835">
        <v>112.444356</v>
      </c>
      <c r="L835">
        <v>2588.4710719999998</v>
      </c>
      <c r="M835">
        <v>111.563225</v>
      </c>
    </row>
    <row r="836" spans="2:13" x14ac:dyDescent="0.45">
      <c r="B836">
        <v>2590.3998879999999</v>
      </c>
      <c r="C836">
        <v>111.966105</v>
      </c>
      <c r="D836">
        <v>2590.3998879999999</v>
      </c>
      <c r="E836">
        <v>111.48620600000001</v>
      </c>
      <c r="F836">
        <v>2590.3998879999999</v>
      </c>
      <c r="G836">
        <v>112.063441</v>
      </c>
      <c r="H836">
        <v>2590.3998879999999</v>
      </c>
      <c r="I836">
        <v>111.072282</v>
      </c>
      <c r="J836">
        <v>2590.3998879999999</v>
      </c>
      <c r="K836">
        <v>112.393276</v>
      </c>
      <c r="L836">
        <v>2590.3998879999999</v>
      </c>
      <c r="M836">
        <v>111.60610800000001</v>
      </c>
    </row>
    <row r="837" spans="2:13" x14ac:dyDescent="0.45">
      <c r="B837">
        <v>2592.328704</v>
      </c>
      <c r="C837">
        <v>111.926018</v>
      </c>
      <c r="D837">
        <v>2592.328704</v>
      </c>
      <c r="E837">
        <v>111.489052</v>
      </c>
      <c r="F837">
        <v>2592.328704</v>
      </c>
      <c r="G837">
        <v>112.02111600000001</v>
      </c>
      <c r="H837">
        <v>2592.328704</v>
      </c>
      <c r="I837">
        <v>111.050414</v>
      </c>
      <c r="J837">
        <v>2592.328704</v>
      </c>
      <c r="K837">
        <v>112.424226</v>
      </c>
      <c r="L837">
        <v>2592.328704</v>
      </c>
      <c r="M837">
        <v>111.65517</v>
      </c>
    </row>
    <row r="838" spans="2:13" x14ac:dyDescent="0.45">
      <c r="B838">
        <v>2594.2575200000001</v>
      </c>
      <c r="C838">
        <v>111.947508</v>
      </c>
      <c r="D838">
        <v>2594.2575200000001</v>
      </c>
      <c r="E838">
        <v>111.47285100000001</v>
      </c>
      <c r="F838">
        <v>2594.2575200000001</v>
      </c>
      <c r="G838">
        <v>111.85269099999999</v>
      </c>
      <c r="H838">
        <v>2594.2575200000001</v>
      </c>
      <c r="I838">
        <v>111.049176</v>
      </c>
      <c r="J838">
        <v>2594.2575200000001</v>
      </c>
      <c r="K838">
        <v>112.47688599999999</v>
      </c>
      <c r="L838">
        <v>2594.2575200000001</v>
      </c>
      <c r="M838">
        <v>111.649197</v>
      </c>
    </row>
    <row r="839" spans="2:13" x14ac:dyDescent="0.45">
      <c r="B839">
        <v>2596.1863360000002</v>
      </c>
      <c r="C839">
        <v>111.978115</v>
      </c>
      <c r="D839">
        <v>2596.1863360000002</v>
      </c>
      <c r="E839">
        <v>111.408117</v>
      </c>
      <c r="F839">
        <v>2596.1863360000002</v>
      </c>
      <c r="G839">
        <v>111.826232</v>
      </c>
      <c r="H839">
        <v>2596.1863360000002</v>
      </c>
      <c r="I839">
        <v>110.998159</v>
      </c>
      <c r="J839">
        <v>2596.1863360000002</v>
      </c>
      <c r="K839">
        <v>112.50586800000001</v>
      </c>
      <c r="L839">
        <v>2596.1863360000002</v>
      </c>
      <c r="M839">
        <v>111.632271</v>
      </c>
    </row>
    <row r="840" spans="2:13" x14ac:dyDescent="0.45">
      <c r="B840">
        <v>2598.1151519999999</v>
      </c>
      <c r="C840">
        <v>112.00056600000001</v>
      </c>
      <c r="D840">
        <v>2598.1151519999999</v>
      </c>
      <c r="E840">
        <v>111.429506</v>
      </c>
      <c r="F840">
        <v>2598.1151519999999</v>
      </c>
      <c r="G840">
        <v>111.894381</v>
      </c>
      <c r="H840">
        <v>2598.1151519999999</v>
      </c>
      <c r="I840">
        <v>110.96503</v>
      </c>
      <c r="J840">
        <v>2598.1151519999999</v>
      </c>
      <c r="K840">
        <v>112.451768</v>
      </c>
      <c r="L840">
        <v>2598.1151519999999</v>
      </c>
      <c r="M840">
        <v>111.63726</v>
      </c>
    </row>
    <row r="841" spans="2:13" x14ac:dyDescent="0.45">
      <c r="B841">
        <v>2600.0439679999999</v>
      </c>
      <c r="C841">
        <v>112.021877</v>
      </c>
      <c r="D841">
        <v>2600.0439679999999</v>
      </c>
      <c r="E841">
        <v>111.459292</v>
      </c>
      <c r="F841">
        <v>2600.0439679999999</v>
      </c>
      <c r="G841">
        <v>111.87487299999999</v>
      </c>
      <c r="H841">
        <v>2600.0439679999999</v>
      </c>
      <c r="I841">
        <v>110.96994100000001</v>
      </c>
      <c r="J841">
        <v>2600.0439679999999</v>
      </c>
      <c r="K841">
        <v>112.37353400000001</v>
      </c>
      <c r="L841">
        <v>2600.0439679999999</v>
      </c>
      <c r="M841">
        <v>111.624855</v>
      </c>
    </row>
    <row r="842" spans="2:13" x14ac:dyDescent="0.45">
      <c r="B842">
        <v>2601.972784</v>
      </c>
      <c r="C842">
        <v>112.02987899999999</v>
      </c>
      <c r="D842">
        <v>2601.972784</v>
      </c>
      <c r="E842">
        <v>111.358189</v>
      </c>
      <c r="F842">
        <v>2601.972784</v>
      </c>
      <c r="G842">
        <v>111.866439</v>
      </c>
      <c r="H842">
        <v>2601.972784</v>
      </c>
      <c r="I842">
        <v>111.02034999999999</v>
      </c>
      <c r="J842">
        <v>2601.972784</v>
      </c>
      <c r="K842">
        <v>112.38324299999999</v>
      </c>
      <c r="L842">
        <v>2601.972784</v>
      </c>
      <c r="M842">
        <v>111.577307</v>
      </c>
    </row>
    <row r="843" spans="2:13" x14ac:dyDescent="0.45">
      <c r="B843">
        <v>2603.9016000000001</v>
      </c>
      <c r="C843">
        <v>112.015079</v>
      </c>
      <c r="D843">
        <v>2603.9016000000001</v>
      </c>
      <c r="E843">
        <v>111.290291</v>
      </c>
      <c r="F843">
        <v>2603.9016000000001</v>
      </c>
      <c r="G843">
        <v>111.909397</v>
      </c>
      <c r="H843">
        <v>2603.9016000000001</v>
      </c>
      <c r="I843">
        <v>111.019582</v>
      </c>
      <c r="J843">
        <v>2603.9016000000001</v>
      </c>
      <c r="K843">
        <v>112.368201</v>
      </c>
      <c r="L843">
        <v>2603.9016000000001</v>
      </c>
      <c r="M843">
        <v>111.565839</v>
      </c>
    </row>
    <row r="844" spans="2:13" x14ac:dyDescent="0.45">
      <c r="B844">
        <v>2605.8304159999998</v>
      </c>
      <c r="C844">
        <v>112.03165799999999</v>
      </c>
      <c r="D844">
        <v>2605.8304159999998</v>
      </c>
      <c r="E844">
        <v>111.294419</v>
      </c>
      <c r="F844">
        <v>2605.8304159999998</v>
      </c>
      <c r="G844">
        <v>111.906532</v>
      </c>
      <c r="H844">
        <v>2605.8304159999998</v>
      </c>
      <c r="I844">
        <v>111.01340500000001</v>
      </c>
      <c r="J844">
        <v>2605.8304159999998</v>
      </c>
      <c r="K844">
        <v>112.34802000000001</v>
      </c>
      <c r="L844">
        <v>2605.8304159999998</v>
      </c>
      <c r="M844">
        <v>111.590608</v>
      </c>
    </row>
    <row r="845" spans="2:13" x14ac:dyDescent="0.45">
      <c r="B845">
        <v>2607.7592319999999</v>
      </c>
      <c r="C845">
        <v>111.951307</v>
      </c>
      <c r="D845">
        <v>2607.7592319999999</v>
      </c>
      <c r="E845">
        <v>111.31545800000001</v>
      </c>
      <c r="F845">
        <v>2607.7592319999999</v>
      </c>
      <c r="G845">
        <v>111.8326</v>
      </c>
      <c r="H845">
        <v>2607.7592319999999</v>
      </c>
      <c r="I845">
        <v>111.050016</v>
      </c>
      <c r="J845">
        <v>2607.7592319999999</v>
      </c>
      <c r="K845">
        <v>112.333248</v>
      </c>
      <c r="L845">
        <v>2607.7592319999999</v>
      </c>
      <c r="M845">
        <v>111.534176</v>
      </c>
    </row>
    <row r="846" spans="2:13" x14ac:dyDescent="0.45">
      <c r="B846">
        <v>2609.688048</v>
      </c>
      <c r="C846">
        <v>111.961838</v>
      </c>
      <c r="D846">
        <v>2609.688048</v>
      </c>
      <c r="E846">
        <v>111.315043</v>
      </c>
      <c r="F846">
        <v>2609.688048</v>
      </c>
      <c r="G846">
        <v>111.777197</v>
      </c>
      <c r="H846">
        <v>2609.688048</v>
      </c>
      <c r="I846">
        <v>111.00651000000001</v>
      </c>
      <c r="J846">
        <v>2609.688048</v>
      </c>
      <c r="K846">
        <v>112.34120299999999</v>
      </c>
      <c r="L846">
        <v>2609.688048</v>
      </c>
      <c r="M846">
        <v>111.47975099999999</v>
      </c>
    </row>
    <row r="847" spans="2:13" x14ac:dyDescent="0.45">
      <c r="B847">
        <v>2611.6168640000001</v>
      </c>
      <c r="C847">
        <v>111.913359</v>
      </c>
      <c r="D847">
        <v>2611.6168640000001</v>
      </c>
      <c r="E847">
        <v>111.27660300000001</v>
      </c>
      <c r="F847">
        <v>2611.6168640000001</v>
      </c>
      <c r="G847">
        <v>111.69245100000001</v>
      </c>
      <c r="H847">
        <v>2611.6168640000001</v>
      </c>
      <c r="I847">
        <v>111.071281</v>
      </c>
      <c r="J847">
        <v>2611.6168640000001</v>
      </c>
      <c r="K847">
        <v>112.356528</v>
      </c>
      <c r="L847">
        <v>2611.6168640000001</v>
      </c>
      <c r="M847">
        <v>111.536427</v>
      </c>
    </row>
    <row r="848" spans="2:13" x14ac:dyDescent="0.45">
      <c r="B848">
        <v>2613.5456800000002</v>
      </c>
      <c r="C848">
        <v>111.915791</v>
      </c>
      <c r="D848">
        <v>2613.5456800000002</v>
      </c>
      <c r="E848">
        <v>111.20559900000001</v>
      </c>
      <c r="F848">
        <v>2613.5456800000002</v>
      </c>
      <c r="G848">
        <v>111.69024899999999</v>
      </c>
      <c r="H848">
        <v>2613.5456800000002</v>
      </c>
      <c r="I848">
        <v>111.08031</v>
      </c>
      <c r="J848">
        <v>2613.5456800000002</v>
      </c>
      <c r="K848">
        <v>112.282628</v>
      </c>
      <c r="L848">
        <v>2613.5456800000002</v>
      </c>
      <c r="M848">
        <v>111.57073800000001</v>
      </c>
    </row>
    <row r="849" spans="2:13" x14ac:dyDescent="0.45">
      <c r="B849">
        <v>2615.4744959999998</v>
      </c>
      <c r="C849">
        <v>112.032055</v>
      </c>
      <c r="D849">
        <v>2615.4744959999998</v>
      </c>
      <c r="E849">
        <v>111.20592500000001</v>
      </c>
      <c r="F849">
        <v>2615.4744959999998</v>
      </c>
      <c r="G849">
        <v>111.763266</v>
      </c>
      <c r="H849">
        <v>2615.4744959999998</v>
      </c>
      <c r="I849">
        <v>110.99077699999999</v>
      </c>
      <c r="J849">
        <v>2615.4744959999998</v>
      </c>
      <c r="K849">
        <v>112.259844</v>
      </c>
      <c r="L849">
        <v>2615.4744959999998</v>
      </c>
      <c r="M849">
        <v>111.51416</v>
      </c>
    </row>
    <row r="850" spans="2:13" x14ac:dyDescent="0.45">
      <c r="B850">
        <v>2617.4033119999999</v>
      </c>
      <c r="C850">
        <v>112.07128299999999</v>
      </c>
      <c r="D850">
        <v>2617.4033119999999</v>
      </c>
      <c r="E850">
        <v>111.22952600000001</v>
      </c>
      <c r="F850">
        <v>2617.4033119999999</v>
      </c>
      <c r="G850">
        <v>111.750592</v>
      </c>
      <c r="H850">
        <v>2617.4033119999999</v>
      </c>
      <c r="I850">
        <v>110.954307</v>
      </c>
      <c r="J850">
        <v>2617.4033119999999</v>
      </c>
      <c r="K850">
        <v>112.28440500000001</v>
      </c>
      <c r="L850">
        <v>2617.4033119999999</v>
      </c>
      <c r="M850">
        <v>111.485759</v>
      </c>
    </row>
    <row r="851" spans="2:13" x14ac:dyDescent="0.45">
      <c r="B851">
        <v>2619.332128</v>
      </c>
      <c r="C851">
        <v>111.996644</v>
      </c>
      <c r="D851">
        <v>2619.332128</v>
      </c>
      <c r="E851">
        <v>111.24311</v>
      </c>
      <c r="F851">
        <v>2619.332128</v>
      </c>
      <c r="G851">
        <v>111.730474</v>
      </c>
      <c r="H851">
        <v>2619.332128</v>
      </c>
      <c r="I851">
        <v>110.93136</v>
      </c>
      <c r="J851">
        <v>2619.332128</v>
      </c>
      <c r="K851">
        <v>112.327777</v>
      </c>
      <c r="L851">
        <v>2619.332128</v>
      </c>
      <c r="M851">
        <v>111.485405</v>
      </c>
    </row>
    <row r="852" spans="2:13" x14ac:dyDescent="0.45">
      <c r="B852">
        <v>2621.2609440000001</v>
      </c>
      <c r="C852">
        <v>111.91699699999999</v>
      </c>
      <c r="D852">
        <v>2621.2609440000001</v>
      </c>
      <c r="E852">
        <v>111.32528500000001</v>
      </c>
      <c r="F852">
        <v>2621.2609440000001</v>
      </c>
      <c r="G852">
        <v>111.717118</v>
      </c>
      <c r="H852">
        <v>2621.2609440000001</v>
      </c>
      <c r="I852">
        <v>110.89442</v>
      </c>
      <c r="J852">
        <v>2621.2609440000001</v>
      </c>
      <c r="K852">
        <v>112.311869</v>
      </c>
      <c r="L852">
        <v>2621.2609440000001</v>
      </c>
      <c r="M852">
        <v>111.541478</v>
      </c>
    </row>
    <row r="853" spans="2:13" x14ac:dyDescent="0.45">
      <c r="B853">
        <v>2623.1897600000002</v>
      </c>
      <c r="C853">
        <v>111.854634</v>
      </c>
      <c r="D853">
        <v>2623.1897600000002</v>
      </c>
      <c r="E853">
        <v>111.297467</v>
      </c>
      <c r="F853">
        <v>2623.1897600000002</v>
      </c>
      <c r="G853">
        <v>111.66931200000001</v>
      </c>
      <c r="H853">
        <v>2623.1897600000002</v>
      </c>
      <c r="I853">
        <v>110.923439</v>
      </c>
      <c r="J853">
        <v>2623.1897600000002</v>
      </c>
      <c r="K853">
        <v>112.285409</v>
      </c>
      <c r="L853">
        <v>2623.1897600000002</v>
      </c>
      <c r="M853">
        <v>111.548835</v>
      </c>
    </row>
    <row r="854" spans="2:13" x14ac:dyDescent="0.45">
      <c r="B854">
        <v>2625.1185759999998</v>
      </c>
      <c r="C854">
        <v>111.85578</v>
      </c>
      <c r="D854">
        <v>2625.1185759999998</v>
      </c>
      <c r="E854">
        <v>111.21516200000001</v>
      </c>
      <c r="F854">
        <v>2625.1185759999998</v>
      </c>
      <c r="G854">
        <v>111.727648</v>
      </c>
      <c r="H854">
        <v>2625.1185759999998</v>
      </c>
      <c r="I854">
        <v>110.871866</v>
      </c>
      <c r="J854">
        <v>2625.1185759999998</v>
      </c>
      <c r="K854">
        <v>112.28770400000001</v>
      </c>
      <c r="L854">
        <v>2625.1185759999998</v>
      </c>
      <c r="M854">
        <v>111.532678</v>
      </c>
    </row>
    <row r="855" spans="2:13" x14ac:dyDescent="0.45">
      <c r="B855">
        <v>2627.0473919999999</v>
      </c>
      <c r="C855">
        <v>111.918919</v>
      </c>
      <c r="D855">
        <v>2627.0473919999999</v>
      </c>
      <c r="E855">
        <v>111.235725</v>
      </c>
      <c r="F855">
        <v>2627.0473919999999</v>
      </c>
      <c r="G855">
        <v>111.79800400000001</v>
      </c>
      <c r="H855">
        <v>2627.0473919999999</v>
      </c>
      <c r="I855">
        <v>110.833074</v>
      </c>
      <c r="J855">
        <v>2627.0473919999999</v>
      </c>
      <c r="K855">
        <v>112.34817200000001</v>
      </c>
      <c r="L855">
        <v>2627.0473919999999</v>
      </c>
      <c r="M855">
        <v>111.50369499999999</v>
      </c>
    </row>
    <row r="856" spans="2:13" x14ac:dyDescent="0.45">
      <c r="B856">
        <v>2628.976208</v>
      </c>
      <c r="C856">
        <v>111.945852</v>
      </c>
      <c r="D856">
        <v>2628.976208</v>
      </c>
      <c r="E856">
        <v>111.25741000000001</v>
      </c>
      <c r="F856">
        <v>2628.976208</v>
      </c>
      <c r="G856">
        <v>111.828458</v>
      </c>
      <c r="H856">
        <v>2628.976208</v>
      </c>
      <c r="I856">
        <v>110.900463</v>
      </c>
      <c r="J856">
        <v>2628.976208</v>
      </c>
      <c r="K856">
        <v>112.31032399999999</v>
      </c>
      <c r="L856">
        <v>2628.976208</v>
      </c>
      <c r="M856">
        <v>111.467119</v>
      </c>
    </row>
    <row r="857" spans="2:13" x14ac:dyDescent="0.45">
      <c r="B857">
        <v>2630.9050240000001</v>
      </c>
      <c r="C857">
        <v>111.946006</v>
      </c>
      <c r="D857">
        <v>2630.9050240000001</v>
      </c>
      <c r="E857">
        <v>111.270439</v>
      </c>
      <c r="F857">
        <v>2630.9050240000001</v>
      </c>
      <c r="G857">
        <v>111.812246</v>
      </c>
      <c r="H857">
        <v>2630.9050240000001</v>
      </c>
      <c r="I857">
        <v>110.863595</v>
      </c>
      <c r="J857">
        <v>2630.9050240000001</v>
      </c>
      <c r="K857">
        <v>112.177763</v>
      </c>
      <c r="L857">
        <v>2630.9050240000001</v>
      </c>
      <c r="M857">
        <v>111.470322</v>
      </c>
    </row>
    <row r="858" spans="2:13" x14ac:dyDescent="0.45">
      <c r="B858">
        <v>2632.8338399999998</v>
      </c>
      <c r="C858">
        <v>111.996139</v>
      </c>
      <c r="D858">
        <v>2632.8338399999998</v>
      </c>
      <c r="E858">
        <v>111.29988</v>
      </c>
      <c r="F858">
        <v>2632.8338399999998</v>
      </c>
      <c r="G858">
        <v>111.77810700000001</v>
      </c>
      <c r="H858">
        <v>2632.8338399999998</v>
      </c>
      <c r="I858">
        <v>110.796198</v>
      </c>
      <c r="J858">
        <v>2632.8338399999998</v>
      </c>
      <c r="K858">
        <v>112.149936</v>
      </c>
      <c r="L858">
        <v>2632.8338399999998</v>
      </c>
      <c r="M858">
        <v>111.426985</v>
      </c>
    </row>
    <row r="859" spans="2:13" x14ac:dyDescent="0.45">
      <c r="B859">
        <v>2634.7626559999999</v>
      </c>
      <c r="C859">
        <v>112.035349</v>
      </c>
      <c r="D859">
        <v>2634.7626559999999</v>
      </c>
      <c r="E859">
        <v>111.296403</v>
      </c>
      <c r="F859">
        <v>2634.7626559999999</v>
      </c>
      <c r="G859">
        <v>111.778126</v>
      </c>
      <c r="H859">
        <v>2634.7626559999999</v>
      </c>
      <c r="I859">
        <v>110.85001099999999</v>
      </c>
      <c r="J859">
        <v>2634.7626559999999</v>
      </c>
      <c r="K859">
        <v>112.247957</v>
      </c>
      <c r="L859">
        <v>2634.7626559999999</v>
      </c>
      <c r="M859">
        <v>111.419865</v>
      </c>
    </row>
    <row r="860" spans="2:13" x14ac:dyDescent="0.45">
      <c r="B860">
        <v>2636.691472</v>
      </c>
      <c r="C860">
        <v>112.077333</v>
      </c>
      <c r="D860">
        <v>2636.691472</v>
      </c>
      <c r="E860">
        <v>111.28971</v>
      </c>
      <c r="F860">
        <v>2636.691472</v>
      </c>
      <c r="G860">
        <v>111.84347200000001</v>
      </c>
      <c r="H860">
        <v>2636.691472</v>
      </c>
      <c r="I860">
        <v>110.891082</v>
      </c>
      <c r="J860">
        <v>2636.691472</v>
      </c>
      <c r="K860">
        <v>112.27424999999999</v>
      </c>
      <c r="L860">
        <v>2636.691472</v>
      </c>
      <c r="M860">
        <v>111.45769900000001</v>
      </c>
    </row>
    <row r="861" spans="2:13" x14ac:dyDescent="0.45">
      <c r="B861">
        <v>2638.6202880000001</v>
      </c>
      <c r="C861">
        <v>112.001161</v>
      </c>
      <c r="D861">
        <v>2638.6202880000001</v>
      </c>
      <c r="E861">
        <v>111.25678600000001</v>
      </c>
      <c r="F861">
        <v>2638.6202880000001</v>
      </c>
      <c r="G861">
        <v>111.80378</v>
      </c>
      <c r="H861">
        <v>2638.6202880000001</v>
      </c>
      <c r="I861">
        <v>110.869739</v>
      </c>
      <c r="J861">
        <v>2638.6202880000001</v>
      </c>
      <c r="K861">
        <v>112.17422500000001</v>
      </c>
      <c r="L861">
        <v>2638.6202880000001</v>
      </c>
      <c r="M861">
        <v>111.458223</v>
      </c>
    </row>
    <row r="862" spans="2:13" x14ac:dyDescent="0.45">
      <c r="B862">
        <v>2640.5491040000002</v>
      </c>
      <c r="C862">
        <v>111.903938</v>
      </c>
      <c r="D862">
        <v>2640.5491040000002</v>
      </c>
      <c r="E862">
        <v>111.189852</v>
      </c>
      <c r="F862">
        <v>2640.5491040000002</v>
      </c>
      <c r="G862">
        <v>111.75432499999999</v>
      </c>
      <c r="H862">
        <v>2640.5491040000002</v>
      </c>
      <c r="I862">
        <v>110.84407400000001</v>
      </c>
      <c r="J862">
        <v>2640.5491040000002</v>
      </c>
      <c r="K862">
        <v>112.164473</v>
      </c>
      <c r="L862">
        <v>2640.5491040000002</v>
      </c>
      <c r="M862">
        <v>111.46997500000001</v>
      </c>
    </row>
    <row r="863" spans="2:13" x14ac:dyDescent="0.45">
      <c r="B863">
        <v>2642.4779199999998</v>
      </c>
      <c r="C863">
        <v>111.894949</v>
      </c>
      <c r="D863">
        <v>2642.4779199999998</v>
      </c>
      <c r="E863">
        <v>111.20068500000001</v>
      </c>
      <c r="F863">
        <v>2642.4779199999998</v>
      </c>
      <c r="G863">
        <v>111.719854</v>
      </c>
      <c r="H863">
        <v>2642.4779199999998</v>
      </c>
      <c r="I863">
        <v>110.845146</v>
      </c>
      <c r="J863">
        <v>2642.4779199999998</v>
      </c>
      <c r="K863">
        <v>112.25646399999999</v>
      </c>
      <c r="L863">
        <v>2642.4779199999998</v>
      </c>
      <c r="M863">
        <v>111.479696</v>
      </c>
    </row>
    <row r="864" spans="2:13" x14ac:dyDescent="0.45">
      <c r="B864">
        <v>2644.4067359999999</v>
      </c>
      <c r="C864">
        <v>111.96789099999999</v>
      </c>
      <c r="D864">
        <v>2644.4067359999999</v>
      </c>
      <c r="E864">
        <v>111.250243</v>
      </c>
      <c r="F864">
        <v>2644.4067359999999</v>
      </c>
      <c r="G864">
        <v>111.75002000000001</v>
      </c>
      <c r="H864">
        <v>2644.4067359999999</v>
      </c>
      <c r="I864">
        <v>110.800284</v>
      </c>
      <c r="J864">
        <v>2644.4067359999999</v>
      </c>
      <c r="K864">
        <v>112.312079</v>
      </c>
      <c r="L864">
        <v>2644.4067359999999</v>
      </c>
      <c r="M864">
        <v>111.461243</v>
      </c>
    </row>
    <row r="865" spans="2:13" x14ac:dyDescent="0.45">
      <c r="B865">
        <v>2646.335552</v>
      </c>
      <c r="C865">
        <v>111.98639799999999</v>
      </c>
      <c r="D865">
        <v>2646.335552</v>
      </c>
      <c r="E865">
        <v>111.233013</v>
      </c>
      <c r="F865">
        <v>2646.335552</v>
      </c>
      <c r="G865">
        <v>111.772936</v>
      </c>
      <c r="H865">
        <v>2646.335552</v>
      </c>
      <c r="I865">
        <v>110.763897</v>
      </c>
      <c r="J865">
        <v>2646.335552</v>
      </c>
      <c r="K865">
        <v>112.31417399999999</v>
      </c>
      <c r="L865">
        <v>2646.335552</v>
      </c>
      <c r="M865">
        <v>111.412357</v>
      </c>
    </row>
    <row r="866" spans="2:13" x14ac:dyDescent="0.45">
      <c r="B866">
        <v>2648.2643680000001</v>
      </c>
      <c r="C866">
        <v>111.979482</v>
      </c>
      <c r="D866">
        <v>2648.2643680000001</v>
      </c>
      <c r="E866">
        <v>111.220482</v>
      </c>
      <c r="F866">
        <v>2648.2643680000001</v>
      </c>
      <c r="G866">
        <v>111.698598</v>
      </c>
      <c r="H866">
        <v>2648.2643680000001</v>
      </c>
      <c r="I866">
        <v>110.724141</v>
      </c>
      <c r="J866">
        <v>2648.2643680000001</v>
      </c>
      <c r="K866">
        <v>112.292722</v>
      </c>
      <c r="L866">
        <v>2648.2643680000001</v>
      </c>
      <c r="M866">
        <v>111.398414</v>
      </c>
    </row>
    <row r="867" spans="2:13" x14ac:dyDescent="0.45">
      <c r="B867">
        <v>2650.1931840000002</v>
      </c>
      <c r="C867">
        <v>111.960572</v>
      </c>
      <c r="D867">
        <v>2650.1931840000002</v>
      </c>
      <c r="E867">
        <v>111.220877</v>
      </c>
      <c r="F867">
        <v>2650.1931840000002</v>
      </c>
      <c r="G867">
        <v>111.706112</v>
      </c>
      <c r="H867">
        <v>2650.1931840000002</v>
      </c>
      <c r="I867">
        <v>110.70283000000001</v>
      </c>
      <c r="J867">
        <v>2650.1931840000002</v>
      </c>
      <c r="K867">
        <v>112.23249</v>
      </c>
      <c r="L867">
        <v>2650.1931840000002</v>
      </c>
      <c r="M867">
        <v>111.36894700000001</v>
      </c>
    </row>
    <row r="868" spans="2:13" x14ac:dyDescent="0.45">
      <c r="B868">
        <v>2652.1219999999998</v>
      </c>
      <c r="C868">
        <v>111.901454</v>
      </c>
      <c r="D868">
        <v>2652.1219999999998</v>
      </c>
      <c r="E868">
        <v>111.256518</v>
      </c>
      <c r="F868">
        <v>2652.1219999999998</v>
      </c>
      <c r="G868">
        <v>111.708679</v>
      </c>
      <c r="H868">
        <v>2652.1219999999998</v>
      </c>
      <c r="I868">
        <v>110.70923500000001</v>
      </c>
      <c r="J868">
        <v>2652.1219999999998</v>
      </c>
      <c r="K868">
        <v>112.211619</v>
      </c>
      <c r="L868">
        <v>2652.1219999999998</v>
      </c>
      <c r="M868">
        <v>111.36441600000001</v>
      </c>
    </row>
    <row r="869" spans="2:13" x14ac:dyDescent="0.45">
      <c r="B869">
        <v>2654.0508159999999</v>
      </c>
      <c r="C869">
        <v>111.881407</v>
      </c>
      <c r="D869">
        <v>2654.0508159999999</v>
      </c>
      <c r="E869">
        <v>111.30914300000001</v>
      </c>
      <c r="F869">
        <v>2654.0508159999999</v>
      </c>
      <c r="G869">
        <v>111.689967</v>
      </c>
      <c r="H869">
        <v>2654.0508159999999</v>
      </c>
      <c r="I869">
        <v>110.73692</v>
      </c>
      <c r="J869">
        <v>2654.0508159999999</v>
      </c>
      <c r="K869">
        <v>112.188593</v>
      </c>
      <c r="L869">
        <v>2654.0508159999999</v>
      </c>
      <c r="M869">
        <v>111.378562</v>
      </c>
    </row>
    <row r="870" spans="2:13" x14ac:dyDescent="0.45">
      <c r="B870">
        <v>2655.979632</v>
      </c>
      <c r="C870">
        <v>111.913589</v>
      </c>
      <c r="D870">
        <v>2655.979632</v>
      </c>
      <c r="E870">
        <v>111.290192</v>
      </c>
      <c r="F870">
        <v>2655.979632</v>
      </c>
      <c r="G870">
        <v>111.72735400000001</v>
      </c>
      <c r="H870">
        <v>2655.979632</v>
      </c>
      <c r="I870">
        <v>110.776972</v>
      </c>
      <c r="J870">
        <v>2655.979632</v>
      </c>
      <c r="K870">
        <v>112.195841</v>
      </c>
      <c r="L870">
        <v>2655.979632</v>
      </c>
      <c r="M870">
        <v>111.396355</v>
      </c>
    </row>
    <row r="871" spans="2:13" x14ac:dyDescent="0.45">
      <c r="B871">
        <v>2657.9084480000001</v>
      </c>
      <c r="C871">
        <v>111.932154</v>
      </c>
      <c r="D871">
        <v>2657.9084480000001</v>
      </c>
      <c r="E871">
        <v>111.22459000000001</v>
      </c>
      <c r="F871">
        <v>2657.9084480000001</v>
      </c>
      <c r="G871">
        <v>111.7336</v>
      </c>
      <c r="H871">
        <v>2657.9084480000001</v>
      </c>
      <c r="I871">
        <v>110.78777700000001</v>
      </c>
      <c r="J871">
        <v>2657.9084480000001</v>
      </c>
      <c r="K871">
        <v>112.222741</v>
      </c>
      <c r="L871">
        <v>2657.9084480000001</v>
      </c>
      <c r="M871">
        <v>111.380865</v>
      </c>
    </row>
    <row r="872" spans="2:13" x14ac:dyDescent="0.45">
      <c r="B872">
        <v>2659.8372639999998</v>
      </c>
      <c r="C872">
        <v>111.956199</v>
      </c>
      <c r="D872">
        <v>2659.8372639999998</v>
      </c>
      <c r="E872">
        <v>111.192936</v>
      </c>
      <c r="F872">
        <v>2659.8372639999998</v>
      </c>
      <c r="G872">
        <v>111.72492200000001</v>
      </c>
      <c r="H872">
        <v>2659.8372639999998</v>
      </c>
      <c r="I872">
        <v>110.773623</v>
      </c>
      <c r="J872">
        <v>2659.8372639999998</v>
      </c>
      <c r="K872">
        <v>112.186898</v>
      </c>
      <c r="L872">
        <v>2659.8372639999998</v>
      </c>
      <c r="M872">
        <v>111.387109</v>
      </c>
    </row>
    <row r="873" spans="2:13" x14ac:dyDescent="0.45">
      <c r="B873">
        <v>2661.7660799999999</v>
      </c>
      <c r="C873">
        <v>112.01137799999999</v>
      </c>
      <c r="D873">
        <v>2661.7660799999999</v>
      </c>
      <c r="E873">
        <v>111.20643200000001</v>
      </c>
      <c r="F873">
        <v>2661.7660799999999</v>
      </c>
      <c r="G873">
        <v>111.72261899999999</v>
      </c>
      <c r="H873">
        <v>2661.7660799999999</v>
      </c>
      <c r="I873">
        <v>110.812862</v>
      </c>
      <c r="J873">
        <v>2661.7660799999999</v>
      </c>
      <c r="K873">
        <v>112.15811100000001</v>
      </c>
      <c r="L873">
        <v>2661.7660799999999</v>
      </c>
      <c r="M873">
        <v>111.392849</v>
      </c>
    </row>
    <row r="874" spans="2:13" x14ac:dyDescent="0.45">
      <c r="B874">
        <v>2663.694896</v>
      </c>
      <c r="C874">
        <v>112.03662199999999</v>
      </c>
      <c r="D874">
        <v>2663.694896</v>
      </c>
      <c r="E874">
        <v>111.278603</v>
      </c>
      <c r="F874">
        <v>2663.694896</v>
      </c>
      <c r="G874">
        <v>111.714286</v>
      </c>
      <c r="H874">
        <v>2663.694896</v>
      </c>
      <c r="I874">
        <v>110.78684699999999</v>
      </c>
      <c r="J874">
        <v>2663.694896</v>
      </c>
      <c r="K874">
        <v>112.21509500000001</v>
      </c>
      <c r="L874">
        <v>2663.694896</v>
      </c>
      <c r="M874">
        <v>111.43386</v>
      </c>
    </row>
    <row r="875" spans="2:13" x14ac:dyDescent="0.45">
      <c r="B875">
        <v>2665.6237120000001</v>
      </c>
      <c r="C875">
        <v>112.008602</v>
      </c>
      <c r="D875">
        <v>2665.6237120000001</v>
      </c>
      <c r="E875">
        <v>111.276</v>
      </c>
      <c r="F875">
        <v>2665.6237120000001</v>
      </c>
      <c r="G875">
        <v>111.716583</v>
      </c>
      <c r="H875">
        <v>2665.6237120000001</v>
      </c>
      <c r="I875">
        <v>110.715553</v>
      </c>
      <c r="J875">
        <v>2665.6237120000001</v>
      </c>
      <c r="K875">
        <v>112.194382</v>
      </c>
      <c r="L875">
        <v>2665.6237120000001</v>
      </c>
      <c r="M875">
        <v>111.468638</v>
      </c>
    </row>
    <row r="876" spans="2:13" x14ac:dyDescent="0.45">
      <c r="B876">
        <v>2667.5525280000002</v>
      </c>
      <c r="C876">
        <v>111.952437</v>
      </c>
      <c r="D876">
        <v>2667.5525280000002</v>
      </c>
      <c r="E876">
        <v>111.243357</v>
      </c>
      <c r="F876">
        <v>2667.5525280000002</v>
      </c>
      <c r="G876">
        <v>111.724182</v>
      </c>
      <c r="H876">
        <v>2667.5525280000002</v>
      </c>
      <c r="I876">
        <v>110.723608</v>
      </c>
      <c r="J876">
        <v>2667.5525280000002</v>
      </c>
      <c r="K876">
        <v>112.095833</v>
      </c>
      <c r="L876">
        <v>2667.5525280000002</v>
      </c>
      <c r="M876">
        <v>111.44411700000001</v>
      </c>
    </row>
    <row r="877" spans="2:13" x14ac:dyDescent="0.45">
      <c r="B877">
        <v>2669.4813439999998</v>
      </c>
      <c r="C877">
        <v>111.951543</v>
      </c>
      <c r="D877">
        <v>2669.4813439999998</v>
      </c>
      <c r="E877">
        <v>111.224086</v>
      </c>
      <c r="F877">
        <v>2669.4813439999998</v>
      </c>
      <c r="G877">
        <v>111.695858</v>
      </c>
      <c r="H877">
        <v>2669.4813439999998</v>
      </c>
      <c r="I877">
        <v>110.692252</v>
      </c>
      <c r="J877">
        <v>2669.4813439999998</v>
      </c>
      <c r="K877">
        <v>112.08215</v>
      </c>
      <c r="L877">
        <v>2669.4813439999998</v>
      </c>
      <c r="M877">
        <v>111.39550800000001</v>
      </c>
    </row>
    <row r="878" spans="2:13" x14ac:dyDescent="0.45">
      <c r="B878">
        <v>2671.4101599999999</v>
      </c>
      <c r="C878">
        <v>111.964157</v>
      </c>
      <c r="D878">
        <v>2671.4101599999999</v>
      </c>
      <c r="E878">
        <v>111.226962</v>
      </c>
      <c r="F878">
        <v>2671.4101599999999</v>
      </c>
      <c r="G878">
        <v>111.616784</v>
      </c>
      <c r="H878">
        <v>2671.4101599999999</v>
      </c>
      <c r="I878">
        <v>110.686126</v>
      </c>
      <c r="J878">
        <v>2671.4101599999999</v>
      </c>
      <c r="K878">
        <v>112.133099</v>
      </c>
      <c r="L878">
        <v>2671.4101599999999</v>
      </c>
      <c r="M878">
        <v>111.392641</v>
      </c>
    </row>
    <row r="879" spans="2:13" x14ac:dyDescent="0.45">
      <c r="B879">
        <v>2673.338976</v>
      </c>
      <c r="C879">
        <v>111.957826</v>
      </c>
      <c r="D879">
        <v>2673.338976</v>
      </c>
      <c r="E879">
        <v>111.20230600000001</v>
      </c>
      <c r="F879">
        <v>2673.338976</v>
      </c>
      <c r="G879">
        <v>111.59182800000001</v>
      </c>
      <c r="H879">
        <v>2673.338976</v>
      </c>
      <c r="I879">
        <v>110.721401</v>
      </c>
      <c r="J879">
        <v>2673.338976</v>
      </c>
      <c r="K879">
        <v>112.153858</v>
      </c>
      <c r="L879">
        <v>2673.338976</v>
      </c>
      <c r="M879">
        <v>111.374858</v>
      </c>
    </row>
    <row r="880" spans="2:13" x14ac:dyDescent="0.45">
      <c r="B880">
        <v>2675.2677920000001</v>
      </c>
      <c r="C880">
        <v>111.974842</v>
      </c>
      <c r="D880">
        <v>2675.2677920000001</v>
      </c>
      <c r="E880">
        <v>111.171142</v>
      </c>
      <c r="F880">
        <v>2675.2677920000001</v>
      </c>
      <c r="G880">
        <v>111.612983</v>
      </c>
      <c r="H880">
        <v>2675.2677920000001</v>
      </c>
      <c r="I880">
        <v>110.67885699999999</v>
      </c>
      <c r="J880">
        <v>2675.2677920000001</v>
      </c>
      <c r="K880">
        <v>112.11822600000001</v>
      </c>
      <c r="L880">
        <v>2675.2677920000001</v>
      </c>
      <c r="M880">
        <v>111.34002099999999</v>
      </c>
    </row>
    <row r="881" spans="2:13" x14ac:dyDescent="0.45">
      <c r="B881">
        <v>2677.1966080000002</v>
      </c>
      <c r="C881">
        <v>111.951348</v>
      </c>
      <c r="D881">
        <v>2677.1966080000002</v>
      </c>
      <c r="E881">
        <v>111.148769</v>
      </c>
      <c r="F881">
        <v>2677.1966080000002</v>
      </c>
      <c r="G881">
        <v>111.62330300000001</v>
      </c>
      <c r="H881">
        <v>2677.1966080000002</v>
      </c>
      <c r="I881">
        <v>110.673029</v>
      </c>
      <c r="J881">
        <v>2677.1966080000002</v>
      </c>
      <c r="K881">
        <v>112.07394600000001</v>
      </c>
      <c r="L881">
        <v>2677.1966080000002</v>
      </c>
      <c r="M881">
        <v>111.33627</v>
      </c>
    </row>
    <row r="882" spans="2:13" x14ac:dyDescent="0.45">
      <c r="B882">
        <v>2679.1254239999998</v>
      </c>
      <c r="C882">
        <v>111.97712199999999</v>
      </c>
      <c r="D882">
        <v>2679.1254239999998</v>
      </c>
      <c r="E882">
        <v>111.203351</v>
      </c>
      <c r="F882">
        <v>2679.1254239999998</v>
      </c>
      <c r="G882">
        <v>111.60312</v>
      </c>
      <c r="H882">
        <v>2679.1254239999998</v>
      </c>
      <c r="I882">
        <v>110.655756</v>
      </c>
      <c r="J882">
        <v>2679.1254239999998</v>
      </c>
      <c r="K882">
        <v>112.089645</v>
      </c>
      <c r="L882">
        <v>2679.1254239999998</v>
      </c>
      <c r="M882">
        <v>111.36762899999999</v>
      </c>
    </row>
    <row r="883" spans="2:13" x14ac:dyDescent="0.45">
      <c r="B883">
        <v>2681.0542399999999</v>
      </c>
      <c r="C883">
        <v>112.000257</v>
      </c>
      <c r="D883">
        <v>2681.0542399999999</v>
      </c>
      <c r="E883">
        <v>111.229923</v>
      </c>
      <c r="F883">
        <v>2681.0542399999999</v>
      </c>
      <c r="G883">
        <v>111.59842399999999</v>
      </c>
      <c r="H883">
        <v>2681.0542399999999</v>
      </c>
      <c r="I883">
        <v>110.630635</v>
      </c>
      <c r="J883">
        <v>2681.0542399999999</v>
      </c>
      <c r="K883">
        <v>112.087452</v>
      </c>
      <c r="L883">
        <v>2681.0542399999999</v>
      </c>
      <c r="M883">
        <v>111.29777</v>
      </c>
    </row>
    <row r="884" spans="2:13" x14ac:dyDescent="0.45">
      <c r="B884">
        <v>2682.983056</v>
      </c>
      <c r="C884">
        <v>111.943679</v>
      </c>
      <c r="D884">
        <v>2682.983056</v>
      </c>
      <c r="E884">
        <v>111.17581700000001</v>
      </c>
      <c r="F884">
        <v>2682.983056</v>
      </c>
      <c r="G884">
        <v>111.617746</v>
      </c>
      <c r="H884">
        <v>2682.983056</v>
      </c>
      <c r="I884">
        <v>110.617243</v>
      </c>
      <c r="J884">
        <v>2682.983056</v>
      </c>
      <c r="K884">
        <v>112.067311</v>
      </c>
      <c r="L884">
        <v>2682.983056</v>
      </c>
      <c r="M884">
        <v>111.264318</v>
      </c>
    </row>
    <row r="885" spans="2:13" x14ac:dyDescent="0.45">
      <c r="B885">
        <v>2684.9118720000001</v>
      </c>
      <c r="C885">
        <v>111.87866699999999</v>
      </c>
      <c r="D885">
        <v>2684.9118720000001</v>
      </c>
      <c r="E885">
        <v>111.12035300000001</v>
      </c>
      <c r="F885">
        <v>2684.9118720000001</v>
      </c>
      <c r="G885">
        <v>111.583359</v>
      </c>
      <c r="H885">
        <v>2684.9118720000001</v>
      </c>
      <c r="I885">
        <v>110.62330900000001</v>
      </c>
      <c r="J885">
        <v>2684.9118720000001</v>
      </c>
      <c r="K885">
        <v>112.012085</v>
      </c>
      <c r="L885">
        <v>2684.9118720000001</v>
      </c>
      <c r="M885">
        <v>111.280659</v>
      </c>
    </row>
    <row r="886" spans="2:13" x14ac:dyDescent="0.45">
      <c r="B886">
        <v>2686.8406880000002</v>
      </c>
      <c r="C886">
        <v>111.877842</v>
      </c>
      <c r="D886">
        <v>2686.8406880000002</v>
      </c>
      <c r="E886">
        <v>111.113834</v>
      </c>
      <c r="F886">
        <v>2686.8406880000002</v>
      </c>
      <c r="G886">
        <v>111.562865</v>
      </c>
      <c r="H886">
        <v>2686.8406880000002</v>
      </c>
      <c r="I886">
        <v>110.576849</v>
      </c>
      <c r="J886">
        <v>2686.8406880000002</v>
      </c>
      <c r="K886">
        <v>112.000347</v>
      </c>
      <c r="L886">
        <v>2686.8406880000002</v>
      </c>
      <c r="M886">
        <v>111.252208</v>
      </c>
    </row>
    <row r="887" spans="2:13" x14ac:dyDescent="0.45">
      <c r="B887">
        <v>2688.7695039999999</v>
      </c>
      <c r="C887">
        <v>111.853966</v>
      </c>
      <c r="D887">
        <v>2688.7695039999999</v>
      </c>
      <c r="E887">
        <v>111.133813</v>
      </c>
      <c r="F887">
        <v>2688.7695039999999</v>
      </c>
      <c r="G887">
        <v>111.579218</v>
      </c>
      <c r="H887">
        <v>2688.7695039999999</v>
      </c>
      <c r="I887">
        <v>110.54565599999999</v>
      </c>
      <c r="J887">
        <v>2688.7695039999999</v>
      </c>
      <c r="K887">
        <v>112.01306599999999</v>
      </c>
      <c r="L887">
        <v>2688.7695039999999</v>
      </c>
      <c r="M887">
        <v>111.171813</v>
      </c>
    </row>
    <row r="888" spans="2:13" x14ac:dyDescent="0.45">
      <c r="B888">
        <v>2690.69832</v>
      </c>
      <c r="C888">
        <v>111.872168</v>
      </c>
      <c r="D888">
        <v>2690.69832</v>
      </c>
      <c r="E888">
        <v>111.14578</v>
      </c>
      <c r="F888">
        <v>2690.69832</v>
      </c>
      <c r="G888">
        <v>111.571456</v>
      </c>
      <c r="H888">
        <v>2690.69832</v>
      </c>
      <c r="I888">
        <v>110.535348</v>
      </c>
      <c r="J888">
        <v>2690.69832</v>
      </c>
      <c r="K888">
        <v>111.988</v>
      </c>
      <c r="L888">
        <v>2690.69832</v>
      </c>
      <c r="M888">
        <v>111.175665</v>
      </c>
    </row>
    <row r="889" spans="2:13" x14ac:dyDescent="0.45">
      <c r="B889">
        <v>2692.6271360000001</v>
      </c>
      <c r="C889">
        <v>111.843513</v>
      </c>
      <c r="D889">
        <v>2692.6271360000001</v>
      </c>
      <c r="E889">
        <v>111.087886</v>
      </c>
      <c r="F889">
        <v>2692.6271360000001</v>
      </c>
      <c r="G889">
        <v>111.536416</v>
      </c>
      <c r="H889">
        <v>2692.6271360000001</v>
      </c>
      <c r="I889">
        <v>110.585645</v>
      </c>
      <c r="J889">
        <v>2692.6271360000001</v>
      </c>
      <c r="K889">
        <v>111.945043</v>
      </c>
      <c r="L889">
        <v>2692.6271360000001</v>
      </c>
      <c r="M889">
        <v>111.25201300000001</v>
      </c>
    </row>
    <row r="890" spans="2:13" x14ac:dyDescent="0.45">
      <c r="B890">
        <v>2694.5559520000002</v>
      </c>
      <c r="C890">
        <v>111.818268</v>
      </c>
      <c r="D890">
        <v>2694.5559520000002</v>
      </c>
      <c r="E890">
        <v>111.011768</v>
      </c>
      <c r="F890">
        <v>2694.5559520000002</v>
      </c>
      <c r="G890">
        <v>111.54836400000001</v>
      </c>
      <c r="H890">
        <v>2694.5559520000002</v>
      </c>
      <c r="I890">
        <v>110.581191</v>
      </c>
      <c r="J890">
        <v>2694.5559520000002</v>
      </c>
      <c r="K890">
        <v>111.91753799999999</v>
      </c>
      <c r="L890">
        <v>2694.5559520000002</v>
      </c>
      <c r="M890">
        <v>111.278341</v>
      </c>
    </row>
    <row r="891" spans="2:13" x14ac:dyDescent="0.45">
      <c r="B891">
        <v>2696.4847679999998</v>
      </c>
      <c r="C891">
        <v>111.878485</v>
      </c>
      <c r="D891">
        <v>2696.4847679999998</v>
      </c>
      <c r="E891">
        <v>111.03586200000001</v>
      </c>
      <c r="F891">
        <v>2696.4847679999998</v>
      </c>
      <c r="G891">
        <v>111.54029800000001</v>
      </c>
      <c r="H891">
        <v>2696.4847679999998</v>
      </c>
      <c r="I891">
        <v>110.51623600000001</v>
      </c>
      <c r="J891">
        <v>2696.4847679999998</v>
      </c>
      <c r="K891">
        <v>111.918055</v>
      </c>
      <c r="L891">
        <v>2696.4847679999998</v>
      </c>
      <c r="M891">
        <v>111.24920299999999</v>
      </c>
    </row>
    <row r="892" spans="2:13" x14ac:dyDescent="0.45">
      <c r="B892">
        <v>2698.4135839999999</v>
      </c>
      <c r="C892">
        <v>111.863917</v>
      </c>
      <c r="D892">
        <v>2698.4135839999999</v>
      </c>
      <c r="E892">
        <v>111.030311</v>
      </c>
      <c r="F892">
        <v>2698.4135839999999</v>
      </c>
      <c r="G892">
        <v>111.50818</v>
      </c>
      <c r="H892">
        <v>2698.4135839999999</v>
      </c>
      <c r="I892">
        <v>110.54163699999999</v>
      </c>
      <c r="J892">
        <v>2698.4135839999999</v>
      </c>
      <c r="K892">
        <v>111.917624</v>
      </c>
      <c r="L892">
        <v>2698.4135839999999</v>
      </c>
      <c r="M892">
        <v>111.17719</v>
      </c>
    </row>
    <row r="893" spans="2:13" x14ac:dyDescent="0.45">
      <c r="B893">
        <v>2700.3424</v>
      </c>
      <c r="C893">
        <v>111.79694000000001</v>
      </c>
      <c r="D893">
        <v>2700.3424</v>
      </c>
      <c r="E893">
        <v>110.993544</v>
      </c>
      <c r="F893">
        <v>2700.3424</v>
      </c>
      <c r="G893">
        <v>111.48806399999999</v>
      </c>
      <c r="H893">
        <v>2700.3424</v>
      </c>
      <c r="I893">
        <v>110.564111</v>
      </c>
      <c r="J893">
        <v>2700.3424</v>
      </c>
      <c r="K893">
        <v>111.869446</v>
      </c>
      <c r="L893">
        <v>2700.3424</v>
      </c>
      <c r="M893">
        <v>111.13987899999999</v>
      </c>
    </row>
    <row r="894" spans="2:13" x14ac:dyDescent="0.45">
      <c r="B894">
        <v>2702.2712160000001</v>
      </c>
      <c r="C894">
        <v>111.803482</v>
      </c>
      <c r="D894">
        <v>2702.2712160000001</v>
      </c>
      <c r="E894">
        <v>110.96445300000001</v>
      </c>
      <c r="F894">
        <v>2702.2712160000001</v>
      </c>
      <c r="G894">
        <v>111.498294</v>
      </c>
      <c r="H894">
        <v>2702.2712160000001</v>
      </c>
      <c r="I894">
        <v>110.544723</v>
      </c>
      <c r="J894">
        <v>2702.2712160000001</v>
      </c>
      <c r="K894">
        <v>111.869195</v>
      </c>
      <c r="L894">
        <v>2702.2712160000001</v>
      </c>
      <c r="M894">
        <v>111.11416199999999</v>
      </c>
    </row>
    <row r="895" spans="2:13" x14ac:dyDescent="0.45">
      <c r="B895">
        <v>2704.2000320000002</v>
      </c>
      <c r="C895">
        <v>111.82595999999999</v>
      </c>
      <c r="D895">
        <v>2704.2000320000002</v>
      </c>
      <c r="E895">
        <v>110.987802</v>
      </c>
      <c r="F895">
        <v>2704.2000320000002</v>
      </c>
      <c r="G895">
        <v>111.48909</v>
      </c>
      <c r="H895">
        <v>2704.2000320000002</v>
      </c>
      <c r="I895">
        <v>110.517094</v>
      </c>
      <c r="J895">
        <v>2704.2000320000002</v>
      </c>
      <c r="K895">
        <v>111.867908</v>
      </c>
      <c r="L895">
        <v>2704.2000320000002</v>
      </c>
      <c r="M895">
        <v>111.113023</v>
      </c>
    </row>
    <row r="896" spans="2:13" x14ac:dyDescent="0.45">
      <c r="B896">
        <v>2706.1288479999998</v>
      </c>
      <c r="C896">
        <v>111.84169799999999</v>
      </c>
      <c r="D896">
        <v>2706.1288479999998</v>
      </c>
      <c r="E896">
        <v>110.985879</v>
      </c>
      <c r="F896">
        <v>2706.1288479999998</v>
      </c>
      <c r="G896">
        <v>111.46969300000001</v>
      </c>
      <c r="H896">
        <v>2706.1288479999998</v>
      </c>
      <c r="I896">
        <v>110.522623</v>
      </c>
      <c r="J896">
        <v>2706.1288479999998</v>
      </c>
      <c r="K896">
        <v>111.88527000000001</v>
      </c>
      <c r="L896">
        <v>2706.1288479999998</v>
      </c>
      <c r="M896">
        <v>111.14597500000001</v>
      </c>
    </row>
    <row r="897" spans="2:13" x14ac:dyDescent="0.45">
      <c r="B897">
        <v>2708.0576639999999</v>
      </c>
      <c r="C897">
        <v>111.831197</v>
      </c>
      <c r="D897">
        <v>2708.0576639999999</v>
      </c>
      <c r="E897">
        <v>110.995935</v>
      </c>
      <c r="F897">
        <v>2708.0576639999999</v>
      </c>
      <c r="G897">
        <v>111.474361</v>
      </c>
      <c r="H897">
        <v>2708.0576639999999</v>
      </c>
      <c r="I897">
        <v>110.498571</v>
      </c>
      <c r="J897">
        <v>2708.0576639999999</v>
      </c>
      <c r="K897">
        <v>111.848961</v>
      </c>
      <c r="L897">
        <v>2708.0576639999999</v>
      </c>
      <c r="M897">
        <v>111.12953899999999</v>
      </c>
    </row>
    <row r="898" spans="2:13" x14ac:dyDescent="0.45">
      <c r="B898">
        <v>2709.98648</v>
      </c>
      <c r="C898">
        <v>111.757862</v>
      </c>
      <c r="D898">
        <v>2709.98648</v>
      </c>
      <c r="E898">
        <v>110.992059</v>
      </c>
      <c r="F898">
        <v>2709.98648</v>
      </c>
      <c r="G898">
        <v>111.434228</v>
      </c>
      <c r="H898">
        <v>2709.98648</v>
      </c>
      <c r="I898">
        <v>110.459408</v>
      </c>
      <c r="J898">
        <v>2709.98648</v>
      </c>
      <c r="K898">
        <v>111.825401</v>
      </c>
      <c r="L898">
        <v>2709.98648</v>
      </c>
      <c r="M898">
        <v>111.075255</v>
      </c>
    </row>
    <row r="899" spans="2:13" x14ac:dyDescent="0.45">
      <c r="B899">
        <v>2711.9152960000001</v>
      </c>
      <c r="C899">
        <v>111.77057600000001</v>
      </c>
      <c r="D899">
        <v>2711.9152960000001</v>
      </c>
      <c r="E899">
        <v>110.968767</v>
      </c>
      <c r="F899">
        <v>2711.9152960000001</v>
      </c>
      <c r="G899">
        <v>111.413239</v>
      </c>
      <c r="H899">
        <v>2711.9152960000001</v>
      </c>
      <c r="I899">
        <v>110.421237</v>
      </c>
      <c r="J899">
        <v>2711.9152960000001</v>
      </c>
      <c r="K899">
        <v>111.81076899999999</v>
      </c>
      <c r="L899">
        <v>2711.9152960000001</v>
      </c>
      <c r="M899">
        <v>110.99764999999999</v>
      </c>
    </row>
    <row r="900" spans="2:13" x14ac:dyDescent="0.45">
      <c r="B900">
        <v>2713.8441120000002</v>
      </c>
      <c r="C900">
        <v>111.814553</v>
      </c>
      <c r="D900">
        <v>2713.8441120000002</v>
      </c>
      <c r="E900">
        <v>110.941934</v>
      </c>
      <c r="F900">
        <v>2713.8441120000002</v>
      </c>
      <c r="G900">
        <v>111.46835900000001</v>
      </c>
      <c r="H900">
        <v>2713.8441120000002</v>
      </c>
      <c r="I900">
        <v>110.410915</v>
      </c>
      <c r="J900">
        <v>2713.8441120000002</v>
      </c>
      <c r="K900">
        <v>111.784582</v>
      </c>
      <c r="L900">
        <v>2713.8441120000002</v>
      </c>
      <c r="M900">
        <v>110.986469</v>
      </c>
    </row>
    <row r="901" spans="2:13" x14ac:dyDescent="0.45">
      <c r="B901">
        <v>2715.7729279999999</v>
      </c>
      <c r="C901">
        <v>111.796359</v>
      </c>
      <c r="D901">
        <v>2715.7729279999999</v>
      </c>
      <c r="E901">
        <v>110.890275</v>
      </c>
      <c r="F901">
        <v>2715.7729279999999</v>
      </c>
      <c r="G901">
        <v>111.43967000000001</v>
      </c>
      <c r="H901">
        <v>2715.7729279999999</v>
      </c>
      <c r="I901">
        <v>110.426008</v>
      </c>
      <c r="J901">
        <v>2715.7729279999999</v>
      </c>
      <c r="K901">
        <v>111.735674</v>
      </c>
      <c r="L901">
        <v>2715.7729279999999</v>
      </c>
      <c r="M901">
        <v>111.000418</v>
      </c>
    </row>
    <row r="902" spans="2:13" x14ac:dyDescent="0.45">
      <c r="B902">
        <v>2717.701744</v>
      </c>
      <c r="C902">
        <v>111.775504</v>
      </c>
      <c r="D902">
        <v>2717.701744</v>
      </c>
      <c r="E902">
        <v>110.851534</v>
      </c>
      <c r="F902">
        <v>2717.701744</v>
      </c>
      <c r="G902">
        <v>111.37167100000001</v>
      </c>
      <c r="H902">
        <v>2717.701744</v>
      </c>
      <c r="I902">
        <v>110.468654</v>
      </c>
      <c r="J902">
        <v>2717.701744</v>
      </c>
      <c r="K902">
        <v>111.728009</v>
      </c>
      <c r="L902">
        <v>2717.701744</v>
      </c>
      <c r="M902">
        <v>111.000365</v>
      </c>
    </row>
    <row r="903" spans="2:13" x14ac:dyDescent="0.45">
      <c r="B903">
        <v>2719.6305600000001</v>
      </c>
      <c r="C903">
        <v>111.78715200000001</v>
      </c>
      <c r="D903">
        <v>2719.6305600000001</v>
      </c>
      <c r="E903">
        <v>110.84508600000001</v>
      </c>
      <c r="F903">
        <v>2719.6305600000001</v>
      </c>
      <c r="G903">
        <v>111.30923199999999</v>
      </c>
      <c r="H903">
        <v>2719.6305600000001</v>
      </c>
      <c r="I903">
        <v>110.470989</v>
      </c>
      <c r="J903">
        <v>2719.6305600000001</v>
      </c>
      <c r="K903">
        <v>111.74265200000001</v>
      </c>
      <c r="L903">
        <v>2719.6305600000001</v>
      </c>
      <c r="M903">
        <v>110.975402</v>
      </c>
    </row>
    <row r="904" spans="2:13" x14ac:dyDescent="0.45">
      <c r="B904">
        <v>2721.5593760000002</v>
      </c>
      <c r="C904">
        <v>111.768046</v>
      </c>
      <c r="D904">
        <v>2721.5593760000002</v>
      </c>
      <c r="E904">
        <v>110.88041800000001</v>
      </c>
      <c r="F904">
        <v>2721.5593760000002</v>
      </c>
      <c r="G904">
        <v>111.318023</v>
      </c>
      <c r="H904">
        <v>2721.5593760000002</v>
      </c>
      <c r="I904">
        <v>110.40315</v>
      </c>
      <c r="J904">
        <v>2721.5593760000002</v>
      </c>
      <c r="K904">
        <v>111.71912399999999</v>
      </c>
      <c r="L904">
        <v>2721.5593760000002</v>
      </c>
      <c r="M904">
        <v>110.962131</v>
      </c>
    </row>
    <row r="905" spans="2:13" x14ac:dyDescent="0.45">
      <c r="B905">
        <v>2723.4881919999998</v>
      </c>
      <c r="C905">
        <v>111.74771200000001</v>
      </c>
      <c r="D905">
        <v>2723.4881919999998</v>
      </c>
      <c r="E905">
        <v>110.88472300000001</v>
      </c>
      <c r="F905">
        <v>2723.4881919999998</v>
      </c>
      <c r="G905">
        <v>111.371135</v>
      </c>
      <c r="H905">
        <v>2723.4881919999998</v>
      </c>
      <c r="I905">
        <v>110.380459</v>
      </c>
      <c r="J905">
        <v>2723.4881919999998</v>
      </c>
      <c r="K905">
        <v>111.72627</v>
      </c>
      <c r="L905">
        <v>2723.4881919999998</v>
      </c>
      <c r="M905">
        <v>110.932445</v>
      </c>
    </row>
    <row r="906" spans="2:13" x14ac:dyDescent="0.45">
      <c r="B906">
        <v>2725.4170079999999</v>
      </c>
      <c r="C906">
        <v>111.829016</v>
      </c>
      <c r="D906">
        <v>2725.4170079999999</v>
      </c>
      <c r="E906">
        <v>110.89686400000001</v>
      </c>
      <c r="F906">
        <v>2725.4170079999999</v>
      </c>
      <c r="G906">
        <v>111.415201</v>
      </c>
      <c r="H906">
        <v>2725.4170079999999</v>
      </c>
      <c r="I906">
        <v>110.351527</v>
      </c>
      <c r="J906">
        <v>2725.4170079999999</v>
      </c>
      <c r="K906">
        <v>111.715863</v>
      </c>
      <c r="L906">
        <v>2725.4170079999999</v>
      </c>
      <c r="M906">
        <v>110.937572</v>
      </c>
    </row>
    <row r="907" spans="2:13" x14ac:dyDescent="0.45">
      <c r="B907">
        <v>2727.345824</v>
      </c>
      <c r="C907">
        <v>111.829762</v>
      </c>
      <c r="D907">
        <v>2727.345824</v>
      </c>
      <c r="E907">
        <v>110.91599000000001</v>
      </c>
      <c r="F907">
        <v>2727.345824</v>
      </c>
      <c r="G907">
        <v>111.41269800000001</v>
      </c>
      <c r="H907">
        <v>2727.345824</v>
      </c>
      <c r="I907">
        <v>110.28961099999999</v>
      </c>
      <c r="J907">
        <v>2727.345824</v>
      </c>
      <c r="K907">
        <v>111.683921</v>
      </c>
      <c r="L907">
        <v>2727.345824</v>
      </c>
      <c r="M907">
        <v>110.919252</v>
      </c>
    </row>
    <row r="908" spans="2:13" x14ac:dyDescent="0.45">
      <c r="B908">
        <v>2729.2746400000001</v>
      </c>
      <c r="C908">
        <v>111.729542</v>
      </c>
      <c r="D908">
        <v>2729.2746400000001</v>
      </c>
      <c r="E908">
        <v>110.89581800000001</v>
      </c>
      <c r="F908">
        <v>2729.2746400000001</v>
      </c>
      <c r="G908">
        <v>111.35771099999999</v>
      </c>
      <c r="H908">
        <v>2729.2746400000001</v>
      </c>
      <c r="I908">
        <v>110.296046</v>
      </c>
      <c r="J908">
        <v>2729.2746400000001</v>
      </c>
      <c r="K908">
        <v>111.717652</v>
      </c>
      <c r="L908">
        <v>2729.2746400000001</v>
      </c>
      <c r="M908">
        <v>110.908214</v>
      </c>
    </row>
    <row r="909" spans="2:13" x14ac:dyDescent="0.45">
      <c r="B909">
        <v>2731.2034560000002</v>
      </c>
      <c r="C909">
        <v>111.720765</v>
      </c>
      <c r="D909">
        <v>2731.2034560000002</v>
      </c>
      <c r="E909">
        <v>110.819866</v>
      </c>
      <c r="F909">
        <v>2731.2034560000002</v>
      </c>
      <c r="G909">
        <v>111.279408</v>
      </c>
      <c r="H909">
        <v>2731.2034560000002</v>
      </c>
      <c r="I909">
        <v>110.291377</v>
      </c>
      <c r="J909">
        <v>2731.2034560000002</v>
      </c>
      <c r="K909">
        <v>111.72970599999999</v>
      </c>
      <c r="L909">
        <v>2731.2034560000002</v>
      </c>
      <c r="M909">
        <v>110.893311</v>
      </c>
    </row>
    <row r="910" spans="2:13" x14ac:dyDescent="0.45">
      <c r="B910">
        <v>2733.1322719999998</v>
      </c>
      <c r="C910">
        <v>111.716655</v>
      </c>
      <c r="D910">
        <v>2733.1322719999998</v>
      </c>
      <c r="E910">
        <v>110.816818</v>
      </c>
      <c r="F910">
        <v>2733.1322719999998</v>
      </c>
      <c r="G910">
        <v>111.24668</v>
      </c>
      <c r="H910">
        <v>2733.1322719999998</v>
      </c>
      <c r="I910">
        <v>110.277828</v>
      </c>
      <c r="J910">
        <v>2733.1322719999998</v>
      </c>
      <c r="K910">
        <v>111.68025400000001</v>
      </c>
      <c r="L910">
        <v>2733.1322719999998</v>
      </c>
      <c r="M910">
        <v>110.88818499999999</v>
      </c>
    </row>
    <row r="911" spans="2:13" x14ac:dyDescent="0.45">
      <c r="B911">
        <v>2735.0610879999999</v>
      </c>
      <c r="C911">
        <v>111.688276</v>
      </c>
      <c r="D911">
        <v>2735.0610879999999</v>
      </c>
      <c r="E911">
        <v>110.832279</v>
      </c>
      <c r="F911">
        <v>2735.0610879999999</v>
      </c>
      <c r="G911">
        <v>111.30550100000001</v>
      </c>
      <c r="H911">
        <v>2735.0610879999999</v>
      </c>
      <c r="I911">
        <v>110.283019</v>
      </c>
      <c r="J911">
        <v>2735.0610879999999</v>
      </c>
      <c r="K911">
        <v>111.683491</v>
      </c>
      <c r="L911">
        <v>2735.0610879999999</v>
      </c>
      <c r="M911">
        <v>110.85732</v>
      </c>
    </row>
    <row r="912" spans="2:13" x14ac:dyDescent="0.45">
      <c r="B912">
        <v>2736.989904</v>
      </c>
      <c r="C912">
        <v>111.673462</v>
      </c>
      <c r="D912">
        <v>2736.989904</v>
      </c>
      <c r="E912">
        <v>110.851257</v>
      </c>
      <c r="F912">
        <v>2736.989904</v>
      </c>
      <c r="G912">
        <v>111.355024</v>
      </c>
      <c r="H912">
        <v>2736.989904</v>
      </c>
      <c r="I912">
        <v>110.26420400000001</v>
      </c>
      <c r="J912">
        <v>2736.989904</v>
      </c>
      <c r="K912">
        <v>111.670734</v>
      </c>
      <c r="L912">
        <v>2736.989904</v>
      </c>
      <c r="M912">
        <v>110.783766</v>
      </c>
    </row>
    <row r="913" spans="2:13" x14ac:dyDescent="0.45">
      <c r="B913">
        <v>2738.9187200000001</v>
      </c>
      <c r="C913">
        <v>111.657523</v>
      </c>
      <c r="D913">
        <v>2738.9187200000001</v>
      </c>
      <c r="E913">
        <v>110.81766900000001</v>
      </c>
      <c r="F913">
        <v>2738.9187200000001</v>
      </c>
      <c r="G913">
        <v>111.300152</v>
      </c>
      <c r="H913">
        <v>2738.9187200000001</v>
      </c>
      <c r="I913">
        <v>110.254808</v>
      </c>
      <c r="J913">
        <v>2738.9187200000001</v>
      </c>
      <c r="K913">
        <v>111.65250899999999</v>
      </c>
      <c r="L913">
        <v>2738.9187200000001</v>
      </c>
      <c r="M913">
        <v>110.745203</v>
      </c>
    </row>
    <row r="914" spans="2:13" x14ac:dyDescent="0.45">
      <c r="B914">
        <v>2740.8475360000002</v>
      </c>
      <c r="C914">
        <v>111.666138</v>
      </c>
      <c r="D914">
        <v>2740.8475360000002</v>
      </c>
      <c r="E914">
        <v>110.76123700000001</v>
      </c>
      <c r="F914">
        <v>2740.8475360000002</v>
      </c>
      <c r="G914">
        <v>111.24758799999999</v>
      </c>
      <c r="H914">
        <v>2740.8475360000002</v>
      </c>
      <c r="I914">
        <v>110.232799</v>
      </c>
      <c r="J914">
        <v>2740.8475360000002</v>
      </c>
      <c r="K914">
        <v>111.628794</v>
      </c>
      <c r="L914">
        <v>2740.8475360000002</v>
      </c>
      <c r="M914">
        <v>110.760435</v>
      </c>
    </row>
    <row r="915" spans="2:13" x14ac:dyDescent="0.45">
      <c r="B915">
        <v>2742.7763519999999</v>
      </c>
      <c r="C915">
        <v>111.643987</v>
      </c>
      <c r="D915">
        <v>2742.7763519999999</v>
      </c>
      <c r="E915">
        <v>110.749011</v>
      </c>
      <c r="F915">
        <v>2742.7763519999999</v>
      </c>
      <c r="G915">
        <v>111.242451</v>
      </c>
      <c r="H915">
        <v>2742.7763519999999</v>
      </c>
      <c r="I915">
        <v>110.265354</v>
      </c>
      <c r="J915">
        <v>2742.7763519999999</v>
      </c>
      <c r="K915">
        <v>111.569518</v>
      </c>
      <c r="L915">
        <v>2742.7763519999999</v>
      </c>
      <c r="M915">
        <v>110.74574</v>
      </c>
    </row>
    <row r="916" spans="2:13" x14ac:dyDescent="0.45">
      <c r="B916">
        <v>2744.705168</v>
      </c>
      <c r="C916">
        <v>111.632616</v>
      </c>
      <c r="D916">
        <v>2744.705168</v>
      </c>
      <c r="E916">
        <v>110.764612</v>
      </c>
      <c r="F916">
        <v>2744.705168</v>
      </c>
      <c r="G916">
        <v>111.207831</v>
      </c>
      <c r="H916">
        <v>2744.705168</v>
      </c>
      <c r="I916">
        <v>110.27778000000001</v>
      </c>
      <c r="J916">
        <v>2744.705168</v>
      </c>
      <c r="K916">
        <v>111.557294</v>
      </c>
      <c r="L916">
        <v>2744.705168</v>
      </c>
      <c r="M916">
        <v>110.707922</v>
      </c>
    </row>
    <row r="917" spans="2:13" x14ac:dyDescent="0.45">
      <c r="B917">
        <v>2746.6339840000001</v>
      </c>
      <c r="C917">
        <v>111.665131</v>
      </c>
      <c r="D917">
        <v>2746.6339840000001</v>
      </c>
      <c r="E917">
        <v>110.79453600000001</v>
      </c>
      <c r="F917">
        <v>2746.6339840000001</v>
      </c>
      <c r="G917">
        <v>111.18355200000001</v>
      </c>
      <c r="H917">
        <v>2746.6339840000001</v>
      </c>
      <c r="I917">
        <v>110.279386</v>
      </c>
      <c r="J917">
        <v>2746.6339840000001</v>
      </c>
      <c r="K917">
        <v>111.572177</v>
      </c>
      <c r="L917">
        <v>2746.6339840000001</v>
      </c>
      <c r="M917">
        <v>110.67125900000001</v>
      </c>
    </row>
    <row r="918" spans="2:13" x14ac:dyDescent="0.45">
      <c r="B918">
        <v>2748.5628000000002</v>
      </c>
      <c r="C918">
        <v>111.67295900000001</v>
      </c>
      <c r="D918">
        <v>2748.5628000000002</v>
      </c>
      <c r="E918">
        <v>110.793762</v>
      </c>
      <c r="F918">
        <v>2748.5628000000002</v>
      </c>
      <c r="G918">
        <v>111.178174</v>
      </c>
      <c r="H918">
        <v>2748.5628000000002</v>
      </c>
      <c r="I918">
        <v>110.257183</v>
      </c>
      <c r="J918">
        <v>2748.5628000000002</v>
      </c>
      <c r="K918">
        <v>111.549847</v>
      </c>
      <c r="L918">
        <v>2748.5628000000002</v>
      </c>
      <c r="M918">
        <v>110.677961</v>
      </c>
    </row>
    <row r="919" spans="2:13" x14ac:dyDescent="0.45">
      <c r="B919">
        <v>2750.4916159999998</v>
      </c>
      <c r="C919">
        <v>111.62378699999999</v>
      </c>
      <c r="D919">
        <v>2750.4916159999998</v>
      </c>
      <c r="E919">
        <v>110.714493</v>
      </c>
      <c r="F919">
        <v>2750.4916159999998</v>
      </c>
      <c r="G919">
        <v>111.198543</v>
      </c>
      <c r="H919">
        <v>2750.4916159999998</v>
      </c>
      <c r="I919">
        <v>110.207534</v>
      </c>
      <c r="J919">
        <v>2750.4916159999998</v>
      </c>
      <c r="K919">
        <v>111.497277</v>
      </c>
      <c r="L919">
        <v>2750.4916159999998</v>
      </c>
      <c r="M919">
        <v>110.679815</v>
      </c>
    </row>
    <row r="920" spans="2:13" x14ac:dyDescent="0.45">
      <c r="B920">
        <v>2752.4204319999999</v>
      </c>
      <c r="C920">
        <v>111.564173</v>
      </c>
      <c r="D920">
        <v>2752.4204319999999</v>
      </c>
      <c r="E920">
        <v>110.664385</v>
      </c>
      <c r="F920">
        <v>2752.4204319999999</v>
      </c>
      <c r="G920">
        <v>111.155682</v>
      </c>
      <c r="H920">
        <v>2752.4204319999999</v>
      </c>
      <c r="I920">
        <v>110.16388600000001</v>
      </c>
      <c r="J920">
        <v>2752.4204319999999</v>
      </c>
      <c r="K920">
        <v>111.47725699999999</v>
      </c>
      <c r="L920">
        <v>2752.4204319999999</v>
      </c>
      <c r="M920">
        <v>110.665655</v>
      </c>
    </row>
    <row r="921" spans="2:13" x14ac:dyDescent="0.45">
      <c r="B921">
        <v>2754.349248</v>
      </c>
      <c r="C921">
        <v>111.562259</v>
      </c>
      <c r="D921">
        <v>2754.349248</v>
      </c>
      <c r="E921">
        <v>110.62698300000001</v>
      </c>
      <c r="F921">
        <v>2754.349248</v>
      </c>
      <c r="G921">
        <v>111.097661</v>
      </c>
      <c r="H921">
        <v>2754.349248</v>
      </c>
      <c r="I921">
        <v>110.169785</v>
      </c>
      <c r="J921">
        <v>2754.349248</v>
      </c>
      <c r="K921">
        <v>111.51070300000001</v>
      </c>
      <c r="L921">
        <v>2754.349248</v>
      </c>
      <c r="M921">
        <v>110.65598199999999</v>
      </c>
    </row>
    <row r="922" spans="2:13" x14ac:dyDescent="0.45">
      <c r="B922">
        <v>2756.2780640000001</v>
      </c>
      <c r="C922">
        <v>111.577839</v>
      </c>
      <c r="D922">
        <v>2756.2780640000001</v>
      </c>
      <c r="E922">
        <v>110.602587</v>
      </c>
      <c r="F922">
        <v>2756.2780640000001</v>
      </c>
      <c r="G922">
        <v>111.105863</v>
      </c>
      <c r="H922">
        <v>2756.2780640000001</v>
      </c>
      <c r="I922">
        <v>110.155072</v>
      </c>
      <c r="J922">
        <v>2756.2780640000001</v>
      </c>
      <c r="K922">
        <v>111.486688</v>
      </c>
      <c r="L922">
        <v>2756.2780640000001</v>
      </c>
      <c r="M922">
        <v>110.66172899999999</v>
      </c>
    </row>
    <row r="923" spans="2:13" x14ac:dyDescent="0.45">
      <c r="B923">
        <v>2758.2068800000002</v>
      </c>
      <c r="C923">
        <v>111.546119</v>
      </c>
      <c r="D923">
        <v>2758.2068800000002</v>
      </c>
      <c r="E923">
        <v>110.61062800000001</v>
      </c>
      <c r="F923">
        <v>2758.2068800000002</v>
      </c>
      <c r="G923">
        <v>111.109883</v>
      </c>
      <c r="H923">
        <v>2758.2068800000002</v>
      </c>
      <c r="I923">
        <v>110.12248200000001</v>
      </c>
      <c r="J923">
        <v>2758.2068800000002</v>
      </c>
      <c r="K923">
        <v>111.45809199999999</v>
      </c>
      <c r="L923">
        <v>2758.2068800000002</v>
      </c>
      <c r="M923">
        <v>110.62337599999999</v>
      </c>
    </row>
    <row r="924" spans="2:13" x14ac:dyDescent="0.45">
      <c r="B924">
        <v>2760.1356959999998</v>
      </c>
      <c r="C924">
        <v>111.546468</v>
      </c>
      <c r="D924">
        <v>2760.1356959999998</v>
      </c>
      <c r="E924">
        <v>110.608305</v>
      </c>
      <c r="F924">
        <v>2760.1356959999998</v>
      </c>
      <c r="G924">
        <v>111.089783</v>
      </c>
      <c r="H924">
        <v>2760.1356959999998</v>
      </c>
      <c r="I924">
        <v>110.123018</v>
      </c>
      <c r="J924">
        <v>2760.1356959999998</v>
      </c>
      <c r="K924">
        <v>111.47233199999999</v>
      </c>
      <c r="L924">
        <v>2760.1356959999998</v>
      </c>
      <c r="M924">
        <v>110.572484</v>
      </c>
    </row>
    <row r="925" spans="2:13" x14ac:dyDescent="0.45">
      <c r="B925">
        <v>2762.0645119999999</v>
      </c>
      <c r="C925">
        <v>111.57353000000001</v>
      </c>
      <c r="D925">
        <v>2762.0645119999999</v>
      </c>
      <c r="E925">
        <v>110.63624900000001</v>
      </c>
      <c r="F925">
        <v>2762.0645119999999</v>
      </c>
      <c r="G925">
        <v>111.08972</v>
      </c>
      <c r="H925">
        <v>2762.0645119999999</v>
      </c>
      <c r="I925">
        <v>110.15781200000001</v>
      </c>
      <c r="J925">
        <v>2762.0645119999999</v>
      </c>
      <c r="K925">
        <v>111.49117</v>
      </c>
      <c r="L925">
        <v>2762.0645119999999</v>
      </c>
      <c r="M925">
        <v>110.556478</v>
      </c>
    </row>
    <row r="926" spans="2:13" x14ac:dyDescent="0.45">
      <c r="B926">
        <v>2763.993328</v>
      </c>
      <c r="C926">
        <v>111.58331699999999</v>
      </c>
      <c r="D926">
        <v>2763.993328</v>
      </c>
      <c r="E926">
        <v>110.627624</v>
      </c>
      <c r="F926">
        <v>2763.993328</v>
      </c>
      <c r="G926">
        <v>111.14216399999999</v>
      </c>
      <c r="H926">
        <v>2763.993328</v>
      </c>
      <c r="I926">
        <v>110.14059899999999</v>
      </c>
      <c r="J926">
        <v>2763.993328</v>
      </c>
      <c r="K926">
        <v>111.4598</v>
      </c>
      <c r="L926">
        <v>2763.993328</v>
      </c>
      <c r="M926">
        <v>110.557742</v>
      </c>
    </row>
    <row r="927" spans="2:13" x14ac:dyDescent="0.45">
      <c r="B927">
        <v>2765.9221440000001</v>
      </c>
      <c r="C927">
        <v>111.557197</v>
      </c>
      <c r="D927">
        <v>2765.9221440000001</v>
      </c>
      <c r="E927">
        <v>110.591932</v>
      </c>
      <c r="F927">
        <v>2765.9221440000001</v>
      </c>
      <c r="G927">
        <v>111.120411</v>
      </c>
      <c r="H927">
        <v>2765.9221440000001</v>
      </c>
      <c r="I927">
        <v>110.13533</v>
      </c>
      <c r="J927">
        <v>2765.9221440000001</v>
      </c>
      <c r="K927">
        <v>111.40534</v>
      </c>
      <c r="L927">
        <v>2765.9221440000001</v>
      </c>
      <c r="M927">
        <v>110.480153</v>
      </c>
    </row>
    <row r="928" spans="2:13" x14ac:dyDescent="0.45">
      <c r="B928">
        <v>2767.8509600000002</v>
      </c>
      <c r="C928">
        <v>111.548964</v>
      </c>
      <c r="D928">
        <v>2767.8509600000002</v>
      </c>
      <c r="E928">
        <v>110.610163</v>
      </c>
      <c r="F928">
        <v>2767.8509600000002</v>
      </c>
      <c r="G928">
        <v>111.070151</v>
      </c>
      <c r="H928">
        <v>2767.8509600000002</v>
      </c>
      <c r="I928">
        <v>110.100542</v>
      </c>
      <c r="J928">
        <v>2767.8509600000002</v>
      </c>
      <c r="K928">
        <v>111.385527</v>
      </c>
      <c r="L928">
        <v>2767.8509600000002</v>
      </c>
      <c r="M928">
        <v>110.431494</v>
      </c>
    </row>
    <row r="929" spans="2:13" x14ac:dyDescent="0.45">
      <c r="B929">
        <v>2769.7797759999999</v>
      </c>
      <c r="C929">
        <v>111.61387000000001</v>
      </c>
      <c r="D929">
        <v>2769.7797759999999</v>
      </c>
      <c r="E929">
        <v>110.610769</v>
      </c>
      <c r="F929">
        <v>2769.7797759999999</v>
      </c>
      <c r="G929">
        <v>111.056406</v>
      </c>
      <c r="H929">
        <v>2769.7797759999999</v>
      </c>
      <c r="I929">
        <v>110.056236</v>
      </c>
      <c r="J929">
        <v>2769.7797759999999</v>
      </c>
      <c r="K929">
        <v>111.372345</v>
      </c>
      <c r="L929">
        <v>2769.7797759999999</v>
      </c>
      <c r="M929">
        <v>110.43054600000001</v>
      </c>
    </row>
    <row r="930" spans="2:13" x14ac:dyDescent="0.45">
      <c r="B930">
        <v>2771.708592</v>
      </c>
      <c r="C930">
        <v>111.652587</v>
      </c>
      <c r="D930">
        <v>2771.708592</v>
      </c>
      <c r="E930">
        <v>110.593816</v>
      </c>
      <c r="F930">
        <v>2771.708592</v>
      </c>
      <c r="G930">
        <v>111.039441</v>
      </c>
      <c r="H930">
        <v>2771.708592</v>
      </c>
      <c r="I930">
        <v>110.074642</v>
      </c>
      <c r="J930">
        <v>2771.708592</v>
      </c>
      <c r="K930">
        <v>111.347426</v>
      </c>
      <c r="L930">
        <v>2771.708592</v>
      </c>
      <c r="M930">
        <v>110.42494499999999</v>
      </c>
    </row>
    <row r="931" spans="2:13" x14ac:dyDescent="0.45">
      <c r="B931">
        <v>2773.6374080000001</v>
      </c>
      <c r="C931">
        <v>111.62200300000001</v>
      </c>
      <c r="D931">
        <v>2773.6374080000001</v>
      </c>
      <c r="E931">
        <v>110.590827</v>
      </c>
      <c r="F931">
        <v>2773.6374080000001</v>
      </c>
      <c r="G931">
        <v>111.02560699999999</v>
      </c>
      <c r="H931">
        <v>2773.6374080000001</v>
      </c>
      <c r="I931">
        <v>110.090253</v>
      </c>
      <c r="J931">
        <v>2773.6374080000001</v>
      </c>
      <c r="K931">
        <v>111.350915</v>
      </c>
      <c r="L931">
        <v>2773.6374080000001</v>
      </c>
      <c r="M931">
        <v>110.426205</v>
      </c>
    </row>
    <row r="932" spans="2:13" x14ac:dyDescent="0.45">
      <c r="B932">
        <v>2775.5662240000001</v>
      </c>
      <c r="C932">
        <v>111.543105</v>
      </c>
      <c r="D932">
        <v>2775.5662240000001</v>
      </c>
      <c r="E932">
        <v>110.629082</v>
      </c>
      <c r="F932">
        <v>2775.5662240000001</v>
      </c>
      <c r="G932">
        <v>111.05898000000001</v>
      </c>
      <c r="H932">
        <v>2775.5662240000001</v>
      </c>
      <c r="I932">
        <v>110.038381</v>
      </c>
      <c r="J932">
        <v>2775.5662240000001</v>
      </c>
      <c r="K932">
        <v>111.34056</v>
      </c>
      <c r="L932">
        <v>2775.5662240000001</v>
      </c>
      <c r="M932">
        <v>110.401708</v>
      </c>
    </row>
    <row r="933" spans="2:13" x14ac:dyDescent="0.45">
      <c r="B933">
        <v>2777.4950399999998</v>
      </c>
      <c r="C933">
        <v>111.51118200000001</v>
      </c>
      <c r="D933">
        <v>2777.4950399999998</v>
      </c>
      <c r="E933">
        <v>110.587833</v>
      </c>
      <c r="F933">
        <v>2777.4950399999998</v>
      </c>
      <c r="G933">
        <v>111.02969899999999</v>
      </c>
      <c r="H933">
        <v>2777.4950399999998</v>
      </c>
      <c r="I933">
        <v>109.98994399999999</v>
      </c>
      <c r="J933">
        <v>2777.4950399999998</v>
      </c>
      <c r="K933">
        <v>111.261529</v>
      </c>
      <c r="L933">
        <v>2777.4950399999998</v>
      </c>
      <c r="M933">
        <v>110.349129</v>
      </c>
    </row>
    <row r="934" spans="2:13" x14ac:dyDescent="0.45">
      <c r="B934">
        <v>2779.4238559999999</v>
      </c>
      <c r="C934">
        <v>111.524461</v>
      </c>
      <c r="D934">
        <v>2779.4238559999999</v>
      </c>
      <c r="E934">
        <v>110.515884</v>
      </c>
      <c r="F934">
        <v>2779.4238559999999</v>
      </c>
      <c r="G934">
        <v>110.97660999999999</v>
      </c>
      <c r="H934">
        <v>2779.4238559999999</v>
      </c>
      <c r="I934">
        <v>110.020224</v>
      </c>
      <c r="J934">
        <v>2779.4238559999999</v>
      </c>
      <c r="K934">
        <v>111.247816</v>
      </c>
      <c r="L934">
        <v>2779.4238559999999</v>
      </c>
      <c r="M934">
        <v>110.329157</v>
      </c>
    </row>
    <row r="935" spans="2:13" x14ac:dyDescent="0.45">
      <c r="B935">
        <v>2781.352672</v>
      </c>
      <c r="C935">
        <v>111.483214</v>
      </c>
      <c r="D935">
        <v>2781.352672</v>
      </c>
      <c r="E935">
        <v>110.452105</v>
      </c>
      <c r="F935">
        <v>2781.352672</v>
      </c>
      <c r="G935">
        <v>111.002441</v>
      </c>
      <c r="H935">
        <v>2781.352672</v>
      </c>
      <c r="I935">
        <v>110.04961299999999</v>
      </c>
      <c r="J935">
        <v>2781.352672</v>
      </c>
      <c r="K935">
        <v>111.281564</v>
      </c>
      <c r="L935">
        <v>2781.352672</v>
      </c>
      <c r="M935">
        <v>110.264059</v>
      </c>
    </row>
    <row r="936" spans="2:13" x14ac:dyDescent="0.45">
      <c r="B936">
        <v>2783.2814880000001</v>
      </c>
      <c r="C936">
        <v>111.47812999999999</v>
      </c>
      <c r="D936">
        <v>2783.2814880000001</v>
      </c>
      <c r="E936">
        <v>110.44387500000001</v>
      </c>
      <c r="F936">
        <v>2783.2814880000001</v>
      </c>
      <c r="G936">
        <v>111.00612099999999</v>
      </c>
      <c r="H936">
        <v>2783.2814880000001</v>
      </c>
      <c r="I936">
        <v>109.996364</v>
      </c>
      <c r="J936">
        <v>2783.2814880000001</v>
      </c>
      <c r="K936">
        <v>111.25124099999999</v>
      </c>
      <c r="L936">
        <v>2783.2814880000001</v>
      </c>
      <c r="M936">
        <v>110.23062899999999</v>
      </c>
    </row>
    <row r="937" spans="2:13" x14ac:dyDescent="0.45">
      <c r="B937">
        <v>2785.2103040000002</v>
      </c>
      <c r="C937">
        <v>111.478139</v>
      </c>
      <c r="D937">
        <v>2785.2103040000002</v>
      </c>
      <c r="E937">
        <v>110.449927</v>
      </c>
      <c r="F937">
        <v>2785.2103040000002</v>
      </c>
      <c r="G937">
        <v>110.952426</v>
      </c>
      <c r="H937">
        <v>2785.2103040000002</v>
      </c>
      <c r="I937">
        <v>109.92488299999999</v>
      </c>
      <c r="J937">
        <v>2785.2103040000002</v>
      </c>
      <c r="K937">
        <v>111.198987</v>
      </c>
      <c r="L937">
        <v>2785.2103040000002</v>
      </c>
      <c r="M937">
        <v>110.22215199999999</v>
      </c>
    </row>
    <row r="938" spans="2:13" x14ac:dyDescent="0.45">
      <c r="B938">
        <v>2787.1391199999998</v>
      </c>
      <c r="C938">
        <v>111.47112</v>
      </c>
      <c r="D938">
        <v>2787.1391199999998</v>
      </c>
      <c r="E938">
        <v>110.433925</v>
      </c>
      <c r="F938">
        <v>2787.1391199999998</v>
      </c>
      <c r="G938">
        <v>110.960671</v>
      </c>
      <c r="H938">
        <v>2787.1391199999998</v>
      </c>
      <c r="I938">
        <v>109.96234800000001</v>
      </c>
      <c r="J938">
        <v>2787.1391199999998</v>
      </c>
      <c r="K938">
        <v>111.244336</v>
      </c>
      <c r="L938">
        <v>2787.1391199999998</v>
      </c>
      <c r="M938">
        <v>110.16958</v>
      </c>
    </row>
    <row r="939" spans="2:13" x14ac:dyDescent="0.45">
      <c r="B939">
        <v>2789.0679359999999</v>
      </c>
      <c r="C939">
        <v>111.510779</v>
      </c>
      <c r="D939">
        <v>2789.0679359999999</v>
      </c>
      <c r="E939">
        <v>110.43262200000001</v>
      </c>
      <c r="F939">
        <v>2789.0679359999999</v>
      </c>
      <c r="G939">
        <v>110.96531899999999</v>
      </c>
      <c r="H939">
        <v>2789.0679359999999</v>
      </c>
      <c r="I939">
        <v>109.99005699999999</v>
      </c>
      <c r="J939">
        <v>2789.0679359999999</v>
      </c>
      <c r="K939">
        <v>111.302256</v>
      </c>
      <c r="L939">
        <v>2789.0679359999999</v>
      </c>
      <c r="M939">
        <v>110.164192</v>
      </c>
    </row>
    <row r="940" spans="2:13" x14ac:dyDescent="0.45">
      <c r="B940">
        <v>2790.996752</v>
      </c>
      <c r="C940">
        <v>111.505942</v>
      </c>
      <c r="D940">
        <v>2790.996752</v>
      </c>
      <c r="E940">
        <v>110.43569000000001</v>
      </c>
      <c r="F940">
        <v>2790.996752</v>
      </c>
      <c r="G940">
        <v>110.950424</v>
      </c>
      <c r="H940">
        <v>2790.996752</v>
      </c>
      <c r="I940">
        <v>109.94089700000001</v>
      </c>
      <c r="J940">
        <v>2790.996752</v>
      </c>
      <c r="K940">
        <v>111.28895</v>
      </c>
      <c r="L940">
        <v>2790.996752</v>
      </c>
      <c r="M940">
        <v>110.144783</v>
      </c>
    </row>
    <row r="941" spans="2:13" x14ac:dyDescent="0.45">
      <c r="B941">
        <v>2792.9255680000001</v>
      </c>
      <c r="C941">
        <v>111.42770400000001</v>
      </c>
      <c r="D941">
        <v>2792.9255680000001</v>
      </c>
      <c r="E941">
        <v>110.432782</v>
      </c>
      <c r="F941">
        <v>2792.9255680000001</v>
      </c>
      <c r="G941">
        <v>110.91610900000001</v>
      </c>
      <c r="H941">
        <v>2792.9255680000001</v>
      </c>
      <c r="I941">
        <v>109.861845</v>
      </c>
      <c r="J941">
        <v>2792.9255680000001</v>
      </c>
      <c r="K941">
        <v>111.234841</v>
      </c>
      <c r="L941">
        <v>2792.9255680000001</v>
      </c>
      <c r="M941">
        <v>110.09082100000001</v>
      </c>
    </row>
    <row r="942" spans="2:13" x14ac:dyDescent="0.45">
      <c r="B942">
        <v>2794.8543840000002</v>
      </c>
      <c r="C942">
        <v>111.360726</v>
      </c>
      <c r="D942">
        <v>2794.8543840000002</v>
      </c>
      <c r="E942">
        <v>110.42243400000001</v>
      </c>
      <c r="F942">
        <v>2794.8543840000002</v>
      </c>
      <c r="G942">
        <v>110.85855599999999</v>
      </c>
      <c r="H942">
        <v>2794.8543840000002</v>
      </c>
      <c r="I942">
        <v>109.82934</v>
      </c>
      <c r="J942">
        <v>2794.8543840000002</v>
      </c>
      <c r="K942">
        <v>111.21531899999999</v>
      </c>
      <c r="L942">
        <v>2794.8543840000002</v>
      </c>
      <c r="M942">
        <v>110.032279</v>
      </c>
    </row>
    <row r="943" spans="2:13" x14ac:dyDescent="0.45">
      <c r="B943">
        <v>2796.7831999999999</v>
      </c>
      <c r="C943">
        <v>111.388007</v>
      </c>
      <c r="D943">
        <v>2796.7831999999999</v>
      </c>
      <c r="E943">
        <v>110.394665</v>
      </c>
      <c r="F943">
        <v>2796.7831999999999</v>
      </c>
      <c r="G943">
        <v>110.79401799999999</v>
      </c>
      <c r="H943">
        <v>2796.7831999999999</v>
      </c>
      <c r="I943">
        <v>109.87786</v>
      </c>
      <c r="J943">
        <v>2796.7831999999999</v>
      </c>
      <c r="K943">
        <v>111.189476</v>
      </c>
      <c r="L943">
        <v>2796.7831999999999</v>
      </c>
      <c r="M943">
        <v>109.96763</v>
      </c>
    </row>
    <row r="944" spans="2:13" x14ac:dyDescent="0.45">
      <c r="B944">
        <v>2798.7120159999999</v>
      </c>
      <c r="C944">
        <v>111.441676</v>
      </c>
      <c r="D944">
        <v>2798.7120159999999</v>
      </c>
      <c r="E944">
        <v>110.39259800000001</v>
      </c>
      <c r="F944">
        <v>2798.7120159999999</v>
      </c>
      <c r="G944">
        <v>110.81022400000001</v>
      </c>
      <c r="H944">
        <v>2798.7120159999999</v>
      </c>
      <c r="I944">
        <v>109.875693</v>
      </c>
      <c r="J944">
        <v>2798.7120159999999</v>
      </c>
      <c r="K944">
        <v>111.18422</v>
      </c>
      <c r="L944">
        <v>2798.7120159999999</v>
      </c>
      <c r="M944">
        <v>109.93473299999999</v>
      </c>
    </row>
    <row r="945" spans="2:13" x14ac:dyDescent="0.45">
      <c r="B945">
        <v>2800.640832</v>
      </c>
      <c r="C945">
        <v>111.45367899999999</v>
      </c>
      <c r="D945">
        <v>2800.640832</v>
      </c>
      <c r="E945">
        <v>110.39500200000001</v>
      </c>
      <c r="F945">
        <v>2800.640832</v>
      </c>
      <c r="G945">
        <v>110.831068</v>
      </c>
      <c r="H945">
        <v>2800.640832</v>
      </c>
      <c r="I945">
        <v>109.832646</v>
      </c>
      <c r="J945">
        <v>2800.640832</v>
      </c>
      <c r="K945">
        <v>111.13665399999999</v>
      </c>
      <c r="L945">
        <v>2800.640832</v>
      </c>
      <c r="M945">
        <v>109.914157</v>
      </c>
    </row>
    <row r="946" spans="2:13" x14ac:dyDescent="0.45">
      <c r="B946">
        <v>2802.5696480000001</v>
      </c>
      <c r="C946">
        <v>111.394598</v>
      </c>
      <c r="D946">
        <v>2802.5696480000001</v>
      </c>
      <c r="E946">
        <v>110.339624</v>
      </c>
      <c r="F946">
        <v>2802.5696480000001</v>
      </c>
      <c r="G946">
        <v>110.843699</v>
      </c>
      <c r="H946">
        <v>2802.5696480000001</v>
      </c>
      <c r="I946">
        <v>109.81433</v>
      </c>
      <c r="J946">
        <v>2802.5696480000001</v>
      </c>
      <c r="K946">
        <v>111.047607</v>
      </c>
      <c r="L946">
        <v>2802.5696480000001</v>
      </c>
      <c r="M946">
        <v>109.8849</v>
      </c>
    </row>
    <row r="947" spans="2:13" x14ac:dyDescent="0.45">
      <c r="B947">
        <v>2804.4984639999998</v>
      </c>
      <c r="C947">
        <v>111.326916</v>
      </c>
      <c r="D947">
        <v>2804.4984639999998</v>
      </c>
      <c r="E947">
        <v>110.36612600000001</v>
      </c>
      <c r="F947">
        <v>2804.4984639999998</v>
      </c>
      <c r="G947">
        <v>110.798986</v>
      </c>
      <c r="H947">
        <v>2804.4984639999998</v>
      </c>
      <c r="I947">
        <v>109.775719</v>
      </c>
      <c r="J947">
        <v>2804.4984639999998</v>
      </c>
      <c r="K947">
        <v>110.998566</v>
      </c>
      <c r="L947">
        <v>2804.4984639999998</v>
      </c>
      <c r="M947">
        <v>109.86261</v>
      </c>
    </row>
    <row r="948" spans="2:13" x14ac:dyDescent="0.45">
      <c r="B948">
        <v>2806.4272799999999</v>
      </c>
      <c r="C948">
        <v>111.335759</v>
      </c>
      <c r="D948">
        <v>2806.4272799999999</v>
      </c>
      <c r="E948">
        <v>110.369696</v>
      </c>
      <c r="F948">
        <v>2806.4272799999999</v>
      </c>
      <c r="G948">
        <v>110.76523299999999</v>
      </c>
      <c r="H948">
        <v>2806.4272799999999</v>
      </c>
      <c r="I948">
        <v>109.742177</v>
      </c>
      <c r="J948">
        <v>2806.4272799999999</v>
      </c>
      <c r="K948">
        <v>110.99405299999999</v>
      </c>
      <c r="L948">
        <v>2806.4272799999999</v>
      </c>
      <c r="M948">
        <v>109.849802</v>
      </c>
    </row>
    <row r="949" spans="2:13" x14ac:dyDescent="0.45">
      <c r="B949">
        <v>2808.356096</v>
      </c>
      <c r="C949">
        <v>111.382361</v>
      </c>
      <c r="D949">
        <v>2808.356096</v>
      </c>
      <c r="E949">
        <v>110.364225</v>
      </c>
      <c r="F949">
        <v>2808.356096</v>
      </c>
      <c r="G949">
        <v>110.804148</v>
      </c>
      <c r="H949">
        <v>2808.356096</v>
      </c>
      <c r="I949">
        <v>109.75192800000001</v>
      </c>
      <c r="J949">
        <v>2808.356096</v>
      </c>
      <c r="K949">
        <v>111.00089199999999</v>
      </c>
      <c r="L949">
        <v>2808.356096</v>
      </c>
      <c r="M949">
        <v>109.78858700000001</v>
      </c>
    </row>
    <row r="950" spans="2:13" x14ac:dyDescent="0.45">
      <c r="B950">
        <v>2810.2849120000001</v>
      </c>
      <c r="C950">
        <v>111.35012</v>
      </c>
      <c r="D950">
        <v>2810.2849120000001</v>
      </c>
      <c r="E950">
        <v>110.36250100000001</v>
      </c>
      <c r="F950">
        <v>2810.2849120000001</v>
      </c>
      <c r="G950">
        <v>110.82825200000001</v>
      </c>
      <c r="H950">
        <v>2810.2849120000001</v>
      </c>
      <c r="I950">
        <v>109.757003</v>
      </c>
      <c r="J950">
        <v>2810.2849120000001</v>
      </c>
      <c r="K950">
        <v>110.99261199999999</v>
      </c>
      <c r="L950">
        <v>2810.2849120000001</v>
      </c>
      <c r="M950">
        <v>109.72257999999999</v>
      </c>
    </row>
    <row r="951" spans="2:13" x14ac:dyDescent="0.45">
      <c r="B951">
        <v>2812.2137280000002</v>
      </c>
      <c r="C951">
        <v>111.31702900000001</v>
      </c>
      <c r="D951">
        <v>2812.2137280000002</v>
      </c>
      <c r="E951">
        <v>110.296808</v>
      </c>
      <c r="F951">
        <v>2812.2137280000002</v>
      </c>
      <c r="G951">
        <v>110.76804</v>
      </c>
      <c r="H951">
        <v>2812.2137280000002</v>
      </c>
      <c r="I951">
        <v>109.740264</v>
      </c>
      <c r="J951">
        <v>2812.2137280000002</v>
      </c>
      <c r="K951">
        <v>110.944384</v>
      </c>
      <c r="L951">
        <v>2812.2137280000002</v>
      </c>
      <c r="M951">
        <v>109.698759</v>
      </c>
    </row>
    <row r="952" spans="2:13" x14ac:dyDescent="0.45">
      <c r="B952">
        <v>2814.1425439999998</v>
      </c>
      <c r="C952">
        <v>111.317376</v>
      </c>
      <c r="D952">
        <v>2814.1425439999998</v>
      </c>
      <c r="E952">
        <v>110.23703500000001</v>
      </c>
      <c r="F952">
        <v>2814.1425439999998</v>
      </c>
      <c r="G952">
        <v>110.72805700000001</v>
      </c>
      <c r="H952">
        <v>2814.1425439999998</v>
      </c>
      <c r="I952">
        <v>109.705623</v>
      </c>
      <c r="J952">
        <v>2814.1425439999998</v>
      </c>
      <c r="K952">
        <v>110.905717</v>
      </c>
      <c r="L952">
        <v>2814.1425439999998</v>
      </c>
      <c r="M952">
        <v>109.645799</v>
      </c>
    </row>
    <row r="953" spans="2:13" x14ac:dyDescent="0.45">
      <c r="B953">
        <v>2816.0713599999999</v>
      </c>
      <c r="C953">
        <v>111.288426</v>
      </c>
      <c r="D953">
        <v>2816.0713599999999</v>
      </c>
      <c r="E953">
        <v>110.21505000000001</v>
      </c>
      <c r="F953">
        <v>2816.0713599999999</v>
      </c>
      <c r="G953">
        <v>110.663016</v>
      </c>
      <c r="H953">
        <v>2816.0713599999999</v>
      </c>
      <c r="I953">
        <v>109.689104</v>
      </c>
      <c r="J953">
        <v>2816.0713599999999</v>
      </c>
      <c r="K953">
        <v>110.895157</v>
      </c>
      <c r="L953">
        <v>2816.0713599999999</v>
      </c>
      <c r="M953">
        <v>109.596407</v>
      </c>
    </row>
    <row r="954" spans="2:13" x14ac:dyDescent="0.45">
      <c r="B954">
        <v>2818.000176</v>
      </c>
      <c r="C954">
        <v>111.258554</v>
      </c>
      <c r="D954">
        <v>2818.000176</v>
      </c>
      <c r="E954">
        <v>110.25959400000001</v>
      </c>
      <c r="F954">
        <v>2818.000176</v>
      </c>
      <c r="G954">
        <v>110.66918099999999</v>
      </c>
      <c r="H954">
        <v>2818.000176</v>
      </c>
      <c r="I954">
        <v>109.70158600000001</v>
      </c>
      <c r="J954">
        <v>2818.000176</v>
      </c>
      <c r="K954">
        <v>110.891974</v>
      </c>
      <c r="L954">
        <v>2818.000176</v>
      </c>
      <c r="M954">
        <v>109.566176</v>
      </c>
    </row>
    <row r="955" spans="2:13" x14ac:dyDescent="0.45">
      <c r="B955">
        <v>2819.9289920000001</v>
      </c>
      <c r="C955">
        <v>111.277599</v>
      </c>
      <c r="D955">
        <v>2819.9289920000001</v>
      </c>
      <c r="E955">
        <v>110.26687800000001</v>
      </c>
      <c r="F955">
        <v>2819.9289920000001</v>
      </c>
      <c r="G955">
        <v>110.686672</v>
      </c>
      <c r="H955">
        <v>2819.9289920000001</v>
      </c>
      <c r="I955">
        <v>109.679973</v>
      </c>
      <c r="J955">
        <v>2819.9289920000001</v>
      </c>
      <c r="K955">
        <v>110.859802</v>
      </c>
      <c r="L955">
        <v>2819.9289920000001</v>
      </c>
      <c r="M955">
        <v>109.55948600000001</v>
      </c>
    </row>
    <row r="956" spans="2:13" x14ac:dyDescent="0.45">
      <c r="B956">
        <v>2821.8578080000002</v>
      </c>
      <c r="C956">
        <v>111.31283999999999</v>
      </c>
      <c r="D956">
        <v>2821.8578080000002</v>
      </c>
      <c r="E956">
        <v>110.25241700000001</v>
      </c>
      <c r="F956">
        <v>2821.8578080000002</v>
      </c>
      <c r="G956">
        <v>110.68810499999999</v>
      </c>
      <c r="H956">
        <v>2821.8578080000002</v>
      </c>
      <c r="I956">
        <v>109.673272</v>
      </c>
      <c r="J956">
        <v>2821.8578080000002</v>
      </c>
      <c r="K956">
        <v>110.843343</v>
      </c>
      <c r="L956">
        <v>2821.8578080000002</v>
      </c>
      <c r="M956">
        <v>109.539575</v>
      </c>
    </row>
    <row r="957" spans="2:13" x14ac:dyDescent="0.45">
      <c r="B957">
        <v>2823.7866239999998</v>
      </c>
      <c r="C957">
        <v>111.314032</v>
      </c>
      <c r="D957">
        <v>2823.7866239999998</v>
      </c>
      <c r="E957">
        <v>110.25147200000001</v>
      </c>
      <c r="F957">
        <v>2823.7866239999998</v>
      </c>
      <c r="G957">
        <v>110.661599</v>
      </c>
      <c r="H957">
        <v>2823.7866239999998</v>
      </c>
      <c r="I957">
        <v>109.64259699999999</v>
      </c>
      <c r="J957">
        <v>2823.7866239999998</v>
      </c>
      <c r="K957">
        <v>110.80553500000001</v>
      </c>
      <c r="L957">
        <v>2823.7866239999998</v>
      </c>
      <c r="M957">
        <v>109.475228</v>
      </c>
    </row>
    <row r="958" spans="2:13" x14ac:dyDescent="0.45">
      <c r="B958">
        <v>2825.7154399999999</v>
      </c>
      <c r="C958">
        <v>111.26873999999999</v>
      </c>
      <c r="D958">
        <v>2825.7154399999999</v>
      </c>
      <c r="E958">
        <v>110.21941100000001</v>
      </c>
      <c r="F958">
        <v>2825.7154399999999</v>
      </c>
      <c r="G958">
        <v>110.620687</v>
      </c>
      <c r="H958">
        <v>2825.7154399999999</v>
      </c>
      <c r="I958">
        <v>109.57552099999999</v>
      </c>
      <c r="J958">
        <v>2825.7154399999999</v>
      </c>
      <c r="K958">
        <v>110.78742</v>
      </c>
      <c r="L958">
        <v>2825.7154399999999</v>
      </c>
      <c r="M958">
        <v>109.386016</v>
      </c>
    </row>
    <row r="959" spans="2:13" x14ac:dyDescent="0.45">
      <c r="B959">
        <v>2827.644256</v>
      </c>
      <c r="C959">
        <v>111.266137</v>
      </c>
      <c r="D959">
        <v>2827.644256</v>
      </c>
      <c r="E959">
        <v>110.17020500000001</v>
      </c>
      <c r="F959">
        <v>2827.644256</v>
      </c>
      <c r="G959">
        <v>110.58985699999999</v>
      </c>
      <c r="H959">
        <v>2827.644256</v>
      </c>
      <c r="I959">
        <v>109.51043900000001</v>
      </c>
      <c r="J959">
        <v>2827.644256</v>
      </c>
      <c r="K959">
        <v>110.72084</v>
      </c>
      <c r="L959">
        <v>2827.644256</v>
      </c>
      <c r="M959">
        <v>109.34527</v>
      </c>
    </row>
    <row r="960" spans="2:13" x14ac:dyDescent="0.45">
      <c r="B960">
        <v>2829.5730720000001</v>
      </c>
      <c r="C960">
        <v>111.314277</v>
      </c>
      <c r="D960">
        <v>2829.5730720000001</v>
      </c>
      <c r="E960">
        <v>110.223287</v>
      </c>
      <c r="F960">
        <v>2829.5730720000001</v>
      </c>
      <c r="G960">
        <v>110.59421399999999</v>
      </c>
      <c r="H960">
        <v>2829.5730720000001</v>
      </c>
      <c r="I960">
        <v>109.532096</v>
      </c>
      <c r="J960">
        <v>2829.5730720000001</v>
      </c>
      <c r="K960">
        <v>110.69442100000001</v>
      </c>
      <c r="L960">
        <v>2829.5730720000001</v>
      </c>
      <c r="M960">
        <v>109.34768800000001</v>
      </c>
    </row>
    <row r="961" spans="2:13" x14ac:dyDescent="0.45">
      <c r="B961">
        <v>2831.5018879999998</v>
      </c>
      <c r="C961">
        <v>111.289816</v>
      </c>
      <c r="D961">
        <v>2831.5018879999998</v>
      </c>
      <c r="E961">
        <v>110.23968500000001</v>
      </c>
      <c r="F961">
        <v>2831.5018879999998</v>
      </c>
      <c r="G961">
        <v>110.58071</v>
      </c>
      <c r="H961">
        <v>2831.5018879999998</v>
      </c>
      <c r="I961">
        <v>109.593549</v>
      </c>
      <c r="J961">
        <v>2831.5018879999998</v>
      </c>
      <c r="K961">
        <v>110.705243</v>
      </c>
      <c r="L961">
        <v>2831.5018879999998</v>
      </c>
      <c r="M961">
        <v>109.329139</v>
      </c>
    </row>
    <row r="962" spans="2:13" x14ac:dyDescent="0.45">
      <c r="B962">
        <v>2833.4307039999999</v>
      </c>
      <c r="C962">
        <v>111.254152</v>
      </c>
      <c r="D962">
        <v>2833.4307039999999</v>
      </c>
      <c r="E962">
        <v>110.19707100000001</v>
      </c>
      <c r="F962">
        <v>2833.4307039999999</v>
      </c>
      <c r="G962">
        <v>110.57431099999999</v>
      </c>
      <c r="H962">
        <v>2833.4307039999999</v>
      </c>
      <c r="I962">
        <v>109.622424</v>
      </c>
      <c r="J962">
        <v>2833.4307039999999</v>
      </c>
      <c r="K962">
        <v>110.690589</v>
      </c>
      <c r="L962">
        <v>2833.4307039999999</v>
      </c>
      <c r="M962">
        <v>109.310256</v>
      </c>
    </row>
    <row r="963" spans="2:13" x14ac:dyDescent="0.45">
      <c r="B963">
        <v>2835.35952</v>
      </c>
      <c r="C963">
        <v>111.264972</v>
      </c>
      <c r="D963">
        <v>2835.35952</v>
      </c>
      <c r="E963">
        <v>110.20056100000001</v>
      </c>
      <c r="F963">
        <v>2835.35952</v>
      </c>
      <c r="G963">
        <v>110.60661</v>
      </c>
      <c r="H963">
        <v>2835.35952</v>
      </c>
      <c r="I963">
        <v>109.555072</v>
      </c>
      <c r="J963">
        <v>2835.35952</v>
      </c>
      <c r="K963">
        <v>110.726873</v>
      </c>
      <c r="L963">
        <v>2835.35952</v>
      </c>
      <c r="M963">
        <v>109.288909</v>
      </c>
    </row>
    <row r="964" spans="2:13" x14ac:dyDescent="0.45">
      <c r="B964">
        <v>2837.2883360000001</v>
      </c>
      <c r="C964">
        <v>111.23199</v>
      </c>
      <c r="D964">
        <v>2837.2883360000001</v>
      </c>
      <c r="E964">
        <v>110.210965</v>
      </c>
      <c r="F964">
        <v>2837.2883360000001</v>
      </c>
      <c r="G964">
        <v>110.565431</v>
      </c>
      <c r="H964">
        <v>2837.2883360000001</v>
      </c>
      <c r="I964">
        <v>109.44555699999999</v>
      </c>
      <c r="J964">
        <v>2837.2883360000001</v>
      </c>
      <c r="K964">
        <v>110.752656</v>
      </c>
      <c r="L964">
        <v>2837.2883360000001</v>
      </c>
      <c r="M964">
        <v>109.34241400000001</v>
      </c>
    </row>
    <row r="965" spans="2:13" x14ac:dyDescent="0.45">
      <c r="B965">
        <v>2839.2171520000002</v>
      </c>
      <c r="C965">
        <v>111.23735499999999</v>
      </c>
      <c r="D965">
        <v>2839.2171520000002</v>
      </c>
      <c r="E965">
        <v>110.24200400000001</v>
      </c>
      <c r="F965">
        <v>2839.2171520000002</v>
      </c>
      <c r="G965">
        <v>110.496588</v>
      </c>
      <c r="H965">
        <v>2839.2171520000002</v>
      </c>
      <c r="I965">
        <v>109.41367099999999</v>
      </c>
      <c r="J965">
        <v>2839.2171520000002</v>
      </c>
      <c r="K965">
        <v>110.736654</v>
      </c>
      <c r="L965">
        <v>2839.2171520000002</v>
      </c>
      <c r="M965">
        <v>109.34684799999999</v>
      </c>
    </row>
    <row r="966" spans="2:13" x14ac:dyDescent="0.45">
      <c r="B966">
        <v>2841.1459679999998</v>
      </c>
      <c r="C966">
        <v>111.257806</v>
      </c>
      <c r="D966">
        <v>2841.1459679999998</v>
      </c>
      <c r="E966">
        <v>110.20926300000001</v>
      </c>
      <c r="F966">
        <v>2841.1459679999998</v>
      </c>
      <c r="G966">
        <v>110.45202</v>
      </c>
      <c r="H966">
        <v>2841.1459679999998</v>
      </c>
      <c r="I966">
        <v>109.369996</v>
      </c>
      <c r="J966">
        <v>2841.1459679999998</v>
      </c>
      <c r="K966">
        <v>110.68219000000001</v>
      </c>
      <c r="L966">
        <v>2841.1459679999998</v>
      </c>
      <c r="M966">
        <v>109.257341</v>
      </c>
    </row>
    <row r="967" spans="2:13" x14ac:dyDescent="0.45">
      <c r="B967">
        <v>2843.0747839999999</v>
      </c>
      <c r="C967">
        <v>111.228464</v>
      </c>
      <c r="D967">
        <v>2843.0747839999999</v>
      </c>
      <c r="E967">
        <v>110.16962000000001</v>
      </c>
      <c r="F967">
        <v>2843.0747839999999</v>
      </c>
      <c r="G967">
        <v>110.434155</v>
      </c>
      <c r="H967">
        <v>2843.0747839999999</v>
      </c>
      <c r="I967">
        <v>109.377166</v>
      </c>
      <c r="J967">
        <v>2843.0747839999999</v>
      </c>
      <c r="K967">
        <v>110.655529</v>
      </c>
      <c r="L967">
        <v>2843.0747839999999</v>
      </c>
      <c r="M967">
        <v>109.207605</v>
      </c>
    </row>
    <row r="968" spans="2:13" x14ac:dyDescent="0.45">
      <c r="B968">
        <v>2845.0036</v>
      </c>
      <c r="C968">
        <v>111.20087599999999</v>
      </c>
      <c r="D968">
        <v>2845.0036</v>
      </c>
      <c r="E968">
        <v>110.134556</v>
      </c>
      <c r="F968">
        <v>2845.0036</v>
      </c>
      <c r="G968">
        <v>110.438714</v>
      </c>
      <c r="H968">
        <v>2845.0036</v>
      </c>
      <c r="I968">
        <v>109.388051</v>
      </c>
      <c r="J968">
        <v>2845.0036</v>
      </c>
      <c r="K968">
        <v>110.67055499999999</v>
      </c>
      <c r="L968">
        <v>2845.0036</v>
      </c>
      <c r="M968">
        <v>109.15131</v>
      </c>
    </row>
    <row r="969" spans="2:13" x14ac:dyDescent="0.45">
      <c r="B969">
        <v>2846.9324160000001</v>
      </c>
      <c r="C969">
        <v>111.23708999999999</v>
      </c>
      <c r="D969">
        <v>2846.9324160000001</v>
      </c>
      <c r="E969">
        <v>110.11555800000001</v>
      </c>
      <c r="F969">
        <v>2846.9324160000001</v>
      </c>
      <c r="G969">
        <v>110.45111</v>
      </c>
      <c r="H969">
        <v>2846.9324160000001</v>
      </c>
      <c r="I969">
        <v>109.36124599999999</v>
      </c>
      <c r="J969">
        <v>2846.9324160000001</v>
      </c>
      <c r="K969">
        <v>110.680824</v>
      </c>
      <c r="L969">
        <v>2846.9324160000001</v>
      </c>
      <c r="M969">
        <v>109.138604</v>
      </c>
    </row>
    <row r="970" spans="2:13" x14ac:dyDescent="0.45">
      <c r="B970">
        <v>2848.8612320000002</v>
      </c>
      <c r="C970">
        <v>111.25673500000001</v>
      </c>
      <c r="D970">
        <v>2848.8612320000002</v>
      </c>
      <c r="E970">
        <v>110.160163</v>
      </c>
      <c r="F970">
        <v>2848.8612320000002</v>
      </c>
      <c r="G970">
        <v>110.447425</v>
      </c>
      <c r="H970">
        <v>2848.8612320000002</v>
      </c>
      <c r="I970">
        <v>109.28672400000001</v>
      </c>
      <c r="J970">
        <v>2848.8612320000002</v>
      </c>
      <c r="K970">
        <v>110.70810899999999</v>
      </c>
      <c r="L970">
        <v>2848.8612320000002</v>
      </c>
      <c r="M970">
        <v>109.112756</v>
      </c>
    </row>
    <row r="971" spans="2:13" x14ac:dyDescent="0.45">
      <c r="B971">
        <v>2850.7900479999998</v>
      </c>
      <c r="C971">
        <v>111.225818</v>
      </c>
      <c r="D971">
        <v>2850.7900479999998</v>
      </c>
      <c r="E971">
        <v>110.059641</v>
      </c>
      <c r="F971">
        <v>2850.7900479999998</v>
      </c>
      <c r="G971">
        <v>110.349498</v>
      </c>
      <c r="H971">
        <v>2850.7900479999998</v>
      </c>
      <c r="I971">
        <v>109.21337699999999</v>
      </c>
      <c r="J971">
        <v>2850.7900479999998</v>
      </c>
      <c r="K971">
        <v>110.637246</v>
      </c>
      <c r="L971">
        <v>2850.7900479999998</v>
      </c>
      <c r="M971">
        <v>109.058018</v>
      </c>
    </row>
    <row r="972" spans="2:13" x14ac:dyDescent="0.45">
      <c r="B972">
        <v>2852.7188639999999</v>
      </c>
      <c r="C972">
        <v>111.162431</v>
      </c>
      <c r="D972">
        <v>2852.7188639999999</v>
      </c>
      <c r="E972">
        <v>109.92817600000001</v>
      </c>
      <c r="F972">
        <v>2852.7188639999999</v>
      </c>
      <c r="G972">
        <v>110.227002</v>
      </c>
      <c r="H972">
        <v>2852.7188639999999</v>
      </c>
      <c r="I972">
        <v>109.133825</v>
      </c>
      <c r="J972">
        <v>2852.7188639999999</v>
      </c>
      <c r="K972">
        <v>110.59094899999999</v>
      </c>
      <c r="L972">
        <v>2852.7188639999999</v>
      </c>
      <c r="M972">
        <v>109.036804</v>
      </c>
    </row>
    <row r="973" spans="2:13" x14ac:dyDescent="0.45">
      <c r="B973">
        <v>2854.64768</v>
      </c>
      <c r="C973">
        <v>111.111054</v>
      </c>
      <c r="D973">
        <v>2854.64768</v>
      </c>
      <c r="E973">
        <v>109.86460600000001</v>
      </c>
      <c r="F973">
        <v>2854.64768</v>
      </c>
      <c r="G973">
        <v>110.128851</v>
      </c>
      <c r="H973">
        <v>2854.64768</v>
      </c>
      <c r="I973">
        <v>109.067094</v>
      </c>
      <c r="J973">
        <v>2854.64768</v>
      </c>
      <c r="K973">
        <v>110.645951</v>
      </c>
      <c r="L973">
        <v>2854.64768</v>
      </c>
      <c r="M973">
        <v>109.047521</v>
      </c>
    </row>
    <row r="974" spans="2:13" x14ac:dyDescent="0.45">
      <c r="B974">
        <v>2856.5764960000001</v>
      </c>
      <c r="C974">
        <v>111.120583</v>
      </c>
      <c r="D974">
        <v>2856.5764960000001</v>
      </c>
      <c r="E974">
        <v>109.83533700000001</v>
      </c>
      <c r="F974">
        <v>2856.5764960000001</v>
      </c>
      <c r="G974">
        <v>110.074602</v>
      </c>
      <c r="H974">
        <v>2856.5764960000001</v>
      </c>
      <c r="I974">
        <v>109.010355</v>
      </c>
      <c r="J974">
        <v>2856.5764960000001</v>
      </c>
      <c r="K974">
        <v>110.645178</v>
      </c>
      <c r="L974">
        <v>2856.5764960000001</v>
      </c>
      <c r="M974">
        <v>109.010628</v>
      </c>
    </row>
    <row r="975" spans="2:13" x14ac:dyDescent="0.45">
      <c r="B975">
        <v>2858.5053119999998</v>
      </c>
      <c r="C975">
        <v>111.15557</v>
      </c>
      <c r="D975">
        <v>2858.5053119999998</v>
      </c>
      <c r="E975">
        <v>109.80515100000001</v>
      </c>
      <c r="F975">
        <v>2858.5053119999998</v>
      </c>
      <c r="G975">
        <v>110.0582</v>
      </c>
      <c r="H975">
        <v>2858.5053119999998</v>
      </c>
      <c r="I975">
        <v>108.943994</v>
      </c>
      <c r="J975">
        <v>2858.5053119999998</v>
      </c>
      <c r="K975">
        <v>110.616462</v>
      </c>
      <c r="L975">
        <v>2858.5053119999998</v>
      </c>
      <c r="M975">
        <v>108.951076</v>
      </c>
    </row>
    <row r="976" spans="2:13" x14ac:dyDescent="0.45">
      <c r="B976">
        <v>2860.4341279999999</v>
      </c>
      <c r="C976">
        <v>111.209637</v>
      </c>
      <c r="D976">
        <v>2860.4341279999999</v>
      </c>
      <c r="E976">
        <v>109.75612700000001</v>
      </c>
      <c r="F976">
        <v>2860.4341279999999</v>
      </c>
      <c r="G976">
        <v>110.016064</v>
      </c>
      <c r="H976">
        <v>2860.4341279999999</v>
      </c>
      <c r="I976">
        <v>108.874287</v>
      </c>
      <c r="J976">
        <v>2860.4341279999999</v>
      </c>
      <c r="K976">
        <v>110.553393</v>
      </c>
      <c r="L976">
        <v>2860.4341279999999</v>
      </c>
      <c r="M976">
        <v>108.931845</v>
      </c>
    </row>
    <row r="977" spans="2:13" x14ac:dyDescent="0.45">
      <c r="B977">
        <v>2862.362944</v>
      </c>
      <c r="C977">
        <v>111.189465</v>
      </c>
      <c r="D977">
        <v>2862.362944</v>
      </c>
      <c r="E977">
        <v>109.649303</v>
      </c>
      <c r="F977">
        <v>2862.362944</v>
      </c>
      <c r="G977">
        <v>109.91624400000001</v>
      </c>
      <c r="H977">
        <v>2862.362944</v>
      </c>
      <c r="I977">
        <v>108.81420199999999</v>
      </c>
      <c r="J977">
        <v>2862.362944</v>
      </c>
      <c r="K977">
        <v>110.49587200000001</v>
      </c>
      <c r="L977">
        <v>2862.362944</v>
      </c>
      <c r="M977">
        <v>108.945939</v>
      </c>
    </row>
    <row r="978" spans="2:13" x14ac:dyDescent="0.45">
      <c r="B978">
        <v>2864.2917600000001</v>
      </c>
      <c r="C978">
        <v>111.094781</v>
      </c>
      <c r="D978">
        <v>2864.2917600000001</v>
      </c>
      <c r="E978">
        <v>109.590621</v>
      </c>
      <c r="F978">
        <v>2864.2917600000001</v>
      </c>
      <c r="G978">
        <v>109.87103500000001</v>
      </c>
      <c r="H978">
        <v>2864.2917600000001</v>
      </c>
      <c r="I978">
        <v>108.78803600000001</v>
      </c>
      <c r="J978">
        <v>2864.2917600000001</v>
      </c>
      <c r="K978">
        <v>110.40353399999999</v>
      </c>
      <c r="L978">
        <v>2864.2917600000001</v>
      </c>
      <c r="M978">
        <v>108.918171</v>
      </c>
    </row>
    <row r="979" spans="2:13" x14ac:dyDescent="0.45">
      <c r="B979">
        <v>2866.2205760000002</v>
      </c>
      <c r="C979">
        <v>111.067032</v>
      </c>
      <c r="D979">
        <v>2866.2205760000002</v>
      </c>
      <c r="E979">
        <v>109.62093</v>
      </c>
      <c r="F979">
        <v>2866.2205760000002</v>
      </c>
      <c r="G979">
        <v>109.858524</v>
      </c>
      <c r="H979">
        <v>2866.2205760000002</v>
      </c>
      <c r="I979">
        <v>108.765193</v>
      </c>
      <c r="J979">
        <v>2866.2205760000002</v>
      </c>
      <c r="K979">
        <v>110.34165400000001</v>
      </c>
      <c r="L979">
        <v>2866.2205760000002</v>
      </c>
      <c r="M979">
        <v>108.881095</v>
      </c>
    </row>
    <row r="980" spans="2:13" x14ac:dyDescent="0.45">
      <c r="B980">
        <v>2868.1493919999998</v>
      </c>
      <c r="C980">
        <v>111.09535200000001</v>
      </c>
      <c r="D980">
        <v>2868.1493919999998</v>
      </c>
      <c r="E980">
        <v>109.59548700000001</v>
      </c>
      <c r="F980">
        <v>2868.1493919999998</v>
      </c>
      <c r="G980">
        <v>109.852707</v>
      </c>
      <c r="H980">
        <v>2868.1493919999998</v>
      </c>
      <c r="I980">
        <v>108.762351</v>
      </c>
      <c r="J980">
        <v>2868.1493919999998</v>
      </c>
      <c r="K980">
        <v>110.405632</v>
      </c>
      <c r="L980">
        <v>2868.1493919999998</v>
      </c>
      <c r="M980">
        <v>108.87007699999999</v>
      </c>
    </row>
    <row r="981" spans="2:13" x14ac:dyDescent="0.45">
      <c r="B981">
        <v>2870.0782079999999</v>
      </c>
      <c r="C981">
        <v>111.062219</v>
      </c>
      <c r="D981">
        <v>2870.0782079999999</v>
      </c>
      <c r="E981">
        <v>109.53143300000001</v>
      </c>
      <c r="F981">
        <v>2870.0782079999999</v>
      </c>
      <c r="G981">
        <v>109.84352699999999</v>
      </c>
      <c r="H981">
        <v>2870.0782079999999</v>
      </c>
      <c r="I981">
        <v>108.74112</v>
      </c>
      <c r="J981">
        <v>2870.0782079999999</v>
      </c>
      <c r="K981">
        <v>110.364913</v>
      </c>
      <c r="L981">
        <v>2870.0782079999999</v>
      </c>
      <c r="M981">
        <v>108.87791900000001</v>
      </c>
    </row>
    <row r="982" spans="2:13" x14ac:dyDescent="0.45">
      <c r="B982">
        <v>2872.007024</v>
      </c>
      <c r="C982">
        <v>111.041652</v>
      </c>
      <c r="D982">
        <v>2872.007024</v>
      </c>
      <c r="E982">
        <v>109.604354</v>
      </c>
      <c r="F982">
        <v>2872.007024</v>
      </c>
      <c r="G982">
        <v>109.86514200000001</v>
      </c>
      <c r="H982">
        <v>2872.007024</v>
      </c>
      <c r="I982">
        <v>108.72330700000001</v>
      </c>
      <c r="J982">
        <v>2872.007024</v>
      </c>
      <c r="K982">
        <v>110.31310999999999</v>
      </c>
      <c r="L982">
        <v>2872.007024</v>
      </c>
      <c r="M982">
        <v>108.87229600000001</v>
      </c>
    </row>
    <row r="983" spans="2:13" x14ac:dyDescent="0.45">
      <c r="B983">
        <v>2873.9358400000001</v>
      </c>
      <c r="C983">
        <v>111.077296</v>
      </c>
      <c r="D983">
        <v>2873.9358400000001</v>
      </c>
      <c r="E983">
        <v>109.667109</v>
      </c>
      <c r="F983">
        <v>2873.9358400000001</v>
      </c>
      <c r="G983">
        <v>109.89102699999999</v>
      </c>
      <c r="H983">
        <v>2873.9358400000001</v>
      </c>
      <c r="I983">
        <v>108.69725</v>
      </c>
      <c r="J983">
        <v>2873.9358400000001</v>
      </c>
      <c r="K983">
        <v>110.326324</v>
      </c>
      <c r="L983">
        <v>2873.9358400000001</v>
      </c>
      <c r="M983">
        <v>108.830894</v>
      </c>
    </row>
    <row r="984" spans="2:13" x14ac:dyDescent="0.45">
      <c r="B984">
        <v>2875.8646560000002</v>
      </c>
      <c r="C984">
        <v>111.04610599999999</v>
      </c>
      <c r="D984">
        <v>2875.8646560000002</v>
      </c>
      <c r="E984">
        <v>109.61393700000001</v>
      </c>
      <c r="F984">
        <v>2875.8646560000002</v>
      </c>
      <c r="G984">
        <v>109.85339</v>
      </c>
      <c r="H984">
        <v>2875.8646560000002</v>
      </c>
      <c r="I984">
        <v>108.65792999999999</v>
      </c>
      <c r="J984">
        <v>2875.8646560000002</v>
      </c>
      <c r="K984">
        <v>110.345122</v>
      </c>
      <c r="L984">
        <v>2875.8646560000002</v>
      </c>
      <c r="M984">
        <v>108.810261</v>
      </c>
    </row>
    <row r="985" spans="2:13" x14ac:dyDescent="0.45">
      <c r="B985">
        <v>2877.7934719999998</v>
      </c>
      <c r="C985">
        <v>110.994714</v>
      </c>
      <c r="D985">
        <v>2877.7934719999998</v>
      </c>
      <c r="E985">
        <v>109.555212</v>
      </c>
      <c r="F985">
        <v>2877.7934719999998</v>
      </c>
      <c r="G985">
        <v>109.79312</v>
      </c>
      <c r="H985">
        <v>2877.7934719999998</v>
      </c>
      <c r="I985">
        <v>108.675918</v>
      </c>
      <c r="J985">
        <v>2877.7934719999998</v>
      </c>
      <c r="K985">
        <v>110.320262</v>
      </c>
      <c r="L985">
        <v>2877.7934719999998</v>
      </c>
      <c r="M985">
        <v>108.719465</v>
      </c>
    </row>
    <row r="986" spans="2:13" x14ac:dyDescent="0.45">
      <c r="B986">
        <v>2879.7222879999999</v>
      </c>
      <c r="C986">
        <v>110.94803899999999</v>
      </c>
      <c r="D986">
        <v>2879.7222879999999</v>
      </c>
      <c r="E986">
        <v>109.54500400000001</v>
      </c>
      <c r="F986">
        <v>2879.7222879999999</v>
      </c>
      <c r="G986">
        <v>109.74470100000001</v>
      </c>
      <c r="H986">
        <v>2879.7222879999999</v>
      </c>
      <c r="I986">
        <v>108.68392799999999</v>
      </c>
      <c r="J986">
        <v>2879.7222879999999</v>
      </c>
      <c r="K986">
        <v>110.293041</v>
      </c>
      <c r="L986">
        <v>2879.7222879999999</v>
      </c>
      <c r="M986">
        <v>108.675545</v>
      </c>
    </row>
    <row r="987" spans="2:13" x14ac:dyDescent="0.45">
      <c r="B987">
        <v>2881.651104</v>
      </c>
      <c r="C987">
        <v>110.925692</v>
      </c>
      <c r="D987">
        <v>2881.651104</v>
      </c>
      <c r="E987">
        <v>109.543407</v>
      </c>
      <c r="F987">
        <v>2881.651104</v>
      </c>
      <c r="G987">
        <v>109.75963900000001</v>
      </c>
      <c r="H987">
        <v>2881.651104</v>
      </c>
      <c r="I987">
        <v>108.658682</v>
      </c>
      <c r="J987">
        <v>2881.651104</v>
      </c>
      <c r="K987">
        <v>110.28164700000001</v>
      </c>
      <c r="L987">
        <v>2881.651104</v>
      </c>
      <c r="M987">
        <v>108.71065299999999</v>
      </c>
    </row>
    <row r="988" spans="2:13" x14ac:dyDescent="0.45">
      <c r="B988">
        <v>2883.5799200000001</v>
      </c>
      <c r="C988">
        <v>110.936798</v>
      </c>
      <c r="D988">
        <v>2883.5799200000001</v>
      </c>
      <c r="E988">
        <v>109.55776</v>
      </c>
      <c r="F988">
        <v>2883.5799200000001</v>
      </c>
      <c r="G988">
        <v>109.807997</v>
      </c>
      <c r="H988">
        <v>2883.5799200000001</v>
      </c>
      <c r="I988">
        <v>108.601868</v>
      </c>
      <c r="J988">
        <v>2883.5799200000001</v>
      </c>
      <c r="K988">
        <v>110.29866</v>
      </c>
      <c r="L988">
        <v>2883.5799200000001</v>
      </c>
      <c r="M988">
        <v>108.732383</v>
      </c>
    </row>
    <row r="989" spans="2:13" x14ac:dyDescent="0.45">
      <c r="B989">
        <v>2885.5087360000002</v>
      </c>
      <c r="C989">
        <v>110.90384299999999</v>
      </c>
      <c r="D989">
        <v>2885.5087360000002</v>
      </c>
      <c r="E989">
        <v>109.521936</v>
      </c>
      <c r="F989">
        <v>2885.5087360000002</v>
      </c>
      <c r="G989">
        <v>109.757082</v>
      </c>
      <c r="H989">
        <v>2885.5087360000002</v>
      </c>
      <c r="I989">
        <v>108.60113200000001</v>
      </c>
      <c r="J989">
        <v>2885.5087360000002</v>
      </c>
      <c r="K989">
        <v>110.258021</v>
      </c>
      <c r="L989">
        <v>2885.5087360000002</v>
      </c>
      <c r="M989">
        <v>108.67132700000001</v>
      </c>
    </row>
    <row r="990" spans="2:13" x14ac:dyDescent="0.45">
      <c r="B990">
        <v>2887.4375519999999</v>
      </c>
      <c r="C990">
        <v>110.903268</v>
      </c>
      <c r="D990">
        <v>2887.4375519999999</v>
      </c>
      <c r="E990">
        <v>109.49355</v>
      </c>
      <c r="F990">
        <v>2887.4375519999999</v>
      </c>
      <c r="G990">
        <v>109.72368299999999</v>
      </c>
      <c r="H990">
        <v>2887.4375519999999</v>
      </c>
      <c r="I990">
        <v>108.61596400000001</v>
      </c>
      <c r="J990">
        <v>2887.4375519999999</v>
      </c>
      <c r="K990">
        <v>110.20925699999999</v>
      </c>
      <c r="L990">
        <v>2887.4375519999999</v>
      </c>
      <c r="M990">
        <v>108.684748</v>
      </c>
    </row>
    <row r="991" spans="2:13" x14ac:dyDescent="0.45">
      <c r="B991">
        <v>2889.366368</v>
      </c>
      <c r="C991">
        <v>110.88568600000001</v>
      </c>
      <c r="D991">
        <v>2889.366368</v>
      </c>
      <c r="E991">
        <v>109.498949</v>
      </c>
      <c r="F991">
        <v>2889.366368</v>
      </c>
      <c r="G991">
        <v>109.758826</v>
      </c>
      <c r="H991">
        <v>2889.366368</v>
      </c>
      <c r="I991">
        <v>108.615084</v>
      </c>
      <c r="J991">
        <v>2889.366368</v>
      </c>
      <c r="K991">
        <v>110.184206</v>
      </c>
      <c r="L991">
        <v>2889.366368</v>
      </c>
      <c r="M991">
        <v>108.660085</v>
      </c>
    </row>
    <row r="992" spans="2:13" x14ac:dyDescent="0.45">
      <c r="B992">
        <v>2891.2951840000001</v>
      </c>
      <c r="C992">
        <v>110.836371</v>
      </c>
      <c r="D992">
        <v>2891.2951840000001</v>
      </c>
      <c r="E992">
        <v>109.48263800000001</v>
      </c>
      <c r="F992">
        <v>2891.2951840000001</v>
      </c>
      <c r="G992">
        <v>109.781739</v>
      </c>
      <c r="H992">
        <v>2891.2951840000001</v>
      </c>
      <c r="I992">
        <v>108.603679</v>
      </c>
      <c r="J992">
        <v>2891.2951840000001</v>
      </c>
      <c r="K992">
        <v>110.227368</v>
      </c>
      <c r="L992">
        <v>2891.2951840000001</v>
      </c>
      <c r="M992">
        <v>108.60035000000001</v>
      </c>
    </row>
    <row r="993" spans="2:13" x14ac:dyDescent="0.45">
      <c r="B993">
        <v>2893.2240000000002</v>
      </c>
      <c r="C993">
        <v>110.831749</v>
      </c>
      <c r="D993">
        <v>2893.2240000000002</v>
      </c>
      <c r="E993">
        <v>109.497364</v>
      </c>
      <c r="F993">
        <v>2893.2240000000002</v>
      </c>
      <c r="G993">
        <v>109.80516299999999</v>
      </c>
      <c r="H993">
        <v>2893.2240000000002</v>
      </c>
      <c r="I993">
        <v>108.582916</v>
      </c>
      <c r="J993">
        <v>2893.2240000000002</v>
      </c>
      <c r="K993">
        <v>110.279388</v>
      </c>
      <c r="L993">
        <v>2893.2240000000002</v>
      </c>
      <c r="M993">
        <v>108.640351</v>
      </c>
    </row>
    <row r="994" spans="2:13" x14ac:dyDescent="0.45">
      <c r="B994">
        <v>2895.1528159999998</v>
      </c>
      <c r="C994">
        <v>110.874737</v>
      </c>
      <c r="D994">
        <v>2895.1528159999998</v>
      </c>
      <c r="E994">
        <v>109.55110400000001</v>
      </c>
      <c r="F994">
        <v>2895.1528159999998</v>
      </c>
      <c r="G994">
        <v>109.78998799999999</v>
      </c>
      <c r="H994">
        <v>2895.1528159999998</v>
      </c>
      <c r="I994">
        <v>108.58108300000001</v>
      </c>
      <c r="J994">
        <v>2895.1528159999998</v>
      </c>
      <c r="K994">
        <v>110.248364</v>
      </c>
      <c r="L994">
        <v>2895.1528159999998</v>
      </c>
      <c r="M994">
        <v>108.688367</v>
      </c>
    </row>
    <row r="995" spans="2:13" x14ac:dyDescent="0.45">
      <c r="B995">
        <v>2897.0816319999999</v>
      </c>
      <c r="C995">
        <v>110.929007</v>
      </c>
      <c r="D995">
        <v>2897.0816319999999</v>
      </c>
      <c r="E995">
        <v>109.57273500000001</v>
      </c>
      <c r="F995">
        <v>2897.0816319999999</v>
      </c>
      <c r="G995">
        <v>109.701874</v>
      </c>
      <c r="H995">
        <v>2897.0816319999999</v>
      </c>
      <c r="I995">
        <v>108.62205299999999</v>
      </c>
      <c r="J995">
        <v>2897.0816319999999</v>
      </c>
      <c r="K995">
        <v>110.233316</v>
      </c>
      <c r="L995">
        <v>2897.0816319999999</v>
      </c>
      <c r="M995">
        <v>108.646396</v>
      </c>
    </row>
    <row r="996" spans="2:13" x14ac:dyDescent="0.45">
      <c r="B996">
        <v>2899.010448</v>
      </c>
      <c r="C996">
        <v>110.932221</v>
      </c>
      <c r="D996">
        <v>2899.010448</v>
      </c>
      <c r="E996">
        <v>109.52753</v>
      </c>
      <c r="F996">
        <v>2899.010448</v>
      </c>
      <c r="G996">
        <v>109.67376899999999</v>
      </c>
      <c r="H996">
        <v>2899.010448</v>
      </c>
      <c r="I996">
        <v>108.613488</v>
      </c>
      <c r="J996">
        <v>2899.010448</v>
      </c>
      <c r="K996">
        <v>110.25023</v>
      </c>
      <c r="L996">
        <v>2899.010448</v>
      </c>
      <c r="M996">
        <v>108.630044</v>
      </c>
    </row>
    <row r="997" spans="2:13" x14ac:dyDescent="0.45">
      <c r="B997">
        <v>2900.9392640000001</v>
      </c>
      <c r="C997">
        <v>110.895201</v>
      </c>
      <c r="D997">
        <v>2900.9392640000001</v>
      </c>
      <c r="E997">
        <v>109.494321</v>
      </c>
      <c r="F997">
        <v>2900.9392640000001</v>
      </c>
      <c r="G997">
        <v>109.72262499999999</v>
      </c>
      <c r="H997">
        <v>2900.9392640000001</v>
      </c>
      <c r="I997">
        <v>108.59026299999999</v>
      </c>
      <c r="J997">
        <v>2900.9392640000001</v>
      </c>
      <c r="K997">
        <v>110.309573</v>
      </c>
      <c r="L997">
        <v>2900.9392640000001</v>
      </c>
      <c r="M997">
        <v>108.624075</v>
      </c>
    </row>
    <row r="998" spans="2:13" x14ac:dyDescent="0.45">
      <c r="B998">
        <v>2902.8680800000002</v>
      </c>
      <c r="C998">
        <v>110.916156</v>
      </c>
      <c r="D998">
        <v>2902.8680800000002</v>
      </c>
      <c r="E998">
        <v>109.522372</v>
      </c>
      <c r="F998">
        <v>2902.8680800000002</v>
      </c>
      <c r="G998">
        <v>109.763974</v>
      </c>
      <c r="H998">
        <v>2902.8680800000002</v>
      </c>
      <c r="I998">
        <v>108.55515699999999</v>
      </c>
      <c r="J998">
        <v>2902.8680800000002</v>
      </c>
      <c r="K998">
        <v>110.358729</v>
      </c>
      <c r="L998">
        <v>2902.8680800000002</v>
      </c>
      <c r="M998">
        <v>108.624073</v>
      </c>
    </row>
    <row r="999" spans="2:13" x14ac:dyDescent="0.45">
      <c r="B999">
        <v>2904.7968959999998</v>
      </c>
      <c r="C999">
        <v>110.904995</v>
      </c>
      <c r="D999">
        <v>2904.7968959999998</v>
      </c>
      <c r="E999">
        <v>109.523152</v>
      </c>
      <c r="F999">
        <v>2904.7968959999998</v>
      </c>
      <c r="G999">
        <v>109.717406</v>
      </c>
      <c r="H999">
        <v>2904.7968959999998</v>
      </c>
      <c r="I999">
        <v>108.512944</v>
      </c>
      <c r="J999">
        <v>2904.7968959999998</v>
      </c>
      <c r="K999">
        <v>110.301046</v>
      </c>
      <c r="L999">
        <v>2904.7968959999998</v>
      </c>
      <c r="M999">
        <v>108.64680300000001</v>
      </c>
    </row>
    <row r="1000" spans="2:13" x14ac:dyDescent="0.45">
      <c r="B1000">
        <v>2906.7257119999999</v>
      </c>
      <c r="C1000">
        <v>110.910203</v>
      </c>
      <c r="D1000">
        <v>2906.7257119999999</v>
      </c>
      <c r="E1000">
        <v>109.445216</v>
      </c>
      <c r="F1000">
        <v>2906.7257119999999</v>
      </c>
      <c r="G1000">
        <v>109.67270600000001</v>
      </c>
      <c r="H1000">
        <v>2906.7257119999999</v>
      </c>
      <c r="I1000">
        <v>108.506449</v>
      </c>
      <c r="J1000">
        <v>2906.7257119999999</v>
      </c>
      <c r="K1000">
        <v>110.192171</v>
      </c>
      <c r="L1000">
        <v>2906.7257119999999</v>
      </c>
      <c r="M1000">
        <v>108.642798</v>
      </c>
    </row>
    <row r="1001" spans="2:13" x14ac:dyDescent="0.45">
      <c r="B1001">
        <v>2908.654528</v>
      </c>
      <c r="C1001">
        <v>110.917633</v>
      </c>
      <c r="D1001">
        <v>2908.654528</v>
      </c>
      <c r="E1001">
        <v>109.450655</v>
      </c>
      <c r="F1001">
        <v>2908.654528</v>
      </c>
      <c r="G1001">
        <v>109.672915</v>
      </c>
      <c r="H1001">
        <v>2908.654528</v>
      </c>
      <c r="I1001">
        <v>108.500623</v>
      </c>
      <c r="J1001">
        <v>2908.654528</v>
      </c>
      <c r="K1001">
        <v>110.19653099999999</v>
      </c>
      <c r="L1001">
        <v>2908.654528</v>
      </c>
      <c r="M1001">
        <v>108.60807</v>
      </c>
    </row>
    <row r="1002" spans="2:13" x14ac:dyDescent="0.45">
      <c r="B1002">
        <v>2910.5833440000001</v>
      </c>
      <c r="C1002">
        <v>110.906222</v>
      </c>
      <c r="D1002">
        <v>2910.5833440000001</v>
      </c>
      <c r="E1002">
        <v>109.492644</v>
      </c>
      <c r="F1002">
        <v>2910.5833440000001</v>
      </c>
      <c r="G1002">
        <v>109.69877200000001</v>
      </c>
      <c r="H1002">
        <v>2910.5833440000001</v>
      </c>
      <c r="I1002">
        <v>108.537386</v>
      </c>
      <c r="J1002">
        <v>2910.5833440000001</v>
      </c>
      <c r="K1002">
        <v>110.24471</v>
      </c>
      <c r="L1002">
        <v>2910.5833440000001</v>
      </c>
      <c r="M1002">
        <v>108.590388</v>
      </c>
    </row>
    <row r="1003" spans="2:13" x14ac:dyDescent="0.45">
      <c r="B1003">
        <v>2912.5121600000002</v>
      </c>
      <c r="C1003">
        <v>110.870938</v>
      </c>
      <c r="D1003">
        <v>2912.5121600000002</v>
      </c>
      <c r="E1003">
        <v>109.54357400000001</v>
      </c>
      <c r="F1003">
        <v>2912.5121600000002</v>
      </c>
      <c r="G1003">
        <v>109.68306</v>
      </c>
      <c r="H1003">
        <v>2912.5121600000002</v>
      </c>
      <c r="I1003">
        <v>108.55143099999999</v>
      </c>
      <c r="J1003">
        <v>2912.5121600000002</v>
      </c>
      <c r="K1003">
        <v>110.256412</v>
      </c>
      <c r="L1003">
        <v>2912.5121600000002</v>
      </c>
      <c r="M1003">
        <v>108.599504</v>
      </c>
    </row>
    <row r="1004" spans="2:13" x14ac:dyDescent="0.45">
      <c r="B1004">
        <v>2914.4409759999999</v>
      </c>
      <c r="C1004">
        <v>110.905081</v>
      </c>
      <c r="D1004">
        <v>2914.4409759999999</v>
      </c>
      <c r="E1004">
        <v>109.577781</v>
      </c>
      <c r="F1004">
        <v>2914.4409759999999</v>
      </c>
      <c r="G1004">
        <v>109.630026</v>
      </c>
      <c r="H1004">
        <v>2914.4409759999999</v>
      </c>
      <c r="I1004">
        <v>108.45920599999999</v>
      </c>
      <c r="J1004">
        <v>2914.4409759999999</v>
      </c>
      <c r="K1004">
        <v>110.211299</v>
      </c>
      <c r="L1004">
        <v>2914.4409759999999</v>
      </c>
      <c r="M1004">
        <v>108.57196999999999</v>
      </c>
    </row>
    <row r="1005" spans="2:13" x14ac:dyDescent="0.45">
      <c r="B1005">
        <v>2916.369792</v>
      </c>
      <c r="C1005">
        <v>110.987415</v>
      </c>
      <c r="D1005">
        <v>2916.369792</v>
      </c>
      <c r="E1005">
        <v>109.519052</v>
      </c>
      <c r="F1005">
        <v>2916.369792</v>
      </c>
      <c r="G1005">
        <v>109.537983</v>
      </c>
      <c r="H1005">
        <v>2916.369792</v>
      </c>
      <c r="I1005">
        <v>108.374225</v>
      </c>
      <c r="J1005">
        <v>2916.369792</v>
      </c>
      <c r="K1005">
        <v>110.18983799999999</v>
      </c>
      <c r="L1005">
        <v>2916.369792</v>
      </c>
      <c r="M1005">
        <v>108.531228</v>
      </c>
    </row>
    <row r="1006" spans="2:13" x14ac:dyDescent="0.45">
      <c r="B1006">
        <v>2918.2986080000001</v>
      </c>
      <c r="C1006">
        <v>110.938441</v>
      </c>
      <c r="D1006">
        <v>2918.2986080000001</v>
      </c>
      <c r="E1006">
        <v>109.428546</v>
      </c>
      <c r="F1006">
        <v>2918.2986080000001</v>
      </c>
      <c r="G1006">
        <v>109.442925</v>
      </c>
      <c r="H1006">
        <v>2918.2986080000001</v>
      </c>
      <c r="I1006">
        <v>108.33165099999999</v>
      </c>
      <c r="J1006">
        <v>2918.2986080000001</v>
      </c>
      <c r="K1006">
        <v>110.13151000000001</v>
      </c>
      <c r="L1006">
        <v>2918.2986080000001</v>
      </c>
      <c r="M1006">
        <v>108.504229</v>
      </c>
    </row>
    <row r="1007" spans="2:13" x14ac:dyDescent="0.45">
      <c r="B1007">
        <v>2920.2274240000002</v>
      </c>
      <c r="C1007">
        <v>110.83331800000001</v>
      </c>
      <c r="D1007">
        <v>2920.2274240000002</v>
      </c>
      <c r="E1007">
        <v>109.361829</v>
      </c>
      <c r="F1007">
        <v>2920.2274240000002</v>
      </c>
      <c r="G1007">
        <v>109.373668</v>
      </c>
      <c r="H1007">
        <v>2920.2274240000002</v>
      </c>
      <c r="I1007">
        <v>108.24841600000001</v>
      </c>
      <c r="J1007">
        <v>2920.2274240000002</v>
      </c>
      <c r="K1007">
        <v>110.0818</v>
      </c>
      <c r="L1007">
        <v>2920.2274240000002</v>
      </c>
      <c r="M1007">
        <v>108.451871</v>
      </c>
    </row>
    <row r="1008" spans="2:13" x14ac:dyDescent="0.45">
      <c r="B1008">
        <v>2922.1562399999998</v>
      </c>
      <c r="C1008">
        <v>110.792783</v>
      </c>
      <c r="D1008">
        <v>2922.1562399999998</v>
      </c>
      <c r="E1008">
        <v>109.274287</v>
      </c>
      <c r="F1008">
        <v>2922.1562399999998</v>
      </c>
      <c r="G1008">
        <v>109.28879000000001</v>
      </c>
      <c r="H1008">
        <v>2922.1562399999998</v>
      </c>
      <c r="I1008">
        <v>108.18964200000001</v>
      </c>
      <c r="J1008">
        <v>2922.1562399999998</v>
      </c>
      <c r="K1008">
        <v>110.048042</v>
      </c>
      <c r="L1008">
        <v>2922.1562399999998</v>
      </c>
      <c r="M1008">
        <v>108.388944</v>
      </c>
    </row>
    <row r="1009" spans="2:13" x14ac:dyDescent="0.45">
      <c r="B1009">
        <v>2924.0850559999999</v>
      </c>
      <c r="C1009">
        <v>110.807827</v>
      </c>
      <c r="D1009">
        <v>2924.0850559999999</v>
      </c>
      <c r="E1009">
        <v>109.179771</v>
      </c>
      <c r="F1009">
        <v>2924.0850559999999</v>
      </c>
      <c r="G1009">
        <v>109.202299</v>
      </c>
      <c r="H1009">
        <v>2924.0850559999999</v>
      </c>
      <c r="I1009">
        <v>108.168243</v>
      </c>
      <c r="J1009">
        <v>2924.0850559999999</v>
      </c>
      <c r="K1009">
        <v>109.966031</v>
      </c>
      <c r="L1009">
        <v>2924.0850559999999</v>
      </c>
      <c r="M1009">
        <v>108.34442900000001</v>
      </c>
    </row>
    <row r="1010" spans="2:13" x14ac:dyDescent="0.45">
      <c r="B1010">
        <v>2926.013872</v>
      </c>
      <c r="C1010">
        <v>110.85527999999999</v>
      </c>
      <c r="D1010">
        <v>2926.013872</v>
      </c>
      <c r="E1010">
        <v>109.09853600000001</v>
      </c>
      <c r="F1010">
        <v>2926.013872</v>
      </c>
      <c r="G1010">
        <v>109.19804000000001</v>
      </c>
      <c r="H1010">
        <v>2926.013872</v>
      </c>
      <c r="I1010">
        <v>108.07023599999999</v>
      </c>
      <c r="J1010">
        <v>2926.013872</v>
      </c>
      <c r="K1010">
        <v>109.92621699999999</v>
      </c>
      <c r="L1010">
        <v>2926.013872</v>
      </c>
      <c r="M1010">
        <v>108.268502</v>
      </c>
    </row>
    <row r="1011" spans="2:13" x14ac:dyDescent="0.45">
      <c r="B1011">
        <v>2927.9426880000001</v>
      </c>
      <c r="C1011">
        <v>110.846951</v>
      </c>
      <c r="D1011">
        <v>2927.9426880000001</v>
      </c>
      <c r="E1011">
        <v>109.094345</v>
      </c>
      <c r="F1011">
        <v>2927.9426880000001</v>
      </c>
      <c r="G1011">
        <v>109.22742700000001</v>
      </c>
      <c r="H1011">
        <v>2927.9426880000001</v>
      </c>
      <c r="I1011">
        <v>108.046814</v>
      </c>
      <c r="J1011">
        <v>2927.9426880000001</v>
      </c>
      <c r="K1011">
        <v>109.92200800000001</v>
      </c>
      <c r="L1011">
        <v>2927.9426880000001</v>
      </c>
      <c r="M1011">
        <v>108.22193300000001</v>
      </c>
    </row>
    <row r="1012" spans="2:13" x14ac:dyDescent="0.45">
      <c r="B1012">
        <v>2929.8715040000002</v>
      </c>
      <c r="C1012">
        <v>110.86830999999999</v>
      </c>
      <c r="D1012">
        <v>2929.8715040000002</v>
      </c>
      <c r="E1012">
        <v>109.141712</v>
      </c>
      <c r="F1012">
        <v>2929.8715040000002</v>
      </c>
      <c r="G1012">
        <v>109.20412</v>
      </c>
      <c r="H1012">
        <v>2929.8715040000002</v>
      </c>
      <c r="I1012">
        <v>107.973068</v>
      </c>
      <c r="J1012">
        <v>2929.8715040000002</v>
      </c>
      <c r="K1012">
        <v>109.885397</v>
      </c>
      <c r="L1012">
        <v>2929.8715040000002</v>
      </c>
      <c r="M1012">
        <v>108.253479</v>
      </c>
    </row>
    <row r="1013" spans="2:13" x14ac:dyDescent="0.45">
      <c r="B1013">
        <v>2931.8003199999998</v>
      </c>
      <c r="C1013">
        <v>110.852695</v>
      </c>
      <c r="D1013">
        <v>2931.8003199999998</v>
      </c>
      <c r="E1013">
        <v>109.08449400000001</v>
      </c>
      <c r="F1013">
        <v>2931.8003199999998</v>
      </c>
      <c r="G1013">
        <v>109.0637</v>
      </c>
      <c r="H1013">
        <v>2931.8003199999998</v>
      </c>
      <c r="I1013">
        <v>107.901926</v>
      </c>
      <c r="J1013">
        <v>2931.8003199999998</v>
      </c>
      <c r="K1013">
        <v>109.822551</v>
      </c>
      <c r="L1013">
        <v>2931.8003199999998</v>
      </c>
      <c r="M1013">
        <v>108.228431</v>
      </c>
    </row>
    <row r="1014" spans="2:13" x14ac:dyDescent="0.45">
      <c r="B1014">
        <v>2933.7291359999999</v>
      </c>
      <c r="C1014">
        <v>110.801607</v>
      </c>
      <c r="D1014">
        <v>2933.7291359999999</v>
      </c>
      <c r="E1014">
        <v>109.015365</v>
      </c>
      <c r="F1014">
        <v>2933.7291359999999</v>
      </c>
      <c r="G1014">
        <v>109.053161</v>
      </c>
      <c r="H1014">
        <v>2933.7291359999999</v>
      </c>
      <c r="I1014">
        <v>107.867626</v>
      </c>
      <c r="J1014">
        <v>2933.7291359999999</v>
      </c>
      <c r="K1014">
        <v>109.840023</v>
      </c>
      <c r="L1014">
        <v>2933.7291359999999</v>
      </c>
      <c r="M1014">
        <v>108.179546</v>
      </c>
    </row>
    <row r="1015" spans="2:13" x14ac:dyDescent="0.45">
      <c r="B1015">
        <v>2935.657952</v>
      </c>
      <c r="C1015">
        <v>110.808909</v>
      </c>
      <c r="D1015">
        <v>2935.657952</v>
      </c>
      <c r="E1015">
        <v>108.98200900000001</v>
      </c>
      <c r="F1015">
        <v>2935.657952</v>
      </c>
      <c r="G1015">
        <v>109.15775600000001</v>
      </c>
      <c r="H1015">
        <v>2935.657952</v>
      </c>
      <c r="I1015">
        <v>107.844675</v>
      </c>
      <c r="J1015">
        <v>2935.657952</v>
      </c>
      <c r="K1015">
        <v>109.846953</v>
      </c>
      <c r="L1015">
        <v>2935.657952</v>
      </c>
      <c r="M1015">
        <v>108.21156999999999</v>
      </c>
    </row>
    <row r="1016" spans="2:13" x14ac:dyDescent="0.45">
      <c r="B1016">
        <v>2937.5867680000001</v>
      </c>
      <c r="C1016">
        <v>110.751366</v>
      </c>
      <c r="D1016">
        <v>2937.5867680000001</v>
      </c>
      <c r="E1016">
        <v>108.96323100000001</v>
      </c>
      <c r="F1016">
        <v>2937.5867680000001</v>
      </c>
      <c r="G1016">
        <v>109.14021</v>
      </c>
      <c r="H1016">
        <v>2937.5867680000001</v>
      </c>
      <c r="I1016">
        <v>107.88114400000001</v>
      </c>
      <c r="J1016">
        <v>2937.5867680000001</v>
      </c>
      <c r="K1016">
        <v>109.847492</v>
      </c>
      <c r="L1016">
        <v>2937.5867680000001</v>
      </c>
      <c r="M1016">
        <v>108.162629</v>
      </c>
    </row>
    <row r="1017" spans="2:13" x14ac:dyDescent="0.45">
      <c r="B1017">
        <v>2939.5155840000002</v>
      </c>
      <c r="C1017">
        <v>110.73679799999999</v>
      </c>
      <c r="D1017">
        <v>2939.5155840000002</v>
      </c>
      <c r="E1017">
        <v>108.985286</v>
      </c>
      <c r="F1017">
        <v>2939.5155840000002</v>
      </c>
      <c r="G1017">
        <v>109.088317</v>
      </c>
      <c r="H1017">
        <v>2939.5155840000002</v>
      </c>
      <c r="I1017">
        <v>107.96163199999999</v>
      </c>
      <c r="J1017">
        <v>2939.5155840000002</v>
      </c>
      <c r="K1017">
        <v>109.856241</v>
      </c>
      <c r="L1017">
        <v>2939.5155840000002</v>
      </c>
      <c r="M1017">
        <v>108.126154</v>
      </c>
    </row>
    <row r="1018" spans="2:13" x14ac:dyDescent="0.45">
      <c r="B1018">
        <v>2941.4443999999999</v>
      </c>
      <c r="C1018">
        <v>110.756649</v>
      </c>
      <c r="D1018">
        <v>2941.4443999999999</v>
      </c>
      <c r="E1018">
        <v>109.01968500000001</v>
      </c>
      <c r="F1018">
        <v>2941.4443999999999</v>
      </c>
      <c r="G1018">
        <v>109.17689900000001</v>
      </c>
      <c r="H1018">
        <v>2941.4443999999999</v>
      </c>
      <c r="I1018">
        <v>107.966325</v>
      </c>
      <c r="J1018">
        <v>2941.4443999999999</v>
      </c>
      <c r="K1018">
        <v>109.88576</v>
      </c>
      <c r="L1018">
        <v>2941.4443999999999</v>
      </c>
      <c r="M1018">
        <v>108.163056</v>
      </c>
    </row>
    <row r="1019" spans="2:13" x14ac:dyDescent="0.45">
      <c r="B1019">
        <v>2943.373216</v>
      </c>
      <c r="C1019">
        <v>110.783489</v>
      </c>
      <c r="D1019">
        <v>2943.373216</v>
      </c>
      <c r="E1019">
        <v>109.059387</v>
      </c>
      <c r="F1019">
        <v>2943.373216</v>
      </c>
      <c r="G1019">
        <v>109.254892</v>
      </c>
      <c r="H1019">
        <v>2943.373216</v>
      </c>
      <c r="I1019">
        <v>108.054196</v>
      </c>
      <c r="J1019">
        <v>2943.373216</v>
      </c>
      <c r="K1019">
        <v>109.93884300000001</v>
      </c>
      <c r="L1019">
        <v>2943.373216</v>
      </c>
      <c r="M1019">
        <v>108.192083</v>
      </c>
    </row>
    <row r="1020" spans="2:13" x14ac:dyDescent="0.45">
      <c r="B1020">
        <v>2945.3020320000001</v>
      </c>
      <c r="C1020">
        <v>110.810288</v>
      </c>
      <c r="D1020">
        <v>2945.3020320000001</v>
      </c>
      <c r="E1020">
        <v>109.06396600000001</v>
      </c>
      <c r="F1020">
        <v>2945.3020320000001</v>
      </c>
      <c r="G1020">
        <v>109.254137</v>
      </c>
      <c r="H1020">
        <v>2945.3020320000001</v>
      </c>
      <c r="I1020">
        <v>108.20566100000001</v>
      </c>
      <c r="J1020">
        <v>2945.3020320000001</v>
      </c>
      <c r="K1020">
        <v>109.960745</v>
      </c>
      <c r="L1020">
        <v>2945.3020320000001</v>
      </c>
      <c r="M1020">
        <v>108.26503700000001</v>
      </c>
    </row>
    <row r="1021" spans="2:13" x14ac:dyDescent="0.45">
      <c r="B1021">
        <v>2947.2308480000002</v>
      </c>
      <c r="C1021">
        <v>110.79077599999999</v>
      </c>
      <c r="D1021">
        <v>2947.2308480000002</v>
      </c>
      <c r="E1021">
        <v>109.031724</v>
      </c>
      <c r="F1021">
        <v>2947.2308480000002</v>
      </c>
      <c r="G1021">
        <v>109.336499</v>
      </c>
      <c r="H1021">
        <v>2947.2308480000002</v>
      </c>
      <c r="I1021">
        <v>108.257261</v>
      </c>
      <c r="J1021">
        <v>2947.2308480000002</v>
      </c>
      <c r="K1021">
        <v>109.990448</v>
      </c>
      <c r="L1021">
        <v>2947.2308480000002</v>
      </c>
      <c r="M1021">
        <v>108.25202899999999</v>
      </c>
    </row>
    <row r="1022" spans="2:13" x14ac:dyDescent="0.45">
      <c r="B1022">
        <v>2949.1596639999998</v>
      </c>
      <c r="C1022">
        <v>110.71437299999999</v>
      </c>
      <c r="D1022">
        <v>2949.1596639999998</v>
      </c>
      <c r="E1022">
        <v>109.040565</v>
      </c>
      <c r="F1022">
        <v>2949.1596639999998</v>
      </c>
      <c r="G1022">
        <v>109.39799499999999</v>
      </c>
      <c r="H1022">
        <v>2949.1596639999998</v>
      </c>
      <c r="I1022">
        <v>108.259989</v>
      </c>
      <c r="J1022">
        <v>2949.1596639999998</v>
      </c>
      <c r="K1022">
        <v>109.98579100000001</v>
      </c>
      <c r="L1022">
        <v>2949.1596639999998</v>
      </c>
      <c r="M1022">
        <v>108.263127</v>
      </c>
    </row>
    <row r="1023" spans="2:13" x14ac:dyDescent="0.45">
      <c r="B1023">
        <v>2951.0884799999999</v>
      </c>
      <c r="C1023">
        <v>110.651245</v>
      </c>
      <c r="D1023">
        <v>2951.0884799999999</v>
      </c>
      <c r="E1023">
        <v>109.075014</v>
      </c>
      <c r="F1023">
        <v>2951.0884799999999</v>
      </c>
      <c r="G1023">
        <v>109.405006</v>
      </c>
      <c r="H1023">
        <v>2951.0884799999999</v>
      </c>
      <c r="I1023">
        <v>108.26004</v>
      </c>
      <c r="J1023">
        <v>2951.0884799999999</v>
      </c>
      <c r="K1023">
        <v>110.010959</v>
      </c>
      <c r="L1023">
        <v>2951.0884799999999</v>
      </c>
      <c r="M1023">
        <v>108.31700600000001</v>
      </c>
    </row>
    <row r="1024" spans="2:13" x14ac:dyDescent="0.45">
      <c r="B1024">
        <v>2953.017296</v>
      </c>
      <c r="C1024">
        <v>110.673327</v>
      </c>
      <c r="D1024">
        <v>2953.017296</v>
      </c>
      <c r="E1024">
        <v>109.096462</v>
      </c>
      <c r="F1024">
        <v>2953.017296</v>
      </c>
      <c r="G1024">
        <v>109.40263400000001</v>
      </c>
      <c r="H1024">
        <v>2953.017296</v>
      </c>
      <c r="I1024">
        <v>108.289266</v>
      </c>
      <c r="J1024">
        <v>2953.017296</v>
      </c>
      <c r="K1024">
        <v>110.06273899999999</v>
      </c>
      <c r="L1024">
        <v>2953.017296</v>
      </c>
      <c r="M1024">
        <v>108.36734</v>
      </c>
    </row>
    <row r="1025" spans="2:13" x14ac:dyDescent="0.45">
      <c r="B1025">
        <v>2954.9461120000001</v>
      </c>
      <c r="C1025">
        <v>110.648262</v>
      </c>
      <c r="D1025">
        <v>2954.9461120000001</v>
      </c>
      <c r="E1025">
        <v>109.084575</v>
      </c>
      <c r="F1025">
        <v>2954.9461120000001</v>
      </c>
      <c r="G1025">
        <v>109.377055</v>
      </c>
      <c r="H1025">
        <v>2954.9461120000001</v>
      </c>
      <c r="I1025">
        <v>108.32795299999999</v>
      </c>
      <c r="J1025">
        <v>2954.9461120000001</v>
      </c>
      <c r="K1025">
        <v>110.08059299999999</v>
      </c>
      <c r="L1025">
        <v>2954.9461120000001</v>
      </c>
      <c r="M1025">
        <v>108.36277800000001</v>
      </c>
    </row>
    <row r="1026" spans="2:13" x14ac:dyDescent="0.45">
      <c r="B1026">
        <v>2956.8749280000002</v>
      </c>
      <c r="C1026">
        <v>110.617097</v>
      </c>
      <c r="D1026">
        <v>2956.8749280000002</v>
      </c>
      <c r="E1026">
        <v>109.109768</v>
      </c>
      <c r="F1026">
        <v>2956.8749280000002</v>
      </c>
      <c r="G1026">
        <v>109.40762700000001</v>
      </c>
      <c r="H1026">
        <v>2956.8749280000002</v>
      </c>
      <c r="I1026">
        <v>108.40030400000001</v>
      </c>
      <c r="J1026">
        <v>2956.8749280000002</v>
      </c>
      <c r="K1026">
        <v>110.098961</v>
      </c>
      <c r="L1026">
        <v>2956.8749280000002</v>
      </c>
      <c r="M1026">
        <v>108.35178399999999</v>
      </c>
    </row>
    <row r="1027" spans="2:13" x14ac:dyDescent="0.45">
      <c r="B1027">
        <v>2958.8037439999998</v>
      </c>
      <c r="C1027">
        <v>110.62364100000001</v>
      </c>
      <c r="D1027">
        <v>2958.8037439999998</v>
      </c>
      <c r="E1027">
        <v>109.10372100000001</v>
      </c>
      <c r="F1027">
        <v>2958.8037439999998</v>
      </c>
      <c r="G1027">
        <v>109.40495799999999</v>
      </c>
      <c r="H1027">
        <v>2958.8037439999998</v>
      </c>
      <c r="I1027">
        <v>108.46002</v>
      </c>
      <c r="J1027">
        <v>2958.8037439999998</v>
      </c>
      <c r="K1027">
        <v>110.072125</v>
      </c>
      <c r="L1027">
        <v>2958.8037439999998</v>
      </c>
      <c r="M1027">
        <v>108.38405299999999</v>
      </c>
    </row>
    <row r="1028" spans="2:13" x14ac:dyDescent="0.45">
      <c r="B1028">
        <v>2960.7325599999999</v>
      </c>
      <c r="C1028">
        <v>110.627458</v>
      </c>
      <c r="D1028">
        <v>2960.7325599999999</v>
      </c>
      <c r="E1028">
        <v>109.07703000000001</v>
      </c>
      <c r="F1028">
        <v>2960.7325599999999</v>
      </c>
      <c r="G1028">
        <v>109.436817</v>
      </c>
      <c r="H1028">
        <v>2960.7325599999999</v>
      </c>
      <c r="I1028">
        <v>108.43781300000001</v>
      </c>
      <c r="J1028">
        <v>2960.7325599999999</v>
      </c>
      <c r="K1028">
        <v>110.089842</v>
      </c>
      <c r="L1028">
        <v>2960.7325599999999</v>
      </c>
      <c r="M1028">
        <v>108.425847</v>
      </c>
    </row>
    <row r="1029" spans="2:13" x14ac:dyDescent="0.45">
      <c r="B1029">
        <v>2962.661376</v>
      </c>
      <c r="C1029">
        <v>110.582628</v>
      </c>
      <c r="D1029">
        <v>2962.661376</v>
      </c>
      <c r="E1029">
        <v>109.052187</v>
      </c>
      <c r="F1029">
        <v>2962.661376</v>
      </c>
      <c r="G1029">
        <v>109.497128</v>
      </c>
      <c r="H1029">
        <v>2962.661376</v>
      </c>
      <c r="I1029">
        <v>108.43440200000001</v>
      </c>
      <c r="J1029">
        <v>2962.661376</v>
      </c>
      <c r="K1029">
        <v>110.20568</v>
      </c>
      <c r="L1029">
        <v>2962.661376</v>
      </c>
      <c r="M1029">
        <v>108.493039</v>
      </c>
    </row>
    <row r="1030" spans="2:13" x14ac:dyDescent="0.45">
      <c r="B1030">
        <v>2964.5901920000001</v>
      </c>
      <c r="C1030">
        <v>110.592856</v>
      </c>
      <c r="D1030">
        <v>2964.5901920000001</v>
      </c>
      <c r="E1030">
        <v>109.07148600000001</v>
      </c>
      <c r="F1030">
        <v>2964.5901920000001</v>
      </c>
      <c r="G1030">
        <v>109.48006700000001</v>
      </c>
      <c r="H1030">
        <v>2964.5901920000001</v>
      </c>
      <c r="I1030">
        <v>108.493954</v>
      </c>
      <c r="J1030">
        <v>2964.5901920000001</v>
      </c>
      <c r="K1030">
        <v>110.252214</v>
      </c>
      <c r="L1030">
        <v>2964.5901920000001</v>
      </c>
      <c r="M1030">
        <v>108.53537300000001</v>
      </c>
    </row>
    <row r="1031" spans="2:13" x14ac:dyDescent="0.45">
      <c r="B1031">
        <v>2966.5190080000002</v>
      </c>
      <c r="C1031">
        <v>110.65545899999999</v>
      </c>
      <c r="D1031">
        <v>2966.5190080000002</v>
      </c>
      <c r="E1031">
        <v>109.146682</v>
      </c>
      <c r="F1031">
        <v>2966.5190080000002</v>
      </c>
      <c r="G1031">
        <v>109.483895</v>
      </c>
      <c r="H1031">
        <v>2966.5190080000002</v>
      </c>
      <c r="I1031">
        <v>108.553043</v>
      </c>
      <c r="J1031">
        <v>2966.5190080000002</v>
      </c>
      <c r="K1031">
        <v>110.26515499999999</v>
      </c>
      <c r="L1031">
        <v>2966.5190080000002</v>
      </c>
      <c r="M1031">
        <v>108.51869499999999</v>
      </c>
    </row>
    <row r="1032" spans="2:13" x14ac:dyDescent="0.45">
      <c r="B1032">
        <v>2968.4478239999999</v>
      </c>
      <c r="C1032">
        <v>110.64757</v>
      </c>
      <c r="D1032">
        <v>2968.4478239999999</v>
      </c>
      <c r="E1032">
        <v>109.156858</v>
      </c>
      <c r="F1032">
        <v>2968.4478239999999</v>
      </c>
      <c r="G1032">
        <v>109.53124200000001</v>
      </c>
      <c r="H1032">
        <v>2968.4478239999999</v>
      </c>
      <c r="I1032">
        <v>108.619736</v>
      </c>
      <c r="J1032">
        <v>2968.4478239999999</v>
      </c>
      <c r="K1032">
        <v>110.301407</v>
      </c>
      <c r="L1032">
        <v>2968.4478239999999</v>
      </c>
      <c r="M1032">
        <v>108.57177299999999</v>
      </c>
    </row>
    <row r="1033" spans="2:13" x14ac:dyDescent="0.45">
      <c r="B1033">
        <v>2970.37664</v>
      </c>
      <c r="C1033">
        <v>110.586978</v>
      </c>
      <c r="D1033">
        <v>2970.37664</v>
      </c>
      <c r="E1033">
        <v>109.16834</v>
      </c>
      <c r="F1033">
        <v>2970.37664</v>
      </c>
      <c r="G1033">
        <v>109.566343</v>
      </c>
      <c r="H1033">
        <v>2970.37664</v>
      </c>
      <c r="I1033">
        <v>108.667435</v>
      </c>
      <c r="J1033">
        <v>2970.37664</v>
      </c>
      <c r="K1033">
        <v>110.25733</v>
      </c>
      <c r="L1033">
        <v>2970.37664</v>
      </c>
      <c r="M1033">
        <v>108.664029</v>
      </c>
    </row>
    <row r="1034" spans="2:13" x14ac:dyDescent="0.45">
      <c r="B1034">
        <v>2972.305456</v>
      </c>
      <c r="C1034">
        <v>110.54817199999999</v>
      </c>
      <c r="D1034">
        <v>2972.305456</v>
      </c>
      <c r="E1034">
        <v>109.17227700000001</v>
      </c>
      <c r="F1034">
        <v>2972.305456</v>
      </c>
      <c r="G1034">
        <v>109.574793</v>
      </c>
      <c r="H1034">
        <v>2972.305456</v>
      </c>
      <c r="I1034">
        <v>108.65482900000001</v>
      </c>
      <c r="J1034">
        <v>2972.305456</v>
      </c>
      <c r="K1034">
        <v>110.26794</v>
      </c>
      <c r="L1034">
        <v>2972.305456</v>
      </c>
      <c r="M1034">
        <v>108.67879600000001</v>
      </c>
    </row>
    <row r="1035" spans="2:13" x14ac:dyDescent="0.45">
      <c r="B1035">
        <v>2974.2342720000001</v>
      </c>
      <c r="C1035">
        <v>110.560896</v>
      </c>
      <c r="D1035">
        <v>2974.2342720000001</v>
      </c>
      <c r="E1035">
        <v>109.12988900000001</v>
      </c>
      <c r="F1035">
        <v>2974.2342720000001</v>
      </c>
      <c r="G1035">
        <v>109.59246</v>
      </c>
      <c r="H1035">
        <v>2974.2342720000001</v>
      </c>
      <c r="I1035">
        <v>108.661644</v>
      </c>
      <c r="J1035">
        <v>2974.2342720000001</v>
      </c>
      <c r="K1035">
        <v>110.34204</v>
      </c>
      <c r="L1035">
        <v>2974.2342720000001</v>
      </c>
      <c r="M1035">
        <v>108.71674</v>
      </c>
    </row>
    <row r="1036" spans="2:13" x14ac:dyDescent="0.45">
      <c r="B1036">
        <v>2976.1630879999998</v>
      </c>
      <c r="C1036">
        <v>110.561306</v>
      </c>
      <c r="D1036">
        <v>2976.1630879999998</v>
      </c>
      <c r="E1036">
        <v>109.188304</v>
      </c>
      <c r="F1036">
        <v>2976.1630879999998</v>
      </c>
      <c r="G1036">
        <v>109.62697900000001</v>
      </c>
      <c r="H1036">
        <v>2976.1630879999998</v>
      </c>
      <c r="I1036">
        <v>108.738732</v>
      </c>
      <c r="J1036">
        <v>2976.1630879999998</v>
      </c>
      <c r="K1036">
        <v>110.314662</v>
      </c>
      <c r="L1036">
        <v>2976.1630879999998</v>
      </c>
      <c r="M1036">
        <v>108.792421</v>
      </c>
    </row>
    <row r="1037" spans="2:13" x14ac:dyDescent="0.45">
      <c r="B1037">
        <v>2978.0919039999999</v>
      </c>
      <c r="C1037">
        <v>110.536152</v>
      </c>
      <c r="D1037">
        <v>2978.0919039999999</v>
      </c>
      <c r="E1037">
        <v>109.273152</v>
      </c>
      <c r="F1037">
        <v>2978.0919039999999</v>
      </c>
      <c r="G1037">
        <v>109.637592</v>
      </c>
      <c r="H1037">
        <v>2978.0919039999999</v>
      </c>
      <c r="I1037">
        <v>108.767844</v>
      </c>
      <c r="J1037">
        <v>2978.0919039999999</v>
      </c>
      <c r="K1037">
        <v>110.308744</v>
      </c>
      <c r="L1037">
        <v>2978.0919039999999</v>
      </c>
      <c r="M1037">
        <v>108.809771</v>
      </c>
    </row>
    <row r="1038" spans="2:13" x14ac:dyDescent="0.45">
      <c r="B1038">
        <v>2980.02072</v>
      </c>
      <c r="C1038">
        <v>110.556197</v>
      </c>
      <c r="D1038">
        <v>2980.02072</v>
      </c>
      <c r="E1038">
        <v>109.264415</v>
      </c>
      <c r="F1038">
        <v>2980.02072</v>
      </c>
      <c r="G1038">
        <v>109.656297</v>
      </c>
      <c r="H1038">
        <v>2980.02072</v>
      </c>
      <c r="I1038">
        <v>108.762843</v>
      </c>
      <c r="J1038">
        <v>2980.02072</v>
      </c>
      <c r="K1038">
        <v>110.40341100000001</v>
      </c>
      <c r="L1038">
        <v>2980.02072</v>
      </c>
      <c r="M1038">
        <v>108.815805</v>
      </c>
    </row>
    <row r="1039" spans="2:13" x14ac:dyDescent="0.45">
      <c r="B1039">
        <v>2981.9495360000001</v>
      </c>
      <c r="C1039">
        <v>110.577111</v>
      </c>
      <c r="D1039">
        <v>2981.9495360000001</v>
      </c>
      <c r="E1039">
        <v>109.212794</v>
      </c>
      <c r="F1039">
        <v>2981.9495360000001</v>
      </c>
      <c r="G1039">
        <v>109.680498</v>
      </c>
      <c r="H1039">
        <v>2981.9495360000001</v>
      </c>
      <c r="I1039">
        <v>108.75532800000001</v>
      </c>
      <c r="J1039">
        <v>2981.9495360000001</v>
      </c>
      <c r="K1039">
        <v>110.436053</v>
      </c>
      <c r="L1039">
        <v>2981.9495360000001</v>
      </c>
      <c r="M1039">
        <v>108.741967</v>
      </c>
    </row>
    <row r="1040" spans="2:13" x14ac:dyDescent="0.45">
      <c r="B1040">
        <v>2983.8783520000002</v>
      </c>
      <c r="C1040">
        <v>110.592522</v>
      </c>
      <c r="D1040">
        <v>2983.8783520000002</v>
      </c>
      <c r="E1040">
        <v>109.19153200000001</v>
      </c>
      <c r="F1040">
        <v>2983.8783520000002</v>
      </c>
      <c r="G1040">
        <v>109.685057</v>
      </c>
      <c r="H1040">
        <v>2983.8783520000002</v>
      </c>
      <c r="I1040">
        <v>108.786306</v>
      </c>
      <c r="J1040">
        <v>2983.8783520000002</v>
      </c>
      <c r="K1040">
        <v>110.336668</v>
      </c>
      <c r="L1040">
        <v>2983.8783520000002</v>
      </c>
      <c r="M1040">
        <v>108.74224100000001</v>
      </c>
    </row>
    <row r="1041" spans="2:13" x14ac:dyDescent="0.45">
      <c r="B1041">
        <v>2985.8071679999998</v>
      </c>
      <c r="C1041">
        <v>110.570269</v>
      </c>
      <c r="D1041">
        <v>2985.8071679999998</v>
      </c>
      <c r="E1041">
        <v>109.153901</v>
      </c>
      <c r="F1041">
        <v>2985.8071679999998</v>
      </c>
      <c r="G1041">
        <v>109.658427</v>
      </c>
      <c r="H1041">
        <v>2985.8071679999998</v>
      </c>
      <c r="I1041">
        <v>108.81181599999999</v>
      </c>
      <c r="J1041">
        <v>2985.8071679999998</v>
      </c>
      <c r="K1041">
        <v>110.28450599999999</v>
      </c>
      <c r="L1041">
        <v>2985.8071679999998</v>
      </c>
      <c r="M1041">
        <v>108.731675</v>
      </c>
    </row>
    <row r="1042" spans="2:13" x14ac:dyDescent="0.45">
      <c r="B1042">
        <v>2987.7359839999999</v>
      </c>
      <c r="C1042">
        <v>110.48655599999999</v>
      </c>
      <c r="D1042">
        <v>2987.7359839999999</v>
      </c>
      <c r="E1042">
        <v>109.158157</v>
      </c>
      <c r="F1042">
        <v>2987.7359839999999</v>
      </c>
      <c r="G1042">
        <v>109.65725399999999</v>
      </c>
      <c r="H1042">
        <v>2987.7359839999999</v>
      </c>
      <c r="I1042">
        <v>108.83144299999999</v>
      </c>
      <c r="J1042">
        <v>2987.7359839999999</v>
      </c>
      <c r="K1042">
        <v>110.28788</v>
      </c>
      <c r="L1042">
        <v>2987.7359839999999</v>
      </c>
      <c r="M1042">
        <v>108.72437600000001</v>
      </c>
    </row>
    <row r="1043" spans="2:13" x14ac:dyDescent="0.45">
      <c r="B1043">
        <v>2989.6648</v>
      </c>
      <c r="C1043">
        <v>110.443467</v>
      </c>
      <c r="D1043">
        <v>2989.6648</v>
      </c>
      <c r="E1043">
        <v>109.20588600000001</v>
      </c>
      <c r="F1043">
        <v>2989.6648</v>
      </c>
      <c r="G1043">
        <v>109.676211</v>
      </c>
      <c r="H1043">
        <v>2989.6648</v>
      </c>
      <c r="I1043">
        <v>108.867221</v>
      </c>
      <c r="J1043">
        <v>2989.6648</v>
      </c>
      <c r="K1043">
        <v>110.325517</v>
      </c>
      <c r="L1043">
        <v>2989.6648</v>
      </c>
      <c r="M1043">
        <v>108.73652800000001</v>
      </c>
    </row>
    <row r="1044" spans="2:13" x14ac:dyDescent="0.45">
      <c r="B1044">
        <v>2991.5936160000001</v>
      </c>
      <c r="C1044">
        <v>110.50510300000001</v>
      </c>
      <c r="D1044">
        <v>2991.5936160000001</v>
      </c>
      <c r="E1044">
        <v>109.224924</v>
      </c>
      <c r="F1044">
        <v>2991.5936160000001</v>
      </c>
      <c r="G1044">
        <v>109.721086</v>
      </c>
      <c r="H1044">
        <v>2991.5936160000001</v>
      </c>
      <c r="I1044">
        <v>108.89590099999999</v>
      </c>
      <c r="J1044">
        <v>2991.5936160000001</v>
      </c>
      <c r="K1044">
        <v>110.412088</v>
      </c>
      <c r="L1044">
        <v>2991.5936160000001</v>
      </c>
      <c r="M1044">
        <v>108.790683</v>
      </c>
    </row>
    <row r="1045" spans="2:13" x14ac:dyDescent="0.45">
      <c r="B1045">
        <v>2993.5224320000002</v>
      </c>
      <c r="C1045">
        <v>110.499708</v>
      </c>
      <c r="D1045">
        <v>2993.5224320000002</v>
      </c>
      <c r="E1045">
        <v>109.234504</v>
      </c>
      <c r="F1045">
        <v>2993.5224320000002</v>
      </c>
      <c r="G1045">
        <v>109.68306800000001</v>
      </c>
      <c r="H1045">
        <v>2993.5224320000002</v>
      </c>
      <c r="I1045">
        <v>108.908298</v>
      </c>
      <c r="J1045">
        <v>2993.5224320000002</v>
      </c>
      <c r="K1045">
        <v>110.40701</v>
      </c>
      <c r="L1045">
        <v>2993.5224320000002</v>
      </c>
      <c r="M1045">
        <v>108.826274</v>
      </c>
    </row>
    <row r="1046" spans="2:13" x14ac:dyDescent="0.45">
      <c r="B1046">
        <v>2995.4512479999999</v>
      </c>
      <c r="C1046">
        <v>110.437929</v>
      </c>
      <c r="D1046">
        <v>2995.4512479999999</v>
      </c>
      <c r="E1046">
        <v>109.252509</v>
      </c>
      <c r="F1046">
        <v>2995.4512479999999</v>
      </c>
      <c r="G1046">
        <v>109.63454900000001</v>
      </c>
      <c r="H1046">
        <v>2995.4512479999999</v>
      </c>
      <c r="I1046">
        <v>108.85968200000001</v>
      </c>
      <c r="J1046">
        <v>2995.4512479999999</v>
      </c>
      <c r="K1046">
        <v>110.366848</v>
      </c>
      <c r="L1046">
        <v>2995.4512479999999</v>
      </c>
      <c r="M1046">
        <v>108.767408</v>
      </c>
    </row>
    <row r="1047" spans="2:13" x14ac:dyDescent="0.45">
      <c r="B1047">
        <v>2997.3800639999999</v>
      </c>
      <c r="C1047">
        <v>110.485001</v>
      </c>
      <c r="D1047">
        <v>2997.3800639999999</v>
      </c>
      <c r="E1047">
        <v>109.21430600000001</v>
      </c>
      <c r="F1047">
        <v>2997.3800639999999</v>
      </c>
      <c r="G1047">
        <v>109.661134</v>
      </c>
      <c r="H1047">
        <v>2997.3800639999999</v>
      </c>
      <c r="I1047">
        <v>108.868993</v>
      </c>
      <c r="J1047">
        <v>2997.3800639999999</v>
      </c>
      <c r="K1047">
        <v>110.327393</v>
      </c>
      <c r="L1047">
        <v>2997.3800639999999</v>
      </c>
      <c r="M1047">
        <v>108.737827</v>
      </c>
    </row>
    <row r="1048" spans="2:13" x14ac:dyDescent="0.45">
      <c r="B1048">
        <v>2999.30888</v>
      </c>
      <c r="C1048">
        <v>110.528802</v>
      </c>
      <c r="D1048">
        <v>2999.30888</v>
      </c>
      <c r="E1048">
        <v>109.190004</v>
      </c>
      <c r="F1048">
        <v>2999.30888</v>
      </c>
      <c r="G1048">
        <v>109.732468</v>
      </c>
      <c r="H1048">
        <v>2999.30888</v>
      </c>
      <c r="I1048">
        <v>108.851449</v>
      </c>
      <c r="J1048">
        <v>2999.30888</v>
      </c>
      <c r="K1048">
        <v>110.27238199999999</v>
      </c>
      <c r="L1048">
        <v>2999.30888</v>
      </c>
      <c r="M1048">
        <v>108.759378</v>
      </c>
    </row>
    <row r="1049" spans="2:13" x14ac:dyDescent="0.45">
      <c r="B1049">
        <v>3001.2376960000001</v>
      </c>
      <c r="C1049">
        <v>110.47407800000001</v>
      </c>
      <c r="D1049">
        <v>3001.2376960000001</v>
      </c>
      <c r="E1049">
        <v>109.163945</v>
      </c>
      <c r="F1049">
        <v>3001.2376960000001</v>
      </c>
      <c r="G1049">
        <v>109.79727800000001</v>
      </c>
      <c r="H1049">
        <v>3001.2376960000001</v>
      </c>
      <c r="I1049">
        <v>108.794274</v>
      </c>
      <c r="J1049">
        <v>3001.2376960000001</v>
      </c>
      <c r="K1049">
        <v>110.256033</v>
      </c>
      <c r="L1049">
        <v>3001.2376960000001</v>
      </c>
      <c r="M1049">
        <v>108.74818399999999</v>
      </c>
    </row>
    <row r="1050" spans="2:13" x14ac:dyDescent="0.45">
      <c r="B1050">
        <v>3003.1665119999998</v>
      </c>
      <c r="C1050">
        <v>110.47213600000001</v>
      </c>
      <c r="D1050">
        <v>3003.1665119999998</v>
      </c>
      <c r="E1050">
        <v>109.17666200000001</v>
      </c>
      <c r="F1050">
        <v>3003.1665119999998</v>
      </c>
      <c r="G1050">
        <v>109.800871</v>
      </c>
      <c r="H1050">
        <v>3003.1665119999998</v>
      </c>
      <c r="I1050">
        <v>108.817286</v>
      </c>
      <c r="J1050">
        <v>3003.1665119999998</v>
      </c>
      <c r="K1050">
        <v>110.30717199999999</v>
      </c>
      <c r="L1050">
        <v>3003.1665119999998</v>
      </c>
      <c r="M1050">
        <v>108.76142299999999</v>
      </c>
    </row>
    <row r="1051" spans="2:13" x14ac:dyDescent="0.45">
      <c r="B1051">
        <v>3005.0953279999999</v>
      </c>
      <c r="C1051">
        <v>110.50985799999999</v>
      </c>
      <c r="D1051">
        <v>3005.0953279999999</v>
      </c>
      <c r="E1051">
        <v>109.210176</v>
      </c>
      <c r="F1051">
        <v>3005.0953279999999</v>
      </c>
      <c r="G1051">
        <v>109.70595900000001</v>
      </c>
      <c r="H1051">
        <v>3005.0953279999999</v>
      </c>
      <c r="I1051">
        <v>108.856064</v>
      </c>
      <c r="J1051">
        <v>3005.0953279999999</v>
      </c>
      <c r="K1051">
        <v>110.299319</v>
      </c>
      <c r="L1051">
        <v>3005.0953279999999</v>
      </c>
      <c r="M1051">
        <v>108.757278</v>
      </c>
    </row>
    <row r="1052" spans="2:13" x14ac:dyDescent="0.45">
      <c r="B1052">
        <v>3007.024144</v>
      </c>
      <c r="C1052">
        <v>110.479052</v>
      </c>
      <c r="D1052">
        <v>3007.024144</v>
      </c>
      <c r="E1052">
        <v>109.234532</v>
      </c>
      <c r="F1052">
        <v>3007.024144</v>
      </c>
      <c r="G1052">
        <v>109.704216</v>
      </c>
      <c r="H1052">
        <v>3007.024144</v>
      </c>
      <c r="I1052">
        <v>108.80879</v>
      </c>
      <c r="J1052">
        <v>3007.024144</v>
      </c>
      <c r="K1052">
        <v>110.269845</v>
      </c>
      <c r="L1052">
        <v>3007.024144</v>
      </c>
      <c r="M1052">
        <v>108.67850300000001</v>
      </c>
    </row>
    <row r="1053" spans="2:13" x14ac:dyDescent="0.45">
      <c r="B1053">
        <v>3008.9529600000001</v>
      </c>
      <c r="C1053">
        <v>110.424792</v>
      </c>
      <c r="D1053">
        <v>3008.9529600000001</v>
      </c>
      <c r="E1053">
        <v>109.252983</v>
      </c>
      <c r="F1053">
        <v>3008.9529600000001</v>
      </c>
      <c r="G1053">
        <v>109.736526</v>
      </c>
      <c r="H1053">
        <v>3008.9529600000001</v>
      </c>
      <c r="I1053">
        <v>108.817105</v>
      </c>
      <c r="J1053">
        <v>3008.9529600000001</v>
      </c>
      <c r="K1053">
        <v>110.305121</v>
      </c>
      <c r="L1053">
        <v>3008.9529600000001</v>
      </c>
      <c r="M1053">
        <v>108.674605</v>
      </c>
    </row>
    <row r="1054" spans="2:13" x14ac:dyDescent="0.45">
      <c r="B1054">
        <v>3010.8817760000002</v>
      </c>
      <c r="C1054">
        <v>110.434389</v>
      </c>
      <c r="D1054">
        <v>3010.8817760000002</v>
      </c>
      <c r="E1054">
        <v>109.21909000000001</v>
      </c>
      <c r="F1054">
        <v>3010.8817760000002</v>
      </c>
      <c r="G1054">
        <v>109.719955</v>
      </c>
      <c r="H1054">
        <v>3010.8817760000002</v>
      </c>
      <c r="I1054">
        <v>108.81744399999999</v>
      </c>
      <c r="J1054">
        <v>3010.8817760000002</v>
      </c>
      <c r="K1054">
        <v>110.349453</v>
      </c>
      <c r="L1054">
        <v>3010.8817760000002</v>
      </c>
      <c r="M1054">
        <v>108.744214</v>
      </c>
    </row>
    <row r="1055" spans="2:13" x14ac:dyDescent="0.45">
      <c r="B1055">
        <v>3012.8105919999998</v>
      </c>
      <c r="C1055">
        <v>110.487776</v>
      </c>
      <c r="D1055">
        <v>3012.8105919999998</v>
      </c>
      <c r="E1055">
        <v>109.17841800000001</v>
      </c>
      <c r="F1055">
        <v>3012.8105919999998</v>
      </c>
      <c r="G1055">
        <v>109.710734</v>
      </c>
      <c r="H1055">
        <v>3012.8105919999998</v>
      </c>
      <c r="I1055">
        <v>108.849931</v>
      </c>
      <c r="J1055">
        <v>3012.8105919999998</v>
      </c>
      <c r="K1055">
        <v>110.353674</v>
      </c>
      <c r="L1055">
        <v>3012.8105919999998</v>
      </c>
      <c r="M1055">
        <v>108.81631400000001</v>
      </c>
    </row>
    <row r="1056" spans="2:13" x14ac:dyDescent="0.45">
      <c r="B1056">
        <v>3014.7394079999999</v>
      </c>
      <c r="C1056">
        <v>110.508808</v>
      </c>
      <c r="D1056">
        <v>3014.7394079999999</v>
      </c>
      <c r="E1056">
        <v>109.165364</v>
      </c>
      <c r="F1056">
        <v>3014.7394079999999</v>
      </c>
      <c r="G1056">
        <v>109.673502</v>
      </c>
      <c r="H1056">
        <v>3014.7394079999999</v>
      </c>
      <c r="I1056">
        <v>108.88628300000001</v>
      </c>
      <c r="J1056">
        <v>3014.7394079999999</v>
      </c>
      <c r="K1056">
        <v>110.35678</v>
      </c>
      <c r="L1056">
        <v>3014.7394079999999</v>
      </c>
      <c r="M1056">
        <v>108.797631</v>
      </c>
    </row>
    <row r="1057" spans="2:13" x14ac:dyDescent="0.45">
      <c r="B1057">
        <v>3016.668224</v>
      </c>
      <c r="C1057">
        <v>110.493351</v>
      </c>
      <c r="D1057">
        <v>3016.668224</v>
      </c>
      <c r="E1057">
        <v>109.178472</v>
      </c>
      <c r="F1057">
        <v>3016.668224</v>
      </c>
      <c r="G1057">
        <v>109.676436</v>
      </c>
      <c r="H1057">
        <v>3016.668224</v>
      </c>
      <c r="I1057">
        <v>108.86066700000001</v>
      </c>
      <c r="J1057">
        <v>3016.668224</v>
      </c>
      <c r="K1057">
        <v>110.354927</v>
      </c>
      <c r="L1057">
        <v>3016.668224</v>
      </c>
      <c r="M1057">
        <v>108.732575</v>
      </c>
    </row>
    <row r="1058" spans="2:13" x14ac:dyDescent="0.45">
      <c r="B1058">
        <v>3018.5970400000001</v>
      </c>
      <c r="C1058">
        <v>110.44966599999999</v>
      </c>
      <c r="D1058">
        <v>3018.5970400000001</v>
      </c>
      <c r="E1058">
        <v>109.134879</v>
      </c>
      <c r="F1058">
        <v>3018.5970400000001</v>
      </c>
      <c r="G1058">
        <v>109.77095199999999</v>
      </c>
      <c r="H1058">
        <v>3018.5970400000001</v>
      </c>
      <c r="I1058">
        <v>108.814295</v>
      </c>
      <c r="J1058">
        <v>3018.5970400000001</v>
      </c>
      <c r="K1058">
        <v>110.30573</v>
      </c>
      <c r="L1058">
        <v>3018.5970400000001</v>
      </c>
      <c r="M1058">
        <v>108.679169</v>
      </c>
    </row>
    <row r="1059" spans="2:13" x14ac:dyDescent="0.45">
      <c r="B1059">
        <v>3020.5258560000002</v>
      </c>
      <c r="C1059">
        <v>110.39366800000001</v>
      </c>
      <c r="D1059">
        <v>3020.5258560000002</v>
      </c>
      <c r="E1059">
        <v>109.07574100000001</v>
      </c>
      <c r="F1059">
        <v>3020.5258560000002</v>
      </c>
      <c r="G1059">
        <v>109.70983200000001</v>
      </c>
      <c r="H1059">
        <v>3020.5258560000002</v>
      </c>
      <c r="I1059">
        <v>108.73358500000001</v>
      </c>
      <c r="J1059">
        <v>3020.5258560000002</v>
      </c>
      <c r="K1059">
        <v>110.246925</v>
      </c>
      <c r="L1059">
        <v>3020.5258560000002</v>
      </c>
      <c r="M1059">
        <v>108.655204</v>
      </c>
    </row>
    <row r="1060" spans="2:13" x14ac:dyDescent="0.45">
      <c r="B1060">
        <v>3022.4546719999998</v>
      </c>
      <c r="C1060">
        <v>110.390666</v>
      </c>
      <c r="D1060">
        <v>3022.4546719999998</v>
      </c>
      <c r="E1060">
        <v>109.01476100000001</v>
      </c>
      <c r="F1060">
        <v>3022.4546719999998</v>
      </c>
      <c r="G1060">
        <v>109.60503300000001</v>
      </c>
      <c r="H1060">
        <v>3022.4546719999998</v>
      </c>
      <c r="I1060">
        <v>108.686224</v>
      </c>
      <c r="J1060">
        <v>3022.4546719999998</v>
      </c>
      <c r="K1060">
        <v>110.21941099999999</v>
      </c>
      <c r="L1060">
        <v>3022.4546719999998</v>
      </c>
      <c r="M1060">
        <v>108.616737</v>
      </c>
    </row>
    <row r="1061" spans="2:13" x14ac:dyDescent="0.45">
      <c r="B1061">
        <v>3024.3834879999999</v>
      </c>
      <c r="C1061">
        <v>110.410445</v>
      </c>
      <c r="D1061">
        <v>3024.3834879999999</v>
      </c>
      <c r="E1061">
        <v>109.04152000000001</v>
      </c>
      <c r="F1061">
        <v>3024.3834879999999</v>
      </c>
      <c r="G1061">
        <v>109.710477</v>
      </c>
      <c r="H1061">
        <v>3024.3834879999999</v>
      </c>
      <c r="I1061">
        <v>108.737419</v>
      </c>
      <c r="J1061">
        <v>3024.3834879999999</v>
      </c>
      <c r="K1061">
        <v>110.193901</v>
      </c>
      <c r="L1061">
        <v>3024.3834879999999</v>
      </c>
      <c r="M1061">
        <v>108.586062</v>
      </c>
    </row>
    <row r="1062" spans="2:13" x14ac:dyDescent="0.45">
      <c r="B1062">
        <v>3026.312304</v>
      </c>
      <c r="C1062">
        <v>110.476429</v>
      </c>
      <c r="D1062">
        <v>3026.312304</v>
      </c>
      <c r="E1062">
        <v>109.021778</v>
      </c>
      <c r="F1062">
        <v>3026.312304</v>
      </c>
      <c r="G1062">
        <v>109.787262</v>
      </c>
      <c r="H1062">
        <v>3026.312304</v>
      </c>
      <c r="I1062">
        <v>108.75179199999999</v>
      </c>
      <c r="J1062">
        <v>3026.312304</v>
      </c>
      <c r="K1062">
        <v>110.24328800000001</v>
      </c>
      <c r="L1062">
        <v>3026.312304</v>
      </c>
      <c r="M1062">
        <v>108.583636</v>
      </c>
    </row>
    <row r="1063" spans="2:13" x14ac:dyDescent="0.45">
      <c r="B1063">
        <v>3028.2411200000001</v>
      </c>
      <c r="C1063">
        <v>110.41169600000001</v>
      </c>
      <c r="D1063">
        <v>3028.2411200000001</v>
      </c>
      <c r="E1063">
        <v>109.039117</v>
      </c>
      <c r="F1063">
        <v>3028.2411200000001</v>
      </c>
      <c r="G1063">
        <v>109.670832</v>
      </c>
      <c r="H1063">
        <v>3028.2411200000001</v>
      </c>
      <c r="I1063">
        <v>108.73464300000001</v>
      </c>
      <c r="J1063">
        <v>3028.2411200000001</v>
      </c>
      <c r="K1063">
        <v>110.260684</v>
      </c>
      <c r="L1063">
        <v>3028.2411200000001</v>
      </c>
      <c r="M1063">
        <v>108.548968</v>
      </c>
    </row>
    <row r="1064" spans="2:13" x14ac:dyDescent="0.45">
      <c r="B1064">
        <v>3030.1699359999998</v>
      </c>
      <c r="C1064">
        <v>110.326182</v>
      </c>
      <c r="D1064">
        <v>3030.1699359999998</v>
      </c>
      <c r="E1064">
        <v>109.095195</v>
      </c>
      <c r="F1064">
        <v>3030.1699359999998</v>
      </c>
      <c r="G1064">
        <v>109.60382</v>
      </c>
      <c r="H1064">
        <v>3030.1699359999998</v>
      </c>
      <c r="I1064">
        <v>108.728919</v>
      </c>
      <c r="J1064">
        <v>3030.1699359999998</v>
      </c>
      <c r="K1064">
        <v>110.263565</v>
      </c>
      <c r="L1064">
        <v>3030.1699359999998</v>
      </c>
      <c r="M1064">
        <v>108.573818</v>
      </c>
    </row>
    <row r="1065" spans="2:13" x14ac:dyDescent="0.45">
      <c r="B1065">
        <v>3032.0987519999999</v>
      </c>
      <c r="C1065">
        <v>110.31058899999999</v>
      </c>
      <c r="D1065">
        <v>3032.0987519999999</v>
      </c>
      <c r="E1065">
        <v>109.10092400000001</v>
      </c>
      <c r="F1065">
        <v>3032.0987519999999</v>
      </c>
      <c r="G1065">
        <v>109.64193</v>
      </c>
      <c r="H1065">
        <v>3032.0987519999999</v>
      </c>
      <c r="I1065">
        <v>108.775614</v>
      </c>
      <c r="J1065">
        <v>3032.0987519999999</v>
      </c>
      <c r="K1065">
        <v>110.275458</v>
      </c>
      <c r="L1065">
        <v>3032.0987519999999</v>
      </c>
      <c r="M1065">
        <v>108.566101</v>
      </c>
    </row>
    <row r="1066" spans="2:13" x14ac:dyDescent="0.45">
      <c r="B1066">
        <v>3034.027568</v>
      </c>
      <c r="C1066">
        <v>110.302238</v>
      </c>
      <c r="D1066">
        <v>3034.027568</v>
      </c>
      <c r="E1066">
        <v>109.070089</v>
      </c>
      <c r="F1066">
        <v>3034.027568</v>
      </c>
      <c r="G1066">
        <v>109.675169</v>
      </c>
      <c r="H1066">
        <v>3034.027568</v>
      </c>
      <c r="I1066">
        <v>108.804818</v>
      </c>
      <c r="J1066">
        <v>3034.027568</v>
      </c>
      <c r="K1066">
        <v>110.251743</v>
      </c>
      <c r="L1066">
        <v>3034.027568</v>
      </c>
      <c r="M1066">
        <v>108.531991</v>
      </c>
    </row>
    <row r="1067" spans="2:13" x14ac:dyDescent="0.45">
      <c r="B1067">
        <v>3035.9563840000001</v>
      </c>
      <c r="C1067">
        <v>110.27741399999999</v>
      </c>
      <c r="D1067">
        <v>3035.9563840000001</v>
      </c>
      <c r="E1067">
        <v>108.973851</v>
      </c>
      <c r="F1067">
        <v>3035.9563840000001</v>
      </c>
      <c r="G1067">
        <v>109.671617</v>
      </c>
      <c r="H1067">
        <v>3035.9563840000001</v>
      </c>
      <c r="I1067">
        <v>108.803264</v>
      </c>
      <c r="J1067">
        <v>3035.9563840000001</v>
      </c>
      <c r="K1067">
        <v>110.188057</v>
      </c>
      <c r="L1067">
        <v>3035.9563840000001</v>
      </c>
      <c r="M1067">
        <v>108.47783099999999</v>
      </c>
    </row>
    <row r="1068" spans="2:13" x14ac:dyDescent="0.45">
      <c r="B1068">
        <v>3037.8852000000002</v>
      </c>
      <c r="C1068">
        <v>110.282414</v>
      </c>
      <c r="D1068">
        <v>3037.8852000000002</v>
      </c>
      <c r="E1068">
        <v>108.891918</v>
      </c>
      <c r="F1068">
        <v>3037.8852000000002</v>
      </c>
      <c r="G1068">
        <v>109.689791</v>
      </c>
      <c r="H1068">
        <v>3037.8852000000002</v>
      </c>
      <c r="I1068">
        <v>108.763738</v>
      </c>
      <c r="J1068">
        <v>3037.8852000000002</v>
      </c>
      <c r="K1068">
        <v>110.166319</v>
      </c>
      <c r="L1068">
        <v>3037.8852000000002</v>
      </c>
      <c r="M1068">
        <v>108.448533</v>
      </c>
    </row>
    <row r="1069" spans="2:13" x14ac:dyDescent="0.45">
      <c r="B1069">
        <v>3039.8140159999998</v>
      </c>
      <c r="C1069">
        <v>110.35251700000001</v>
      </c>
      <c r="D1069">
        <v>3039.8140159999998</v>
      </c>
      <c r="E1069">
        <v>108.949234</v>
      </c>
      <c r="F1069">
        <v>3039.8140159999998</v>
      </c>
      <c r="G1069">
        <v>109.683629</v>
      </c>
      <c r="H1069">
        <v>3039.8140159999998</v>
      </c>
      <c r="I1069">
        <v>108.76802000000001</v>
      </c>
      <c r="J1069">
        <v>3039.8140159999998</v>
      </c>
      <c r="K1069">
        <v>110.161286</v>
      </c>
      <c r="L1069">
        <v>3039.8140159999998</v>
      </c>
      <c r="M1069">
        <v>108.47135400000001</v>
      </c>
    </row>
    <row r="1070" spans="2:13" x14ac:dyDescent="0.45">
      <c r="B1070">
        <v>3041.7428319999999</v>
      </c>
      <c r="C1070">
        <v>110.38605699999999</v>
      </c>
      <c r="D1070">
        <v>3041.7428319999999</v>
      </c>
      <c r="E1070">
        <v>109.039405</v>
      </c>
      <c r="F1070">
        <v>3041.7428319999999</v>
      </c>
      <c r="G1070">
        <v>109.703971</v>
      </c>
      <c r="H1070">
        <v>3041.7428319999999</v>
      </c>
      <c r="I1070">
        <v>108.775734</v>
      </c>
      <c r="J1070">
        <v>3041.7428319999999</v>
      </c>
      <c r="K1070">
        <v>110.139629</v>
      </c>
      <c r="L1070">
        <v>3041.7428319999999</v>
      </c>
      <c r="M1070">
        <v>108.49675999999999</v>
      </c>
    </row>
    <row r="1071" spans="2:13" x14ac:dyDescent="0.45">
      <c r="B1071">
        <v>3043.671648</v>
      </c>
      <c r="C1071">
        <v>110.404213</v>
      </c>
      <c r="D1071">
        <v>3043.671648</v>
      </c>
      <c r="E1071">
        <v>109.081075</v>
      </c>
      <c r="F1071">
        <v>3043.671648</v>
      </c>
      <c r="G1071">
        <v>109.740578</v>
      </c>
      <c r="H1071">
        <v>3043.671648</v>
      </c>
      <c r="I1071">
        <v>108.732843</v>
      </c>
      <c r="J1071">
        <v>3043.671648</v>
      </c>
      <c r="K1071">
        <v>110.204939</v>
      </c>
      <c r="L1071">
        <v>3043.671648</v>
      </c>
      <c r="M1071">
        <v>108.474372</v>
      </c>
    </row>
    <row r="1072" spans="2:13" x14ac:dyDescent="0.45">
      <c r="B1072">
        <v>3045.6004640000001</v>
      </c>
      <c r="C1072">
        <v>110.39312700000001</v>
      </c>
      <c r="D1072">
        <v>3045.6004640000001</v>
      </c>
      <c r="E1072">
        <v>109.02448</v>
      </c>
      <c r="F1072">
        <v>3045.6004640000001</v>
      </c>
      <c r="G1072">
        <v>109.748238</v>
      </c>
      <c r="H1072">
        <v>3045.6004640000001</v>
      </c>
      <c r="I1072">
        <v>108.65154800000001</v>
      </c>
      <c r="J1072">
        <v>3045.6004640000001</v>
      </c>
      <c r="K1072">
        <v>110.28430299999999</v>
      </c>
      <c r="L1072">
        <v>3045.6004640000001</v>
      </c>
      <c r="M1072">
        <v>108.43965</v>
      </c>
    </row>
    <row r="1073" spans="2:13" x14ac:dyDescent="0.45">
      <c r="B1073">
        <v>3047.5292800000002</v>
      </c>
      <c r="C1073">
        <v>110.350221</v>
      </c>
      <c r="D1073">
        <v>3047.5292800000002</v>
      </c>
      <c r="E1073">
        <v>108.958461</v>
      </c>
      <c r="F1073">
        <v>3047.5292800000002</v>
      </c>
      <c r="G1073">
        <v>109.62914600000001</v>
      </c>
      <c r="H1073">
        <v>3047.5292800000002</v>
      </c>
      <c r="I1073">
        <v>108.670236</v>
      </c>
      <c r="J1073">
        <v>3047.5292800000002</v>
      </c>
      <c r="K1073">
        <v>110.20578399999999</v>
      </c>
      <c r="L1073">
        <v>3047.5292800000002</v>
      </c>
      <c r="M1073">
        <v>108.378478</v>
      </c>
    </row>
    <row r="1074" spans="2:13" x14ac:dyDescent="0.45">
      <c r="B1074">
        <v>3049.4580959999998</v>
      </c>
      <c r="C1074">
        <v>110.29853300000001</v>
      </c>
      <c r="D1074">
        <v>3049.4580959999998</v>
      </c>
      <c r="E1074">
        <v>108.96620900000001</v>
      </c>
      <c r="F1074">
        <v>3049.4580959999998</v>
      </c>
      <c r="G1074">
        <v>109.5496</v>
      </c>
      <c r="H1074">
        <v>3049.4580959999998</v>
      </c>
      <c r="I1074">
        <v>108.786035</v>
      </c>
      <c r="J1074">
        <v>3049.4580959999998</v>
      </c>
      <c r="K1074">
        <v>110.121458</v>
      </c>
      <c r="L1074">
        <v>3049.4580959999998</v>
      </c>
      <c r="M1074">
        <v>108.35925899999999</v>
      </c>
    </row>
    <row r="1075" spans="2:13" x14ac:dyDescent="0.45">
      <c r="B1075">
        <v>3051.3869119999999</v>
      </c>
      <c r="C1075">
        <v>110.268411</v>
      </c>
      <c r="D1075">
        <v>3051.3869119999999</v>
      </c>
      <c r="E1075">
        <v>109.0018</v>
      </c>
      <c r="F1075">
        <v>3051.3869119999999</v>
      </c>
      <c r="G1075">
        <v>109.607271</v>
      </c>
      <c r="H1075">
        <v>3051.3869119999999</v>
      </c>
      <c r="I1075">
        <v>108.799863</v>
      </c>
      <c r="J1075">
        <v>3051.3869119999999</v>
      </c>
      <c r="K1075">
        <v>110.06144</v>
      </c>
      <c r="L1075">
        <v>3051.3869119999999</v>
      </c>
      <c r="M1075">
        <v>108.448622</v>
      </c>
    </row>
    <row r="1076" spans="2:13" x14ac:dyDescent="0.45">
      <c r="B1076">
        <v>3053.315728</v>
      </c>
      <c r="C1076">
        <v>110.28650399999999</v>
      </c>
      <c r="D1076">
        <v>3053.315728</v>
      </c>
      <c r="E1076">
        <v>108.99774500000001</v>
      </c>
      <c r="F1076">
        <v>3053.315728</v>
      </c>
      <c r="G1076">
        <v>109.624297</v>
      </c>
      <c r="H1076">
        <v>3053.315728</v>
      </c>
      <c r="I1076">
        <v>108.73192</v>
      </c>
      <c r="J1076">
        <v>3053.315728</v>
      </c>
      <c r="K1076">
        <v>110.07654700000001</v>
      </c>
      <c r="L1076">
        <v>3053.315728</v>
      </c>
      <c r="M1076">
        <v>108.476406</v>
      </c>
    </row>
    <row r="1077" spans="2:13" x14ac:dyDescent="0.45">
      <c r="B1077">
        <v>3055.2445440000001</v>
      </c>
      <c r="C1077">
        <v>110.289788</v>
      </c>
      <c r="D1077">
        <v>3055.2445440000001</v>
      </c>
      <c r="E1077">
        <v>108.976005</v>
      </c>
      <c r="F1077">
        <v>3055.2445440000001</v>
      </c>
      <c r="G1077">
        <v>109.590778</v>
      </c>
      <c r="H1077">
        <v>3055.2445440000001</v>
      </c>
      <c r="I1077">
        <v>108.731244</v>
      </c>
      <c r="J1077">
        <v>3055.2445440000001</v>
      </c>
      <c r="K1077">
        <v>110.133899</v>
      </c>
      <c r="L1077">
        <v>3055.2445440000001</v>
      </c>
      <c r="M1077">
        <v>108.353692</v>
      </c>
    </row>
    <row r="1078" spans="2:13" x14ac:dyDescent="0.45">
      <c r="B1078">
        <v>3057.1733599999998</v>
      </c>
      <c r="C1078">
        <v>110.25761199999999</v>
      </c>
      <c r="D1078">
        <v>3057.1733599999998</v>
      </c>
      <c r="E1078">
        <v>109.023274</v>
      </c>
      <c r="F1078">
        <v>3057.1733599999998</v>
      </c>
      <c r="G1078">
        <v>109.565648</v>
      </c>
      <c r="H1078">
        <v>3057.1733599999998</v>
      </c>
      <c r="I1078">
        <v>108.72391399999999</v>
      </c>
      <c r="J1078">
        <v>3057.1733599999998</v>
      </c>
      <c r="K1078">
        <v>110.124173</v>
      </c>
      <c r="L1078">
        <v>3057.1733599999998</v>
      </c>
      <c r="M1078">
        <v>108.328805</v>
      </c>
    </row>
    <row r="1079" spans="2:13" x14ac:dyDescent="0.45">
      <c r="B1079">
        <v>3059.1021759999999</v>
      </c>
      <c r="C1079">
        <v>110.215017</v>
      </c>
      <c r="D1079">
        <v>3059.1021759999999</v>
      </c>
      <c r="E1079">
        <v>108.99379500000001</v>
      </c>
      <c r="F1079">
        <v>3059.1021759999999</v>
      </c>
      <c r="G1079">
        <v>109.56510900000001</v>
      </c>
      <c r="H1079">
        <v>3059.1021759999999</v>
      </c>
      <c r="I1079">
        <v>108.72873</v>
      </c>
      <c r="J1079">
        <v>3059.1021759999999</v>
      </c>
      <c r="K1079">
        <v>110.10408099999999</v>
      </c>
      <c r="L1079">
        <v>3059.1021759999999</v>
      </c>
      <c r="M1079">
        <v>108.334447</v>
      </c>
    </row>
    <row r="1080" spans="2:13" x14ac:dyDescent="0.45">
      <c r="B1080">
        <v>3061.030992</v>
      </c>
      <c r="C1080">
        <v>110.199274</v>
      </c>
      <c r="D1080">
        <v>3061.030992</v>
      </c>
      <c r="E1080">
        <v>108.90395100000001</v>
      </c>
      <c r="F1080">
        <v>3061.030992</v>
      </c>
      <c r="G1080">
        <v>109.524097</v>
      </c>
      <c r="H1080">
        <v>3061.030992</v>
      </c>
      <c r="I1080">
        <v>108.683972</v>
      </c>
      <c r="J1080">
        <v>3061.030992</v>
      </c>
      <c r="K1080">
        <v>110.069453</v>
      </c>
      <c r="L1080">
        <v>3061.030992</v>
      </c>
      <c r="M1080">
        <v>108.28471999999999</v>
      </c>
    </row>
    <row r="1081" spans="2:13" x14ac:dyDescent="0.45">
      <c r="B1081">
        <v>3062.9598080000001</v>
      </c>
      <c r="C1081">
        <v>110.194653</v>
      </c>
      <c r="D1081">
        <v>3062.9598080000001</v>
      </c>
      <c r="E1081">
        <v>108.886968</v>
      </c>
      <c r="F1081">
        <v>3062.9598080000001</v>
      </c>
      <c r="G1081">
        <v>109.497913</v>
      </c>
      <c r="H1081">
        <v>3062.9598080000001</v>
      </c>
      <c r="I1081">
        <v>108.673689</v>
      </c>
      <c r="J1081">
        <v>3062.9598080000001</v>
      </c>
      <c r="K1081">
        <v>110.030833</v>
      </c>
      <c r="L1081">
        <v>3062.9598080000001</v>
      </c>
      <c r="M1081">
        <v>108.29746299999999</v>
      </c>
    </row>
    <row r="1082" spans="2:13" x14ac:dyDescent="0.45">
      <c r="B1082">
        <v>3064.8886240000002</v>
      </c>
      <c r="C1082">
        <v>110.199471</v>
      </c>
      <c r="D1082">
        <v>3064.8886240000002</v>
      </c>
      <c r="E1082">
        <v>108.869072</v>
      </c>
      <c r="F1082">
        <v>3064.8886240000002</v>
      </c>
      <c r="G1082">
        <v>109.56231699999999</v>
      </c>
      <c r="H1082">
        <v>3064.8886240000002</v>
      </c>
      <c r="I1082">
        <v>108.668926</v>
      </c>
      <c r="J1082">
        <v>3064.8886240000002</v>
      </c>
      <c r="K1082">
        <v>110.024721</v>
      </c>
      <c r="L1082">
        <v>3064.8886240000002</v>
      </c>
      <c r="M1082">
        <v>108.29831900000001</v>
      </c>
    </row>
    <row r="1083" spans="2:13" x14ac:dyDescent="0.45">
      <c r="B1083">
        <v>3066.8174399999998</v>
      </c>
      <c r="C1083">
        <v>110.19614</v>
      </c>
      <c r="D1083">
        <v>3066.8174399999998</v>
      </c>
      <c r="E1083">
        <v>108.851338</v>
      </c>
      <c r="F1083">
        <v>3066.8174399999998</v>
      </c>
      <c r="G1083">
        <v>109.64804700000001</v>
      </c>
      <c r="H1083">
        <v>3066.8174399999998</v>
      </c>
      <c r="I1083">
        <v>108.71665</v>
      </c>
      <c r="J1083">
        <v>3066.8174399999998</v>
      </c>
      <c r="K1083">
        <v>110.023712</v>
      </c>
      <c r="L1083">
        <v>3066.8174399999998</v>
      </c>
      <c r="M1083">
        <v>108.274547</v>
      </c>
    </row>
    <row r="1084" spans="2:13" x14ac:dyDescent="0.45">
      <c r="B1084">
        <v>3068.7462559999999</v>
      </c>
      <c r="C1084">
        <v>110.20451</v>
      </c>
      <c r="D1084">
        <v>3068.7462559999999</v>
      </c>
      <c r="E1084">
        <v>108.822416</v>
      </c>
      <c r="F1084">
        <v>3068.7462559999999</v>
      </c>
      <c r="G1084">
        <v>109.661787</v>
      </c>
      <c r="H1084">
        <v>3068.7462559999999</v>
      </c>
      <c r="I1084">
        <v>108.76172099999999</v>
      </c>
      <c r="J1084">
        <v>3068.7462559999999</v>
      </c>
      <c r="K1084">
        <v>110.089114</v>
      </c>
      <c r="L1084">
        <v>3068.7462559999999</v>
      </c>
      <c r="M1084">
        <v>108.30051899999999</v>
      </c>
    </row>
    <row r="1085" spans="2:13" x14ac:dyDescent="0.45">
      <c r="B1085">
        <v>3070.675072</v>
      </c>
      <c r="C1085">
        <v>110.187872</v>
      </c>
      <c r="D1085">
        <v>3070.675072</v>
      </c>
      <c r="E1085">
        <v>108.78701600000001</v>
      </c>
      <c r="F1085">
        <v>3070.675072</v>
      </c>
      <c r="G1085">
        <v>109.59753600000001</v>
      </c>
      <c r="H1085">
        <v>3070.675072</v>
      </c>
      <c r="I1085">
        <v>108.712023</v>
      </c>
      <c r="J1085">
        <v>3070.675072</v>
      </c>
      <c r="K1085">
        <v>110.07928699999999</v>
      </c>
      <c r="L1085">
        <v>3070.675072</v>
      </c>
      <c r="M1085">
        <v>108.24603999999999</v>
      </c>
    </row>
    <row r="1086" spans="2:13" x14ac:dyDescent="0.45">
      <c r="B1086">
        <v>3072.6038880000001</v>
      </c>
      <c r="C1086">
        <v>110.11935699999999</v>
      </c>
      <c r="D1086">
        <v>3072.6038880000001</v>
      </c>
      <c r="E1086">
        <v>108.807829</v>
      </c>
      <c r="F1086">
        <v>3072.6038880000001</v>
      </c>
      <c r="G1086">
        <v>109.5737</v>
      </c>
      <c r="H1086">
        <v>3072.6038880000001</v>
      </c>
      <c r="I1086">
        <v>108.69065000000001</v>
      </c>
      <c r="J1086">
        <v>3072.6038880000001</v>
      </c>
      <c r="K1086">
        <v>110.035972</v>
      </c>
      <c r="L1086">
        <v>3072.6038880000001</v>
      </c>
      <c r="M1086">
        <v>108.208613</v>
      </c>
    </row>
    <row r="1087" spans="2:13" x14ac:dyDescent="0.45">
      <c r="B1087">
        <v>3074.5327040000002</v>
      </c>
      <c r="C1087">
        <v>110.10262899999999</v>
      </c>
      <c r="D1087">
        <v>3074.5327040000002</v>
      </c>
      <c r="E1087">
        <v>108.869539</v>
      </c>
      <c r="F1087">
        <v>3074.5327040000002</v>
      </c>
      <c r="G1087">
        <v>109.599132</v>
      </c>
      <c r="H1087">
        <v>3074.5327040000002</v>
      </c>
      <c r="I1087">
        <v>108.683137</v>
      </c>
      <c r="J1087">
        <v>3074.5327040000002</v>
      </c>
      <c r="K1087">
        <v>110.03013199999999</v>
      </c>
      <c r="L1087">
        <v>3074.5327040000002</v>
      </c>
      <c r="M1087">
        <v>108.22094800000001</v>
      </c>
    </row>
    <row r="1088" spans="2:13" x14ac:dyDescent="0.45">
      <c r="B1088">
        <v>3076.4615199999998</v>
      </c>
      <c r="C1088">
        <v>110.128968</v>
      </c>
      <c r="D1088">
        <v>3076.4615199999998</v>
      </c>
      <c r="E1088">
        <v>108.90965200000001</v>
      </c>
      <c r="F1088">
        <v>3076.4615199999998</v>
      </c>
      <c r="G1088">
        <v>109.596892</v>
      </c>
      <c r="H1088">
        <v>3076.4615199999998</v>
      </c>
      <c r="I1088">
        <v>108.67609400000001</v>
      </c>
      <c r="J1088">
        <v>3076.4615199999998</v>
      </c>
      <c r="K1088">
        <v>110.08550099999999</v>
      </c>
      <c r="L1088">
        <v>3076.4615199999998</v>
      </c>
      <c r="M1088">
        <v>108.265378</v>
      </c>
    </row>
    <row r="1089" spans="2:13" x14ac:dyDescent="0.45">
      <c r="B1089">
        <v>3078.3903359999999</v>
      </c>
      <c r="C1089">
        <v>110.159195</v>
      </c>
      <c r="D1089">
        <v>3078.3903359999999</v>
      </c>
      <c r="E1089">
        <v>108.94124600000001</v>
      </c>
      <c r="F1089">
        <v>3078.3903359999999</v>
      </c>
      <c r="G1089">
        <v>109.626131</v>
      </c>
      <c r="H1089">
        <v>3078.3903359999999</v>
      </c>
      <c r="I1089">
        <v>108.701542</v>
      </c>
      <c r="J1089">
        <v>3078.3903359999999</v>
      </c>
      <c r="K1089">
        <v>110.06298200000001</v>
      </c>
      <c r="L1089">
        <v>3078.3903359999999</v>
      </c>
      <c r="M1089">
        <v>108.29463200000001</v>
      </c>
    </row>
    <row r="1090" spans="2:13" x14ac:dyDescent="0.45">
      <c r="B1090">
        <v>3080.319152</v>
      </c>
      <c r="C1090">
        <v>110.190044</v>
      </c>
      <c r="D1090">
        <v>3080.319152</v>
      </c>
      <c r="E1090">
        <v>108.940454</v>
      </c>
      <c r="F1090">
        <v>3080.319152</v>
      </c>
      <c r="G1090">
        <v>109.612038</v>
      </c>
      <c r="H1090">
        <v>3080.319152</v>
      </c>
      <c r="I1090">
        <v>108.702018</v>
      </c>
      <c r="J1090">
        <v>3080.319152</v>
      </c>
      <c r="K1090">
        <v>110.05187599999999</v>
      </c>
      <c r="L1090">
        <v>3080.319152</v>
      </c>
      <c r="M1090">
        <v>108.265204</v>
      </c>
    </row>
    <row r="1091" spans="2:13" x14ac:dyDescent="0.45">
      <c r="B1091">
        <v>3082.2479680000001</v>
      </c>
      <c r="C1091">
        <v>110.15930400000001</v>
      </c>
      <c r="D1091">
        <v>3082.2479680000001</v>
      </c>
      <c r="E1091">
        <v>108.89031800000001</v>
      </c>
      <c r="F1091">
        <v>3082.2479680000001</v>
      </c>
      <c r="G1091">
        <v>109.61295800000001</v>
      </c>
      <c r="H1091">
        <v>3082.2479680000001</v>
      </c>
      <c r="I1091">
        <v>108.768563</v>
      </c>
      <c r="J1091">
        <v>3082.2479680000001</v>
      </c>
      <c r="K1091">
        <v>110.047411</v>
      </c>
      <c r="L1091">
        <v>3082.2479680000001</v>
      </c>
      <c r="M1091">
        <v>108.199207</v>
      </c>
    </row>
    <row r="1092" spans="2:13" x14ac:dyDescent="0.45">
      <c r="B1092">
        <v>3084.1767840000002</v>
      </c>
      <c r="C1092">
        <v>110.122703</v>
      </c>
      <c r="D1092">
        <v>3084.1767840000002</v>
      </c>
      <c r="E1092">
        <v>108.810087</v>
      </c>
      <c r="F1092">
        <v>3084.1767840000002</v>
      </c>
      <c r="G1092">
        <v>109.65459799999999</v>
      </c>
      <c r="H1092">
        <v>3084.1767840000002</v>
      </c>
      <c r="I1092">
        <v>108.73847000000001</v>
      </c>
      <c r="J1092">
        <v>3084.1767840000002</v>
      </c>
      <c r="K1092">
        <v>110.04745699999999</v>
      </c>
      <c r="L1092">
        <v>3084.1767840000002</v>
      </c>
      <c r="M1092">
        <v>108.17620700000001</v>
      </c>
    </row>
    <row r="1093" spans="2:13" x14ac:dyDescent="0.45">
      <c r="B1093">
        <v>3086.1055999999999</v>
      </c>
      <c r="C1093">
        <v>110.12872400000001</v>
      </c>
      <c r="D1093">
        <v>3086.1055999999999</v>
      </c>
      <c r="E1093">
        <v>108.794371</v>
      </c>
      <c r="F1093">
        <v>3086.1055999999999</v>
      </c>
      <c r="G1093">
        <v>109.578121</v>
      </c>
      <c r="H1093">
        <v>3086.1055999999999</v>
      </c>
      <c r="I1093">
        <v>108.64569</v>
      </c>
      <c r="J1093">
        <v>3086.1055999999999</v>
      </c>
      <c r="K1093">
        <v>110.053545</v>
      </c>
      <c r="L1093">
        <v>3086.1055999999999</v>
      </c>
      <c r="M1093">
        <v>108.138087</v>
      </c>
    </row>
    <row r="1094" spans="2:13" x14ac:dyDescent="0.45">
      <c r="B1094">
        <v>3088.034416</v>
      </c>
      <c r="C1094">
        <v>110.175122</v>
      </c>
      <c r="D1094">
        <v>3088.034416</v>
      </c>
      <c r="E1094">
        <v>108.83216300000001</v>
      </c>
      <c r="F1094">
        <v>3088.034416</v>
      </c>
      <c r="G1094">
        <v>109.512996</v>
      </c>
      <c r="H1094">
        <v>3088.034416</v>
      </c>
      <c r="I1094">
        <v>108.641063</v>
      </c>
      <c r="J1094">
        <v>3088.034416</v>
      </c>
      <c r="K1094">
        <v>110.05692500000001</v>
      </c>
      <c r="L1094">
        <v>3088.034416</v>
      </c>
      <c r="M1094">
        <v>108.133679</v>
      </c>
    </row>
    <row r="1095" spans="2:13" x14ac:dyDescent="0.45">
      <c r="B1095">
        <v>3089.9632320000001</v>
      </c>
      <c r="C1095">
        <v>110.20828400000001</v>
      </c>
      <c r="D1095">
        <v>3089.9632320000001</v>
      </c>
      <c r="E1095">
        <v>108.87032600000001</v>
      </c>
      <c r="F1095">
        <v>3089.9632320000001</v>
      </c>
      <c r="G1095">
        <v>109.531403</v>
      </c>
      <c r="H1095">
        <v>3089.9632320000001</v>
      </c>
      <c r="I1095">
        <v>108.689351</v>
      </c>
      <c r="J1095">
        <v>3089.9632320000001</v>
      </c>
      <c r="K1095">
        <v>110.033292</v>
      </c>
      <c r="L1095">
        <v>3089.9632320000001</v>
      </c>
      <c r="M1095">
        <v>108.09698</v>
      </c>
    </row>
    <row r="1096" spans="2:13" x14ac:dyDescent="0.45">
      <c r="B1096">
        <v>3091.8920480000002</v>
      </c>
      <c r="C1096">
        <v>110.166934</v>
      </c>
      <c r="D1096">
        <v>3091.8920480000002</v>
      </c>
      <c r="E1096">
        <v>108.861142</v>
      </c>
      <c r="F1096">
        <v>3091.8920480000002</v>
      </c>
      <c r="G1096">
        <v>109.527627</v>
      </c>
      <c r="H1096">
        <v>3091.8920480000002</v>
      </c>
      <c r="I1096">
        <v>108.655355</v>
      </c>
      <c r="J1096">
        <v>3091.8920480000002</v>
      </c>
      <c r="K1096">
        <v>109.96194</v>
      </c>
      <c r="L1096">
        <v>3091.8920480000002</v>
      </c>
      <c r="M1096">
        <v>108.10477</v>
      </c>
    </row>
    <row r="1097" spans="2:13" x14ac:dyDescent="0.45">
      <c r="B1097">
        <v>3093.8208639999998</v>
      </c>
      <c r="C1097">
        <v>110.083555</v>
      </c>
      <c r="D1097">
        <v>3093.8208639999998</v>
      </c>
      <c r="E1097">
        <v>108.826589</v>
      </c>
      <c r="F1097">
        <v>3093.8208639999998</v>
      </c>
      <c r="G1097">
        <v>109.525561</v>
      </c>
      <c r="H1097">
        <v>3093.8208639999998</v>
      </c>
      <c r="I1097">
        <v>108.610658</v>
      </c>
      <c r="J1097">
        <v>3093.8208639999998</v>
      </c>
      <c r="K1097">
        <v>109.934389</v>
      </c>
      <c r="L1097">
        <v>3093.8208639999998</v>
      </c>
      <c r="M1097">
        <v>108.07926399999999</v>
      </c>
    </row>
    <row r="1098" spans="2:13" x14ac:dyDescent="0.45">
      <c r="B1098">
        <v>3095.7496799999999</v>
      </c>
      <c r="C1098">
        <v>110.08210099999999</v>
      </c>
      <c r="D1098">
        <v>3095.7496799999999</v>
      </c>
      <c r="E1098">
        <v>108.80389700000001</v>
      </c>
      <c r="F1098">
        <v>3095.7496799999999</v>
      </c>
      <c r="G1098">
        <v>109.566095</v>
      </c>
      <c r="H1098">
        <v>3095.7496799999999</v>
      </c>
      <c r="I1098">
        <v>108.640451</v>
      </c>
      <c r="J1098">
        <v>3095.7496799999999</v>
      </c>
      <c r="K1098">
        <v>109.924899</v>
      </c>
      <c r="L1098">
        <v>3095.7496799999999</v>
      </c>
      <c r="M1098">
        <v>108.027355</v>
      </c>
    </row>
    <row r="1099" spans="2:13" x14ac:dyDescent="0.45">
      <c r="B1099">
        <v>3097.678496</v>
      </c>
      <c r="C1099">
        <v>110.05176400000001</v>
      </c>
      <c r="D1099">
        <v>3097.678496</v>
      </c>
      <c r="E1099">
        <v>108.822802</v>
      </c>
      <c r="F1099">
        <v>3097.678496</v>
      </c>
      <c r="G1099">
        <v>109.61987000000001</v>
      </c>
      <c r="H1099">
        <v>3097.678496</v>
      </c>
      <c r="I1099">
        <v>108.668583</v>
      </c>
      <c r="J1099">
        <v>3097.678496</v>
      </c>
      <c r="K1099">
        <v>109.895394</v>
      </c>
      <c r="L1099">
        <v>3097.678496</v>
      </c>
      <c r="M1099">
        <v>108.089912</v>
      </c>
    </row>
    <row r="1100" spans="2:13" x14ac:dyDescent="0.45">
      <c r="B1100">
        <v>3099.6073120000001</v>
      </c>
      <c r="C1100">
        <v>110.02919199999999</v>
      </c>
      <c r="D1100">
        <v>3099.6073120000001</v>
      </c>
      <c r="E1100">
        <v>108.89939200000001</v>
      </c>
      <c r="F1100">
        <v>3099.6073120000001</v>
      </c>
      <c r="G1100">
        <v>109.553916</v>
      </c>
      <c r="H1100">
        <v>3099.6073120000001</v>
      </c>
      <c r="I1100">
        <v>108.67175400000001</v>
      </c>
      <c r="J1100">
        <v>3099.6073120000001</v>
      </c>
      <c r="K1100">
        <v>110.01056800000001</v>
      </c>
      <c r="L1100">
        <v>3099.6073120000001</v>
      </c>
      <c r="M1100">
        <v>108.119551</v>
      </c>
    </row>
    <row r="1101" spans="2:13" x14ac:dyDescent="0.45">
      <c r="B1101">
        <v>3101.5361280000002</v>
      </c>
      <c r="C1101">
        <v>109.962997</v>
      </c>
      <c r="D1101">
        <v>3101.5361280000002</v>
      </c>
      <c r="E1101">
        <v>108.858504</v>
      </c>
      <c r="F1101">
        <v>3101.5361280000002</v>
      </c>
      <c r="G1101">
        <v>109.507895</v>
      </c>
      <c r="H1101">
        <v>3101.5361280000002</v>
      </c>
      <c r="I1101">
        <v>108.689235</v>
      </c>
      <c r="J1101">
        <v>3101.5361280000002</v>
      </c>
      <c r="K1101">
        <v>110.016491</v>
      </c>
      <c r="L1101">
        <v>3101.5361280000002</v>
      </c>
      <c r="M1101">
        <v>108.08729700000001</v>
      </c>
    </row>
    <row r="1102" spans="2:13" x14ac:dyDescent="0.45">
      <c r="B1102">
        <v>3103.4649439999998</v>
      </c>
      <c r="C1102">
        <v>109.937076</v>
      </c>
      <c r="D1102">
        <v>3103.4649439999998</v>
      </c>
      <c r="E1102">
        <v>108.79341700000001</v>
      </c>
      <c r="F1102">
        <v>3103.4649439999998</v>
      </c>
      <c r="G1102">
        <v>109.520993</v>
      </c>
      <c r="H1102">
        <v>3103.4649439999998</v>
      </c>
      <c r="I1102">
        <v>108.63462800000001</v>
      </c>
      <c r="J1102">
        <v>3103.4649439999998</v>
      </c>
      <c r="K1102">
        <v>109.97318300000001</v>
      </c>
      <c r="L1102">
        <v>3103.4649439999998</v>
      </c>
      <c r="M1102">
        <v>108.09850900000001</v>
      </c>
    </row>
    <row r="1103" spans="2:13" x14ac:dyDescent="0.45">
      <c r="B1103">
        <v>3105.3937599999999</v>
      </c>
      <c r="C1103">
        <v>109.97590700000001</v>
      </c>
      <c r="D1103">
        <v>3105.3937599999999</v>
      </c>
      <c r="E1103">
        <v>108.791267</v>
      </c>
      <c r="F1103">
        <v>3105.3937599999999</v>
      </c>
      <c r="G1103">
        <v>109.504762</v>
      </c>
      <c r="H1103">
        <v>3105.3937599999999</v>
      </c>
      <c r="I1103">
        <v>108.589108</v>
      </c>
      <c r="J1103">
        <v>3105.3937599999999</v>
      </c>
      <c r="K1103">
        <v>109.997829</v>
      </c>
      <c r="L1103">
        <v>3105.3937599999999</v>
      </c>
      <c r="M1103">
        <v>108.05522499999999</v>
      </c>
    </row>
    <row r="1104" spans="2:13" x14ac:dyDescent="0.45">
      <c r="B1104">
        <v>3107.322576</v>
      </c>
      <c r="C1104">
        <v>109.99885500000001</v>
      </c>
      <c r="D1104">
        <v>3107.322576</v>
      </c>
      <c r="E1104">
        <v>108.81064000000001</v>
      </c>
      <c r="F1104">
        <v>3107.322576</v>
      </c>
      <c r="G1104">
        <v>109.53141100000001</v>
      </c>
      <c r="H1104">
        <v>3107.322576</v>
      </c>
      <c r="I1104">
        <v>108.58432500000001</v>
      </c>
      <c r="J1104">
        <v>3107.322576</v>
      </c>
      <c r="K1104">
        <v>109.998265</v>
      </c>
      <c r="L1104">
        <v>3107.322576</v>
      </c>
      <c r="M1104">
        <v>108.043249</v>
      </c>
    </row>
    <row r="1105" spans="2:13" x14ac:dyDescent="0.45">
      <c r="B1105">
        <v>3109.2513920000001</v>
      </c>
      <c r="C1105">
        <v>109.975685</v>
      </c>
      <c r="D1105">
        <v>3109.2513920000001</v>
      </c>
      <c r="E1105">
        <v>108.727924</v>
      </c>
      <c r="F1105">
        <v>3109.2513920000001</v>
      </c>
      <c r="G1105">
        <v>109.550265</v>
      </c>
      <c r="H1105">
        <v>3109.2513920000001</v>
      </c>
      <c r="I1105">
        <v>108.625162</v>
      </c>
      <c r="J1105">
        <v>3109.2513920000001</v>
      </c>
      <c r="K1105">
        <v>109.975877</v>
      </c>
      <c r="L1105">
        <v>3109.2513920000001</v>
      </c>
      <c r="M1105">
        <v>108.08673400000001</v>
      </c>
    </row>
    <row r="1106" spans="2:13" x14ac:dyDescent="0.45">
      <c r="B1106">
        <v>3111.1802080000002</v>
      </c>
      <c r="C1106">
        <v>109.918763</v>
      </c>
      <c r="D1106">
        <v>3111.1802080000002</v>
      </c>
      <c r="E1106">
        <v>108.66520200000001</v>
      </c>
      <c r="F1106">
        <v>3111.1802080000002</v>
      </c>
      <c r="G1106">
        <v>109.489659</v>
      </c>
      <c r="H1106">
        <v>3111.1802080000002</v>
      </c>
      <c r="I1106">
        <v>108.69932799999999</v>
      </c>
      <c r="J1106">
        <v>3111.1802080000002</v>
      </c>
      <c r="K1106">
        <v>109.94294499999999</v>
      </c>
      <c r="L1106">
        <v>3111.1802080000002</v>
      </c>
      <c r="M1106">
        <v>108.097281</v>
      </c>
    </row>
    <row r="1107" spans="2:13" x14ac:dyDescent="0.45">
      <c r="B1107">
        <v>3113.1090239999999</v>
      </c>
      <c r="C1107">
        <v>109.952958</v>
      </c>
      <c r="D1107">
        <v>3113.1090239999999</v>
      </c>
      <c r="E1107">
        <v>108.70123700000001</v>
      </c>
      <c r="F1107">
        <v>3113.1090239999999</v>
      </c>
      <c r="G1107">
        <v>109.504617</v>
      </c>
      <c r="H1107">
        <v>3113.1090239999999</v>
      </c>
      <c r="I1107">
        <v>108.776202</v>
      </c>
      <c r="J1107">
        <v>3113.1090239999999</v>
      </c>
      <c r="K1107">
        <v>109.919596</v>
      </c>
      <c r="L1107">
        <v>3113.1090239999999</v>
      </c>
      <c r="M1107">
        <v>108.078035</v>
      </c>
    </row>
    <row r="1108" spans="2:13" x14ac:dyDescent="0.45">
      <c r="B1108">
        <v>3115.03784</v>
      </c>
      <c r="C1108">
        <v>109.983374</v>
      </c>
      <c r="D1108">
        <v>3115.03784</v>
      </c>
      <c r="E1108">
        <v>108.752005</v>
      </c>
      <c r="F1108">
        <v>3115.03784</v>
      </c>
      <c r="G1108">
        <v>109.570452</v>
      </c>
      <c r="H1108">
        <v>3115.03784</v>
      </c>
      <c r="I1108">
        <v>108.768094</v>
      </c>
      <c r="J1108">
        <v>3115.03784</v>
      </c>
      <c r="K1108">
        <v>110.009406</v>
      </c>
      <c r="L1108">
        <v>3115.03784</v>
      </c>
      <c r="M1108">
        <v>108.070166</v>
      </c>
    </row>
    <row r="1109" spans="2:13" x14ac:dyDescent="0.45">
      <c r="B1109">
        <v>3116.9666560000001</v>
      </c>
      <c r="C1109">
        <v>109.955259</v>
      </c>
      <c r="D1109">
        <v>3116.9666560000001</v>
      </c>
      <c r="E1109">
        <v>108.761844</v>
      </c>
      <c r="F1109">
        <v>3116.9666560000001</v>
      </c>
      <c r="G1109">
        <v>109.546987</v>
      </c>
      <c r="H1109">
        <v>3116.9666560000001</v>
      </c>
      <c r="I1109">
        <v>108.786751</v>
      </c>
      <c r="J1109">
        <v>3116.9666560000001</v>
      </c>
      <c r="K1109">
        <v>110.022959</v>
      </c>
      <c r="L1109">
        <v>3116.9666560000001</v>
      </c>
      <c r="M1109">
        <v>108.035586</v>
      </c>
    </row>
    <row r="1110" spans="2:13" x14ac:dyDescent="0.45">
      <c r="B1110">
        <v>3118.8954720000002</v>
      </c>
      <c r="C1110">
        <v>110.02616999999999</v>
      </c>
      <c r="D1110">
        <v>3118.8954720000002</v>
      </c>
      <c r="E1110">
        <v>108.76027400000001</v>
      </c>
      <c r="F1110">
        <v>3118.8954720000002</v>
      </c>
      <c r="G1110">
        <v>109.596478</v>
      </c>
      <c r="H1110">
        <v>3118.8954720000002</v>
      </c>
      <c r="I1110">
        <v>108.758394</v>
      </c>
      <c r="J1110">
        <v>3118.8954720000002</v>
      </c>
      <c r="K1110">
        <v>109.921004</v>
      </c>
      <c r="L1110">
        <v>3118.8954720000002</v>
      </c>
      <c r="M1110">
        <v>108.019328</v>
      </c>
    </row>
    <row r="1111" spans="2:13" x14ac:dyDescent="0.45">
      <c r="B1111">
        <v>3120.8242879999998</v>
      </c>
      <c r="C1111">
        <v>110.01774500000001</v>
      </c>
      <c r="D1111">
        <v>3120.8242879999998</v>
      </c>
      <c r="E1111">
        <v>108.716807</v>
      </c>
      <c r="F1111">
        <v>3120.8242879999998</v>
      </c>
      <c r="G1111">
        <v>109.647751</v>
      </c>
      <c r="H1111">
        <v>3120.8242879999998</v>
      </c>
      <c r="I1111">
        <v>108.70119</v>
      </c>
      <c r="J1111">
        <v>3120.8242879999998</v>
      </c>
      <c r="K1111">
        <v>109.83909</v>
      </c>
      <c r="L1111">
        <v>3120.8242879999998</v>
      </c>
      <c r="M1111">
        <v>107.985592</v>
      </c>
    </row>
    <row r="1112" spans="2:13" x14ac:dyDescent="0.45">
      <c r="B1112">
        <v>3122.7531039999999</v>
      </c>
      <c r="C1112">
        <v>109.956129</v>
      </c>
      <c r="D1112">
        <v>3122.7531039999999</v>
      </c>
      <c r="E1112">
        <v>108.621465</v>
      </c>
      <c r="F1112">
        <v>3122.7531039999999</v>
      </c>
      <c r="G1112">
        <v>109.579082</v>
      </c>
      <c r="H1112">
        <v>3122.7531039999999</v>
      </c>
      <c r="I1112">
        <v>108.684226</v>
      </c>
      <c r="J1112">
        <v>3122.7531039999999</v>
      </c>
      <c r="K1112">
        <v>109.896731</v>
      </c>
      <c r="L1112">
        <v>3122.7531039999999</v>
      </c>
      <c r="M1112">
        <v>107.96512</v>
      </c>
    </row>
    <row r="1113" spans="2:13" x14ac:dyDescent="0.45">
      <c r="B1113">
        <v>3124.68192</v>
      </c>
      <c r="C1113">
        <v>109.835098</v>
      </c>
      <c r="D1113">
        <v>3124.68192</v>
      </c>
      <c r="E1113">
        <v>108.602706</v>
      </c>
      <c r="F1113">
        <v>3124.68192</v>
      </c>
      <c r="G1113">
        <v>109.481397</v>
      </c>
      <c r="H1113">
        <v>3124.68192</v>
      </c>
      <c r="I1113">
        <v>108.657939</v>
      </c>
      <c r="J1113">
        <v>3124.68192</v>
      </c>
      <c r="K1113">
        <v>109.977664</v>
      </c>
      <c r="L1113">
        <v>3124.68192</v>
      </c>
      <c r="M1113">
        <v>107.870965</v>
      </c>
    </row>
    <row r="1114" spans="2:13" x14ac:dyDescent="0.45">
      <c r="B1114">
        <v>3126.6107360000001</v>
      </c>
      <c r="C1114">
        <v>109.82279699999999</v>
      </c>
      <c r="D1114">
        <v>3126.6107360000001</v>
      </c>
      <c r="E1114">
        <v>108.624245</v>
      </c>
      <c r="F1114">
        <v>3126.6107360000001</v>
      </c>
      <c r="G1114">
        <v>109.457376</v>
      </c>
      <c r="H1114">
        <v>3126.6107360000001</v>
      </c>
      <c r="I1114">
        <v>108.63749</v>
      </c>
      <c r="J1114">
        <v>3126.6107360000001</v>
      </c>
      <c r="K1114">
        <v>109.8985</v>
      </c>
      <c r="L1114">
        <v>3126.6107360000001</v>
      </c>
      <c r="M1114">
        <v>107.785246</v>
      </c>
    </row>
    <row r="1115" spans="2:13" x14ac:dyDescent="0.45">
      <c r="B1115">
        <v>3128.5395520000002</v>
      </c>
      <c r="C1115">
        <v>109.892312</v>
      </c>
      <c r="D1115">
        <v>3128.5395520000002</v>
      </c>
      <c r="E1115">
        <v>108.654207</v>
      </c>
      <c r="F1115">
        <v>3128.5395520000002</v>
      </c>
      <c r="G1115">
        <v>109.51014499999999</v>
      </c>
      <c r="H1115">
        <v>3128.5395520000002</v>
      </c>
      <c r="I1115">
        <v>108.680206</v>
      </c>
      <c r="J1115">
        <v>3128.5395520000002</v>
      </c>
      <c r="K1115">
        <v>109.87025300000001</v>
      </c>
      <c r="L1115">
        <v>3128.5395520000002</v>
      </c>
      <c r="M1115">
        <v>107.83386299999999</v>
      </c>
    </row>
    <row r="1116" spans="2:13" x14ac:dyDescent="0.45">
      <c r="B1116">
        <v>3130.4683679999998</v>
      </c>
      <c r="C1116">
        <v>109.88409900000001</v>
      </c>
      <c r="D1116">
        <v>3130.4683679999998</v>
      </c>
      <c r="E1116">
        <v>108.708299</v>
      </c>
      <c r="F1116">
        <v>3130.4683679999998</v>
      </c>
      <c r="G1116">
        <v>109.52493800000001</v>
      </c>
      <c r="H1116">
        <v>3130.4683679999998</v>
      </c>
      <c r="I1116">
        <v>108.679525</v>
      </c>
      <c r="J1116">
        <v>3130.4683679999998</v>
      </c>
      <c r="K1116">
        <v>109.91419999999999</v>
      </c>
      <c r="L1116">
        <v>3130.4683679999998</v>
      </c>
      <c r="M1116">
        <v>107.918823</v>
      </c>
    </row>
    <row r="1117" spans="2:13" x14ac:dyDescent="0.45">
      <c r="B1117">
        <v>3132.3971839999999</v>
      </c>
      <c r="C1117">
        <v>109.82814500000001</v>
      </c>
      <c r="D1117">
        <v>3132.3971839999999</v>
      </c>
      <c r="E1117">
        <v>108.642066</v>
      </c>
      <c r="F1117">
        <v>3132.3971839999999</v>
      </c>
      <c r="G1117">
        <v>109.47020000000001</v>
      </c>
      <c r="H1117">
        <v>3132.3971839999999</v>
      </c>
      <c r="I1117">
        <v>108.58308700000001</v>
      </c>
      <c r="J1117">
        <v>3132.3971839999999</v>
      </c>
      <c r="K1117">
        <v>109.87622399999999</v>
      </c>
      <c r="L1117">
        <v>3132.3971839999999</v>
      </c>
      <c r="M1117">
        <v>107.872325</v>
      </c>
    </row>
    <row r="1118" spans="2:13" x14ac:dyDescent="0.45">
      <c r="B1118">
        <v>3134.326</v>
      </c>
      <c r="C1118">
        <v>109.88387400000001</v>
      </c>
      <c r="D1118">
        <v>3134.326</v>
      </c>
      <c r="E1118">
        <v>108.59598100000001</v>
      </c>
      <c r="F1118">
        <v>3134.326</v>
      </c>
      <c r="G1118">
        <v>109.466898</v>
      </c>
      <c r="H1118">
        <v>3134.326</v>
      </c>
      <c r="I1118">
        <v>108.51338</v>
      </c>
      <c r="J1118">
        <v>3134.326</v>
      </c>
      <c r="K1118">
        <v>109.846915</v>
      </c>
      <c r="L1118">
        <v>3134.326</v>
      </c>
      <c r="M1118">
        <v>107.863229</v>
      </c>
    </row>
    <row r="1119" spans="2:13" x14ac:dyDescent="0.45">
      <c r="B1119">
        <v>3136.2548160000001</v>
      </c>
      <c r="C1119">
        <v>109.964591</v>
      </c>
      <c r="D1119">
        <v>3136.2548160000001</v>
      </c>
      <c r="E1119">
        <v>108.61707700000001</v>
      </c>
      <c r="F1119">
        <v>3136.2548160000001</v>
      </c>
      <c r="G1119">
        <v>109.53471</v>
      </c>
      <c r="H1119">
        <v>3136.2548160000001</v>
      </c>
      <c r="I1119">
        <v>108.51531</v>
      </c>
      <c r="J1119">
        <v>3136.2548160000001</v>
      </c>
      <c r="K1119">
        <v>109.875801</v>
      </c>
      <c r="L1119">
        <v>3136.2548160000001</v>
      </c>
      <c r="M1119">
        <v>107.90656300000001</v>
      </c>
    </row>
    <row r="1120" spans="2:13" x14ac:dyDescent="0.45">
      <c r="B1120">
        <v>3138.1836320000002</v>
      </c>
      <c r="C1120">
        <v>110.048761</v>
      </c>
      <c r="D1120">
        <v>3138.1836320000002</v>
      </c>
      <c r="E1120">
        <v>108.67048200000001</v>
      </c>
      <c r="F1120">
        <v>3138.1836320000002</v>
      </c>
      <c r="G1120">
        <v>109.513604</v>
      </c>
      <c r="H1120">
        <v>3138.1836320000002</v>
      </c>
      <c r="I1120">
        <v>108.56348199999999</v>
      </c>
      <c r="J1120">
        <v>3138.1836320000002</v>
      </c>
      <c r="K1120">
        <v>109.87767100000001</v>
      </c>
      <c r="L1120">
        <v>3138.1836320000002</v>
      </c>
      <c r="M1120">
        <v>107.928341</v>
      </c>
    </row>
    <row r="1121" spans="2:13" x14ac:dyDescent="0.45">
      <c r="B1121">
        <v>3140.1124479999999</v>
      </c>
      <c r="C1121">
        <v>110.043499</v>
      </c>
      <c r="D1121">
        <v>3140.1124479999999</v>
      </c>
      <c r="E1121">
        <v>108.638164</v>
      </c>
      <c r="F1121">
        <v>3140.1124479999999</v>
      </c>
      <c r="G1121">
        <v>109.520512</v>
      </c>
      <c r="H1121">
        <v>3140.1124479999999</v>
      </c>
      <c r="I1121">
        <v>108.63663200000001</v>
      </c>
      <c r="J1121">
        <v>3140.1124479999999</v>
      </c>
      <c r="K1121">
        <v>109.886351</v>
      </c>
      <c r="L1121">
        <v>3140.1124479999999</v>
      </c>
      <c r="M1121">
        <v>107.921845</v>
      </c>
    </row>
    <row r="1122" spans="2:13" x14ac:dyDescent="0.45">
      <c r="B1122">
        <v>3142.041264</v>
      </c>
      <c r="C1122">
        <v>109.93764899999999</v>
      </c>
      <c r="D1122">
        <v>3142.041264</v>
      </c>
      <c r="E1122">
        <v>108.575489</v>
      </c>
      <c r="F1122">
        <v>3142.041264</v>
      </c>
      <c r="G1122">
        <v>109.52525900000001</v>
      </c>
      <c r="H1122">
        <v>3142.041264</v>
      </c>
      <c r="I1122">
        <v>108.63371100000001</v>
      </c>
      <c r="J1122">
        <v>3142.041264</v>
      </c>
      <c r="K1122">
        <v>109.848567</v>
      </c>
      <c r="L1122">
        <v>3142.041264</v>
      </c>
      <c r="M1122">
        <v>107.903158</v>
      </c>
    </row>
    <row r="1123" spans="2:13" x14ac:dyDescent="0.45">
      <c r="B1123">
        <v>3143.9700800000001</v>
      </c>
      <c r="C1123">
        <v>109.90046100000001</v>
      </c>
      <c r="D1123">
        <v>3143.9700800000001</v>
      </c>
      <c r="E1123">
        <v>108.601726</v>
      </c>
      <c r="F1123">
        <v>3143.9700800000001</v>
      </c>
      <c r="G1123">
        <v>109.425237</v>
      </c>
      <c r="H1123">
        <v>3143.9700800000001</v>
      </c>
      <c r="I1123">
        <v>108.668604</v>
      </c>
      <c r="J1123">
        <v>3143.9700800000001</v>
      </c>
      <c r="K1123">
        <v>109.732913</v>
      </c>
      <c r="L1123">
        <v>3143.9700800000001</v>
      </c>
      <c r="M1123">
        <v>107.899101</v>
      </c>
    </row>
    <row r="1124" spans="2:13" x14ac:dyDescent="0.45">
      <c r="B1124">
        <v>3145.8988960000001</v>
      </c>
      <c r="C1124">
        <v>109.839341</v>
      </c>
      <c r="D1124">
        <v>3145.8988960000001</v>
      </c>
      <c r="E1124">
        <v>108.61793</v>
      </c>
      <c r="F1124">
        <v>3145.8988960000001</v>
      </c>
      <c r="G1124">
        <v>109.468385</v>
      </c>
      <c r="H1124">
        <v>3145.8988960000001</v>
      </c>
      <c r="I1124">
        <v>108.65415900000001</v>
      </c>
      <c r="J1124">
        <v>3145.8988960000001</v>
      </c>
      <c r="K1124">
        <v>109.724688</v>
      </c>
      <c r="L1124">
        <v>3145.8988960000001</v>
      </c>
      <c r="M1124">
        <v>107.90591999999999</v>
      </c>
    </row>
    <row r="1125" spans="2:13" x14ac:dyDescent="0.45">
      <c r="B1125">
        <v>3147.8277119999998</v>
      </c>
      <c r="C1125">
        <v>109.8152</v>
      </c>
      <c r="D1125">
        <v>3147.8277119999998</v>
      </c>
      <c r="E1125">
        <v>108.59833900000001</v>
      </c>
      <c r="F1125">
        <v>3147.8277119999998</v>
      </c>
      <c r="G1125">
        <v>109.553016</v>
      </c>
      <c r="H1125">
        <v>3147.8277119999998</v>
      </c>
      <c r="I1125">
        <v>108.657461</v>
      </c>
      <c r="J1125">
        <v>3147.8277119999998</v>
      </c>
      <c r="K1125">
        <v>109.797083</v>
      </c>
      <c r="L1125">
        <v>3147.8277119999998</v>
      </c>
      <c r="M1125">
        <v>107.87830200000001</v>
      </c>
    </row>
    <row r="1126" spans="2:13" x14ac:dyDescent="0.45">
      <c r="B1126">
        <v>3149.7565279999999</v>
      </c>
      <c r="C1126">
        <v>109.870563</v>
      </c>
      <c r="D1126">
        <v>3149.7565279999999</v>
      </c>
      <c r="E1126">
        <v>108.56616700000001</v>
      </c>
      <c r="F1126">
        <v>3149.7565279999999</v>
      </c>
      <c r="G1126">
        <v>109.524322</v>
      </c>
      <c r="H1126">
        <v>3149.7565279999999</v>
      </c>
      <c r="I1126">
        <v>108.620228</v>
      </c>
      <c r="J1126">
        <v>3149.7565279999999</v>
      </c>
      <c r="K1126">
        <v>109.812595</v>
      </c>
      <c r="L1126">
        <v>3149.7565279999999</v>
      </c>
      <c r="M1126">
        <v>107.85610699999999</v>
      </c>
    </row>
    <row r="1127" spans="2:13" x14ac:dyDescent="0.45">
      <c r="B1127">
        <v>3151.685344</v>
      </c>
      <c r="C1127">
        <v>109.888277</v>
      </c>
      <c r="D1127">
        <v>3151.685344</v>
      </c>
      <c r="E1127">
        <v>108.569952</v>
      </c>
      <c r="F1127">
        <v>3151.685344</v>
      </c>
      <c r="G1127">
        <v>109.42643</v>
      </c>
      <c r="H1127">
        <v>3151.685344</v>
      </c>
      <c r="I1127">
        <v>108.59356200000001</v>
      </c>
      <c r="J1127">
        <v>3151.685344</v>
      </c>
      <c r="K1127">
        <v>109.831355</v>
      </c>
      <c r="L1127">
        <v>3151.685344</v>
      </c>
      <c r="M1127">
        <v>107.854151</v>
      </c>
    </row>
    <row r="1128" spans="2:13" x14ac:dyDescent="0.45">
      <c r="B1128">
        <v>3153.6141600000001</v>
      </c>
      <c r="C1128">
        <v>109.892723</v>
      </c>
      <c r="D1128">
        <v>3153.6141600000001</v>
      </c>
      <c r="E1128">
        <v>108.642329</v>
      </c>
      <c r="F1128">
        <v>3153.6141600000001</v>
      </c>
      <c r="G1128">
        <v>109.41670499999999</v>
      </c>
      <c r="H1128">
        <v>3153.6141600000001</v>
      </c>
      <c r="I1128">
        <v>108.65339400000001</v>
      </c>
      <c r="J1128">
        <v>3153.6141600000001</v>
      </c>
      <c r="K1128">
        <v>109.85664</v>
      </c>
      <c r="L1128">
        <v>3153.6141600000001</v>
      </c>
      <c r="M1128">
        <v>107.859582</v>
      </c>
    </row>
    <row r="1129" spans="2:13" x14ac:dyDescent="0.45">
      <c r="B1129">
        <v>3155.5429760000002</v>
      </c>
      <c r="C1129">
        <v>109.86476999999999</v>
      </c>
      <c r="D1129">
        <v>3155.5429760000002</v>
      </c>
      <c r="E1129">
        <v>108.59895900000001</v>
      </c>
      <c r="F1129">
        <v>3155.5429760000002</v>
      </c>
      <c r="G1129">
        <v>109.499669</v>
      </c>
      <c r="H1129">
        <v>3155.5429760000002</v>
      </c>
      <c r="I1129">
        <v>108.691937</v>
      </c>
      <c r="J1129">
        <v>3155.5429760000002</v>
      </c>
      <c r="K1129">
        <v>109.803889</v>
      </c>
      <c r="L1129">
        <v>3155.5429760000002</v>
      </c>
      <c r="M1129">
        <v>107.845657</v>
      </c>
    </row>
    <row r="1130" spans="2:13" x14ac:dyDescent="0.45">
      <c r="B1130">
        <v>3157.4717919999998</v>
      </c>
      <c r="C1130">
        <v>109.79650599999999</v>
      </c>
      <c r="D1130">
        <v>3157.4717919999998</v>
      </c>
      <c r="E1130">
        <v>108.50070700000001</v>
      </c>
      <c r="F1130">
        <v>3157.4717919999998</v>
      </c>
      <c r="G1130">
        <v>109.503023</v>
      </c>
      <c r="H1130">
        <v>3157.4717919999998</v>
      </c>
      <c r="I1130">
        <v>108.663679</v>
      </c>
      <c r="J1130">
        <v>3157.4717919999998</v>
      </c>
      <c r="K1130">
        <v>109.794258</v>
      </c>
      <c r="L1130">
        <v>3157.4717919999998</v>
      </c>
      <c r="M1130">
        <v>107.815444</v>
      </c>
    </row>
    <row r="1131" spans="2:13" x14ac:dyDescent="0.45">
      <c r="B1131">
        <v>3159.4006079999999</v>
      </c>
      <c r="C1131">
        <v>109.705854</v>
      </c>
      <c r="D1131">
        <v>3159.4006079999999</v>
      </c>
      <c r="E1131">
        <v>108.473038</v>
      </c>
      <c r="F1131">
        <v>3159.4006079999999</v>
      </c>
      <c r="G1131">
        <v>109.44892900000001</v>
      </c>
      <c r="H1131">
        <v>3159.4006079999999</v>
      </c>
      <c r="I1131">
        <v>108.594314</v>
      </c>
      <c r="J1131">
        <v>3159.4006079999999</v>
      </c>
      <c r="K1131">
        <v>109.793938</v>
      </c>
      <c r="L1131">
        <v>3159.4006079999999</v>
      </c>
      <c r="M1131">
        <v>107.759218</v>
      </c>
    </row>
    <row r="1132" spans="2:13" x14ac:dyDescent="0.45">
      <c r="B1132">
        <v>3161.329424</v>
      </c>
      <c r="C1132">
        <v>109.70898200000001</v>
      </c>
      <c r="D1132">
        <v>3161.329424</v>
      </c>
      <c r="E1132">
        <v>108.518012</v>
      </c>
      <c r="F1132">
        <v>3161.329424</v>
      </c>
      <c r="G1132">
        <v>109.442075</v>
      </c>
      <c r="H1132">
        <v>3161.329424</v>
      </c>
      <c r="I1132">
        <v>108.559743</v>
      </c>
      <c r="J1132">
        <v>3161.329424</v>
      </c>
      <c r="K1132">
        <v>109.707274</v>
      </c>
      <c r="L1132">
        <v>3161.329424</v>
      </c>
      <c r="M1132">
        <v>107.700373</v>
      </c>
    </row>
    <row r="1133" spans="2:13" x14ac:dyDescent="0.45">
      <c r="B1133">
        <v>3163.2582400000001</v>
      </c>
      <c r="C1133">
        <v>109.713595</v>
      </c>
      <c r="D1133">
        <v>3163.2582400000001</v>
      </c>
      <c r="E1133">
        <v>108.578682</v>
      </c>
      <c r="F1133">
        <v>3163.2582400000001</v>
      </c>
      <c r="G1133">
        <v>109.41226399999999</v>
      </c>
      <c r="H1133">
        <v>3163.2582400000001</v>
      </c>
      <c r="I1133">
        <v>108.62296600000001</v>
      </c>
      <c r="J1133">
        <v>3163.2582400000001</v>
      </c>
      <c r="K1133">
        <v>109.678704</v>
      </c>
      <c r="L1133">
        <v>3163.2582400000001</v>
      </c>
      <c r="M1133">
        <v>107.7877</v>
      </c>
    </row>
    <row r="1134" spans="2:13" x14ac:dyDescent="0.45">
      <c r="B1134">
        <v>3165.1870560000002</v>
      </c>
      <c r="C1134">
        <v>109.724895</v>
      </c>
      <c r="D1134">
        <v>3165.1870560000002</v>
      </c>
      <c r="E1134">
        <v>108.557906</v>
      </c>
      <c r="F1134">
        <v>3165.1870560000002</v>
      </c>
      <c r="G1134">
        <v>109.414672</v>
      </c>
      <c r="H1134">
        <v>3165.1870560000002</v>
      </c>
      <c r="I1134">
        <v>108.6208</v>
      </c>
      <c r="J1134">
        <v>3165.1870560000002</v>
      </c>
      <c r="K1134">
        <v>109.680955</v>
      </c>
      <c r="L1134">
        <v>3165.1870560000002</v>
      </c>
      <c r="M1134">
        <v>107.853689</v>
      </c>
    </row>
    <row r="1135" spans="2:13" x14ac:dyDescent="0.45">
      <c r="B1135">
        <v>3167.1158719999999</v>
      </c>
      <c r="C1135">
        <v>109.726286</v>
      </c>
      <c r="D1135">
        <v>3167.1158719999999</v>
      </c>
      <c r="E1135">
        <v>108.47274300000001</v>
      </c>
      <c r="F1135">
        <v>3167.1158719999999</v>
      </c>
      <c r="G1135">
        <v>109.423091</v>
      </c>
      <c r="H1135">
        <v>3167.1158719999999</v>
      </c>
      <c r="I1135">
        <v>108.597487</v>
      </c>
      <c r="J1135">
        <v>3167.1158719999999</v>
      </c>
      <c r="K1135">
        <v>109.70586</v>
      </c>
      <c r="L1135">
        <v>3167.1158719999999</v>
      </c>
      <c r="M1135">
        <v>107.736394</v>
      </c>
    </row>
    <row r="1136" spans="2:13" x14ac:dyDescent="0.45">
      <c r="B1136">
        <v>3169.044688</v>
      </c>
      <c r="C1136">
        <v>109.684794</v>
      </c>
      <c r="D1136">
        <v>3169.044688</v>
      </c>
      <c r="E1136">
        <v>108.452023</v>
      </c>
      <c r="F1136">
        <v>3169.044688</v>
      </c>
      <c r="G1136">
        <v>109.549812</v>
      </c>
      <c r="H1136">
        <v>3169.044688</v>
      </c>
      <c r="I1136">
        <v>108.566067</v>
      </c>
      <c r="J1136">
        <v>3169.044688</v>
      </c>
      <c r="K1136">
        <v>109.679591</v>
      </c>
      <c r="L1136">
        <v>3169.044688</v>
      </c>
      <c r="M1136">
        <v>107.73659600000001</v>
      </c>
    </row>
    <row r="1137" spans="2:13" x14ac:dyDescent="0.45">
      <c r="B1137">
        <v>3170.973504</v>
      </c>
      <c r="C1137">
        <v>109.634282</v>
      </c>
      <c r="D1137">
        <v>3170.973504</v>
      </c>
      <c r="E1137">
        <v>108.450118</v>
      </c>
      <c r="F1137">
        <v>3170.973504</v>
      </c>
      <c r="G1137">
        <v>109.561758</v>
      </c>
      <c r="H1137">
        <v>3170.973504</v>
      </c>
      <c r="I1137">
        <v>108.583726</v>
      </c>
      <c r="J1137">
        <v>3170.973504</v>
      </c>
      <c r="K1137">
        <v>109.69866500000001</v>
      </c>
      <c r="L1137">
        <v>3170.973504</v>
      </c>
      <c r="M1137">
        <v>107.813531</v>
      </c>
    </row>
    <row r="1138" spans="2:13" x14ac:dyDescent="0.45">
      <c r="B1138">
        <v>3172.9023200000001</v>
      </c>
      <c r="C1138">
        <v>109.64530499999999</v>
      </c>
      <c r="D1138">
        <v>3172.9023200000001</v>
      </c>
      <c r="E1138">
        <v>108.425741</v>
      </c>
      <c r="F1138">
        <v>3172.9023200000001</v>
      </c>
      <c r="G1138">
        <v>109.495474</v>
      </c>
      <c r="H1138">
        <v>3172.9023200000001</v>
      </c>
      <c r="I1138">
        <v>108.518688</v>
      </c>
      <c r="J1138">
        <v>3172.9023200000001</v>
      </c>
      <c r="K1138">
        <v>109.71532000000001</v>
      </c>
      <c r="L1138">
        <v>3172.9023200000001</v>
      </c>
      <c r="M1138">
        <v>107.84111900000001</v>
      </c>
    </row>
    <row r="1139" spans="2:13" x14ac:dyDescent="0.45">
      <c r="B1139">
        <v>3174.8311359999998</v>
      </c>
      <c r="C1139">
        <v>109.682265</v>
      </c>
      <c r="D1139">
        <v>3174.8311359999998</v>
      </c>
      <c r="E1139">
        <v>108.412175</v>
      </c>
      <c r="F1139">
        <v>3174.8311359999998</v>
      </c>
      <c r="G1139">
        <v>109.45822800000001</v>
      </c>
      <c r="H1139">
        <v>3174.8311359999998</v>
      </c>
      <c r="I1139">
        <v>108.552164</v>
      </c>
      <c r="J1139">
        <v>3174.8311359999998</v>
      </c>
      <c r="K1139">
        <v>109.65539800000001</v>
      </c>
      <c r="L1139">
        <v>3174.8311359999998</v>
      </c>
      <c r="M1139">
        <v>107.83768499999999</v>
      </c>
    </row>
    <row r="1140" spans="2:13" x14ac:dyDescent="0.45">
      <c r="B1140">
        <v>3176.7599519999999</v>
      </c>
      <c r="C1140">
        <v>109.666881</v>
      </c>
      <c r="D1140">
        <v>3176.7599519999999</v>
      </c>
      <c r="E1140">
        <v>108.44806100000001</v>
      </c>
      <c r="F1140">
        <v>3176.7599519999999</v>
      </c>
      <c r="G1140">
        <v>109.41147100000001</v>
      </c>
      <c r="H1140">
        <v>3176.7599519999999</v>
      </c>
      <c r="I1140">
        <v>108.64649900000001</v>
      </c>
      <c r="J1140">
        <v>3176.7599519999999</v>
      </c>
      <c r="K1140">
        <v>109.617549</v>
      </c>
      <c r="L1140">
        <v>3176.7599519999999</v>
      </c>
      <c r="M1140">
        <v>107.808497</v>
      </c>
    </row>
    <row r="1141" spans="2:13" x14ac:dyDescent="0.45">
      <c r="B1141">
        <v>3178.688768</v>
      </c>
      <c r="C1141">
        <v>109.596813</v>
      </c>
      <c r="D1141">
        <v>3178.688768</v>
      </c>
      <c r="E1141">
        <v>108.44593</v>
      </c>
      <c r="F1141">
        <v>3178.688768</v>
      </c>
      <c r="G1141">
        <v>109.404111</v>
      </c>
      <c r="H1141">
        <v>3178.688768</v>
      </c>
      <c r="I1141">
        <v>108.604607</v>
      </c>
      <c r="J1141">
        <v>3178.688768</v>
      </c>
      <c r="K1141">
        <v>109.660624</v>
      </c>
      <c r="L1141">
        <v>3178.688768</v>
      </c>
      <c r="M1141">
        <v>107.751384</v>
      </c>
    </row>
    <row r="1142" spans="2:13" x14ac:dyDescent="0.45">
      <c r="B1142">
        <v>3180.6175840000001</v>
      </c>
      <c r="C1142">
        <v>109.55998700000001</v>
      </c>
      <c r="D1142">
        <v>3180.6175840000001</v>
      </c>
      <c r="E1142">
        <v>108.490707</v>
      </c>
      <c r="F1142">
        <v>3180.6175840000001</v>
      </c>
      <c r="G1142">
        <v>109.46652899999999</v>
      </c>
      <c r="H1142">
        <v>3180.6175840000001</v>
      </c>
      <c r="I1142">
        <v>108.596129</v>
      </c>
      <c r="J1142">
        <v>3180.6175840000001</v>
      </c>
      <c r="K1142">
        <v>109.67207399999999</v>
      </c>
      <c r="L1142">
        <v>3180.6175840000001</v>
      </c>
      <c r="M1142">
        <v>107.770224</v>
      </c>
    </row>
    <row r="1143" spans="2:13" x14ac:dyDescent="0.45">
      <c r="B1143">
        <v>3182.5464000000002</v>
      </c>
      <c r="C1143">
        <v>109.57703100000001</v>
      </c>
      <c r="D1143">
        <v>3182.5464000000002</v>
      </c>
      <c r="E1143">
        <v>108.581378</v>
      </c>
      <c r="F1143">
        <v>3182.5464000000002</v>
      </c>
      <c r="G1143">
        <v>109.483788</v>
      </c>
      <c r="H1143">
        <v>3182.5464000000002</v>
      </c>
      <c r="I1143">
        <v>108.56417500000001</v>
      </c>
      <c r="J1143">
        <v>3182.5464000000002</v>
      </c>
      <c r="K1143">
        <v>109.65946099999999</v>
      </c>
      <c r="L1143">
        <v>3182.5464000000002</v>
      </c>
      <c r="M1143">
        <v>107.781584</v>
      </c>
    </row>
    <row r="1144" spans="2:13" x14ac:dyDescent="0.45">
      <c r="B1144">
        <v>3184.4752159999998</v>
      </c>
      <c r="C1144">
        <v>109.62273</v>
      </c>
      <c r="D1144">
        <v>3184.4752159999998</v>
      </c>
      <c r="E1144">
        <v>108.552488</v>
      </c>
      <c r="F1144">
        <v>3184.4752159999998</v>
      </c>
      <c r="G1144">
        <v>109.465979</v>
      </c>
      <c r="H1144">
        <v>3184.4752159999998</v>
      </c>
      <c r="I1144">
        <v>108.511009</v>
      </c>
      <c r="J1144">
        <v>3184.4752159999998</v>
      </c>
      <c r="K1144">
        <v>109.659864</v>
      </c>
      <c r="L1144">
        <v>3184.4752159999998</v>
      </c>
      <c r="M1144">
        <v>107.81958899999999</v>
      </c>
    </row>
    <row r="1145" spans="2:13" x14ac:dyDescent="0.45">
      <c r="B1145">
        <v>3186.4040319999999</v>
      </c>
      <c r="C1145">
        <v>109.559865</v>
      </c>
      <c r="D1145">
        <v>3186.4040319999999</v>
      </c>
      <c r="E1145">
        <v>108.485552</v>
      </c>
      <c r="F1145">
        <v>3186.4040319999999</v>
      </c>
      <c r="G1145">
        <v>109.489459</v>
      </c>
      <c r="H1145">
        <v>3186.4040319999999</v>
      </c>
      <c r="I1145">
        <v>108.55789900000001</v>
      </c>
      <c r="J1145">
        <v>3186.4040319999999</v>
      </c>
      <c r="K1145">
        <v>109.668626</v>
      </c>
      <c r="L1145">
        <v>3186.4040319999999</v>
      </c>
      <c r="M1145">
        <v>107.780913</v>
      </c>
    </row>
    <row r="1146" spans="2:13" x14ac:dyDescent="0.45">
      <c r="B1146">
        <v>3188.332848</v>
      </c>
      <c r="C1146">
        <v>109.54128799999999</v>
      </c>
      <c r="D1146">
        <v>3188.332848</v>
      </c>
      <c r="E1146">
        <v>108.445145</v>
      </c>
      <c r="F1146">
        <v>3188.332848</v>
      </c>
      <c r="G1146">
        <v>109.442864</v>
      </c>
      <c r="H1146">
        <v>3188.332848</v>
      </c>
      <c r="I1146">
        <v>108.568828</v>
      </c>
      <c r="J1146">
        <v>3188.332848</v>
      </c>
      <c r="K1146">
        <v>109.67975300000001</v>
      </c>
      <c r="L1146">
        <v>3188.332848</v>
      </c>
      <c r="M1146">
        <v>107.73120900000001</v>
      </c>
    </row>
    <row r="1147" spans="2:13" x14ac:dyDescent="0.45">
      <c r="B1147">
        <v>3190.2616640000001</v>
      </c>
      <c r="C1147">
        <v>109.637111</v>
      </c>
      <c r="D1147">
        <v>3190.2616640000001</v>
      </c>
      <c r="E1147">
        <v>108.449906</v>
      </c>
      <c r="F1147">
        <v>3190.2616640000001</v>
      </c>
      <c r="G1147">
        <v>109.435114</v>
      </c>
      <c r="H1147">
        <v>3190.2616640000001</v>
      </c>
      <c r="I1147">
        <v>108.59160799999999</v>
      </c>
      <c r="J1147">
        <v>3190.2616640000001</v>
      </c>
      <c r="K1147">
        <v>109.704521</v>
      </c>
      <c r="L1147">
        <v>3190.2616640000001</v>
      </c>
      <c r="M1147">
        <v>107.68822</v>
      </c>
    </row>
    <row r="1148" spans="2:13" x14ac:dyDescent="0.45">
      <c r="B1148">
        <v>3192.1904800000002</v>
      </c>
      <c r="C1148">
        <v>109.651267</v>
      </c>
      <c r="D1148">
        <v>3192.1904800000002</v>
      </c>
      <c r="E1148">
        <v>108.462931</v>
      </c>
      <c r="F1148">
        <v>3192.1904800000002</v>
      </c>
      <c r="G1148">
        <v>109.496532</v>
      </c>
      <c r="H1148">
        <v>3192.1904800000002</v>
      </c>
      <c r="I1148">
        <v>108.585661</v>
      </c>
      <c r="J1148">
        <v>3192.1904800000002</v>
      </c>
      <c r="K1148">
        <v>109.63814600000001</v>
      </c>
      <c r="L1148">
        <v>3192.1904800000002</v>
      </c>
      <c r="M1148">
        <v>107.682226</v>
      </c>
    </row>
    <row r="1149" spans="2:13" x14ac:dyDescent="0.45">
      <c r="B1149">
        <v>3194.1192959999998</v>
      </c>
      <c r="C1149">
        <v>109.59348</v>
      </c>
      <c r="D1149">
        <v>3194.1192959999998</v>
      </c>
      <c r="E1149">
        <v>108.38967100000001</v>
      </c>
      <c r="F1149">
        <v>3194.1192959999998</v>
      </c>
      <c r="G1149">
        <v>109.501119</v>
      </c>
      <c r="H1149">
        <v>3194.1192959999998</v>
      </c>
      <c r="I1149">
        <v>108.584896</v>
      </c>
      <c r="J1149">
        <v>3194.1192959999998</v>
      </c>
      <c r="K1149">
        <v>109.581704</v>
      </c>
      <c r="L1149">
        <v>3194.1192959999998</v>
      </c>
      <c r="M1149">
        <v>107.637236</v>
      </c>
    </row>
    <row r="1150" spans="2:13" x14ac:dyDescent="0.45">
      <c r="B1150">
        <v>3196.0481119999999</v>
      </c>
      <c r="C1150">
        <v>109.543561</v>
      </c>
      <c r="D1150">
        <v>3196.0481119999999</v>
      </c>
      <c r="E1150">
        <v>108.33139200000001</v>
      </c>
      <c r="F1150">
        <v>3196.0481119999999</v>
      </c>
      <c r="G1150">
        <v>109.459352</v>
      </c>
      <c r="H1150">
        <v>3196.0481119999999</v>
      </c>
      <c r="I1150">
        <v>108.591264</v>
      </c>
      <c r="J1150">
        <v>3196.0481119999999</v>
      </c>
      <c r="K1150">
        <v>109.577277</v>
      </c>
      <c r="L1150">
        <v>3196.0481119999999</v>
      </c>
      <c r="M1150">
        <v>107.62949500000001</v>
      </c>
    </row>
    <row r="1151" spans="2:13" x14ac:dyDescent="0.45">
      <c r="B1151">
        <v>3197.976928</v>
      </c>
      <c r="C1151">
        <v>109.568242</v>
      </c>
      <c r="D1151">
        <v>3197.976928</v>
      </c>
      <c r="E1151">
        <v>108.343795</v>
      </c>
      <c r="F1151">
        <v>3197.976928</v>
      </c>
      <c r="G1151">
        <v>109.39850800000001</v>
      </c>
      <c r="H1151">
        <v>3197.976928</v>
      </c>
      <c r="I1151">
        <v>108.591515</v>
      </c>
      <c r="J1151">
        <v>3197.976928</v>
      </c>
      <c r="K1151">
        <v>109.577223</v>
      </c>
      <c r="L1151">
        <v>3197.976928</v>
      </c>
      <c r="M1151">
        <v>107.62514899999999</v>
      </c>
    </row>
    <row r="1152" spans="2:13" x14ac:dyDescent="0.45">
      <c r="B1152">
        <v>3199.9057440000001</v>
      </c>
      <c r="C1152">
        <v>109.56862</v>
      </c>
      <c r="D1152">
        <v>3199.9057440000001</v>
      </c>
      <c r="E1152">
        <v>108.391448</v>
      </c>
      <c r="F1152">
        <v>3199.9057440000001</v>
      </c>
      <c r="G1152">
        <v>109.425996</v>
      </c>
      <c r="H1152">
        <v>3199.9057440000001</v>
      </c>
      <c r="I1152">
        <v>108.63595100000001</v>
      </c>
      <c r="J1152">
        <v>3199.9057440000001</v>
      </c>
      <c r="K1152">
        <v>109.581394</v>
      </c>
      <c r="L1152">
        <v>3199.9057440000001</v>
      </c>
      <c r="M1152">
        <v>107.64497299999999</v>
      </c>
    </row>
    <row r="1153" spans="2:13" x14ac:dyDescent="0.45">
      <c r="B1153">
        <v>3201.8345599999998</v>
      </c>
      <c r="C1153">
        <v>109.562174</v>
      </c>
      <c r="D1153">
        <v>3201.8345599999998</v>
      </c>
      <c r="E1153">
        <v>108.377847</v>
      </c>
      <c r="F1153">
        <v>3201.8345599999998</v>
      </c>
      <c r="G1153">
        <v>109.46081599999999</v>
      </c>
      <c r="H1153">
        <v>3201.8345599999998</v>
      </c>
      <c r="I1153">
        <v>108.69523700000001</v>
      </c>
      <c r="J1153">
        <v>3201.8345599999998</v>
      </c>
      <c r="K1153">
        <v>109.614031</v>
      </c>
      <c r="L1153">
        <v>3201.8345599999998</v>
      </c>
      <c r="M1153">
        <v>107.66398100000001</v>
      </c>
    </row>
    <row r="1154" spans="2:13" x14ac:dyDescent="0.45">
      <c r="B1154">
        <v>3203.7633759999999</v>
      </c>
      <c r="C1154">
        <v>109.518278</v>
      </c>
      <c r="D1154">
        <v>3203.7633759999999</v>
      </c>
      <c r="E1154">
        <v>108.383695</v>
      </c>
      <c r="F1154">
        <v>3203.7633759999999</v>
      </c>
      <c r="G1154">
        <v>109.49545999999999</v>
      </c>
      <c r="H1154">
        <v>3203.7633759999999</v>
      </c>
      <c r="I1154">
        <v>108.645788</v>
      </c>
      <c r="J1154">
        <v>3203.7633759999999</v>
      </c>
      <c r="K1154">
        <v>109.63368</v>
      </c>
      <c r="L1154">
        <v>3203.7633759999999</v>
      </c>
      <c r="M1154">
        <v>107.631947</v>
      </c>
    </row>
    <row r="1155" spans="2:13" x14ac:dyDescent="0.45">
      <c r="B1155">
        <v>3205.692192</v>
      </c>
      <c r="C1155">
        <v>109.47912100000001</v>
      </c>
      <c r="D1155">
        <v>3205.692192</v>
      </c>
      <c r="E1155">
        <v>108.413955</v>
      </c>
      <c r="F1155">
        <v>3205.692192</v>
      </c>
      <c r="G1155">
        <v>109.50611000000001</v>
      </c>
      <c r="H1155">
        <v>3205.692192</v>
      </c>
      <c r="I1155">
        <v>108.612841</v>
      </c>
      <c r="J1155">
        <v>3205.692192</v>
      </c>
      <c r="K1155">
        <v>109.599164</v>
      </c>
      <c r="L1155">
        <v>3205.692192</v>
      </c>
      <c r="M1155">
        <v>107.606298</v>
      </c>
    </row>
    <row r="1156" spans="2:13" x14ac:dyDescent="0.45">
      <c r="B1156">
        <v>3207.6210080000001</v>
      </c>
      <c r="C1156">
        <v>109.50978499999999</v>
      </c>
      <c r="D1156">
        <v>3207.6210080000001</v>
      </c>
      <c r="E1156">
        <v>108.440676</v>
      </c>
      <c r="F1156">
        <v>3207.6210080000001</v>
      </c>
      <c r="G1156">
        <v>109.45804</v>
      </c>
      <c r="H1156">
        <v>3207.6210080000001</v>
      </c>
      <c r="I1156">
        <v>108.552166</v>
      </c>
      <c r="J1156">
        <v>3207.6210080000001</v>
      </c>
      <c r="K1156">
        <v>109.614546</v>
      </c>
      <c r="L1156">
        <v>3207.6210080000001</v>
      </c>
      <c r="M1156">
        <v>107.624764</v>
      </c>
    </row>
    <row r="1157" spans="2:13" x14ac:dyDescent="0.45">
      <c r="B1157">
        <v>3209.5498240000002</v>
      </c>
      <c r="C1157">
        <v>109.561302</v>
      </c>
      <c r="D1157">
        <v>3209.5498240000002</v>
      </c>
      <c r="E1157">
        <v>108.46826</v>
      </c>
      <c r="F1157">
        <v>3209.5498240000002</v>
      </c>
      <c r="G1157">
        <v>109.450283</v>
      </c>
      <c r="H1157">
        <v>3209.5498240000002</v>
      </c>
      <c r="I1157">
        <v>108.552031</v>
      </c>
      <c r="J1157">
        <v>3209.5498240000002</v>
      </c>
      <c r="K1157">
        <v>109.613953</v>
      </c>
      <c r="L1157">
        <v>3209.5498240000002</v>
      </c>
      <c r="M1157">
        <v>107.65170000000001</v>
      </c>
    </row>
    <row r="1158" spans="2:13" x14ac:dyDescent="0.45">
      <c r="B1158">
        <v>3211.4786399999998</v>
      </c>
      <c r="C1158">
        <v>109.514825</v>
      </c>
      <c r="D1158">
        <v>3211.4786399999998</v>
      </c>
      <c r="E1158">
        <v>108.440898</v>
      </c>
      <c r="F1158">
        <v>3211.4786399999998</v>
      </c>
      <c r="G1158">
        <v>109.557293</v>
      </c>
      <c r="H1158">
        <v>3211.4786399999998</v>
      </c>
      <c r="I1158">
        <v>108.618317</v>
      </c>
      <c r="J1158">
        <v>3211.4786399999998</v>
      </c>
      <c r="K1158">
        <v>109.609644</v>
      </c>
      <c r="L1158">
        <v>3211.4786399999998</v>
      </c>
      <c r="M1158">
        <v>107.63618</v>
      </c>
    </row>
    <row r="1159" spans="2:13" x14ac:dyDescent="0.45">
      <c r="B1159">
        <v>3213.4074559999999</v>
      </c>
      <c r="C1159">
        <v>109.464033</v>
      </c>
      <c r="D1159">
        <v>3213.4074559999999</v>
      </c>
      <c r="E1159">
        <v>108.41575400000001</v>
      </c>
      <c r="F1159">
        <v>3213.4074559999999</v>
      </c>
      <c r="G1159">
        <v>109.52865799999999</v>
      </c>
      <c r="H1159">
        <v>3213.4074559999999</v>
      </c>
      <c r="I1159">
        <v>108.644994</v>
      </c>
      <c r="J1159">
        <v>3213.4074559999999</v>
      </c>
      <c r="K1159">
        <v>109.64241800000001</v>
      </c>
      <c r="L1159">
        <v>3213.4074559999999</v>
      </c>
      <c r="M1159">
        <v>107.566474</v>
      </c>
    </row>
    <row r="1160" spans="2:13" x14ac:dyDescent="0.45">
      <c r="B1160">
        <v>3215.336272</v>
      </c>
      <c r="C1160">
        <v>109.46021500000001</v>
      </c>
      <c r="D1160">
        <v>3215.336272</v>
      </c>
      <c r="E1160">
        <v>108.450996</v>
      </c>
      <c r="F1160">
        <v>3215.336272</v>
      </c>
      <c r="G1160">
        <v>109.416838</v>
      </c>
      <c r="H1160">
        <v>3215.336272</v>
      </c>
      <c r="I1160">
        <v>108.63409900000001</v>
      </c>
      <c r="J1160">
        <v>3215.336272</v>
      </c>
      <c r="K1160">
        <v>109.651946</v>
      </c>
      <c r="L1160">
        <v>3215.336272</v>
      </c>
      <c r="M1160">
        <v>107.543902</v>
      </c>
    </row>
    <row r="1161" spans="2:13" x14ac:dyDescent="0.45">
      <c r="B1161">
        <v>3217.2650880000001</v>
      </c>
      <c r="C1161">
        <v>109.447647</v>
      </c>
      <c r="D1161">
        <v>3217.2650880000001</v>
      </c>
      <c r="E1161">
        <v>108.468625</v>
      </c>
      <c r="F1161">
        <v>3217.2650880000001</v>
      </c>
      <c r="G1161">
        <v>109.414182</v>
      </c>
      <c r="H1161">
        <v>3217.2650880000001</v>
      </c>
      <c r="I1161">
        <v>108.66642400000001</v>
      </c>
      <c r="J1161">
        <v>3217.2650880000001</v>
      </c>
      <c r="K1161">
        <v>109.591263</v>
      </c>
      <c r="L1161">
        <v>3217.2650880000001</v>
      </c>
      <c r="M1161">
        <v>107.53312200000001</v>
      </c>
    </row>
    <row r="1162" spans="2:13" x14ac:dyDescent="0.45">
      <c r="B1162">
        <v>3219.1939040000002</v>
      </c>
      <c r="C1162">
        <v>109.544055</v>
      </c>
      <c r="D1162">
        <v>3219.1939040000002</v>
      </c>
      <c r="E1162">
        <v>108.500895</v>
      </c>
      <c r="F1162">
        <v>3219.1939040000002</v>
      </c>
      <c r="G1162">
        <v>109.444278</v>
      </c>
      <c r="H1162">
        <v>3219.1939040000002</v>
      </c>
      <c r="I1162">
        <v>108.602895</v>
      </c>
      <c r="J1162">
        <v>3219.1939040000002</v>
      </c>
      <c r="K1162">
        <v>109.614682</v>
      </c>
      <c r="L1162">
        <v>3219.1939040000002</v>
      </c>
      <c r="M1162">
        <v>107.564953</v>
      </c>
    </row>
    <row r="1163" spans="2:13" x14ac:dyDescent="0.45">
      <c r="B1163">
        <v>3221.1227199999998</v>
      </c>
      <c r="C1163">
        <v>109.547596</v>
      </c>
      <c r="D1163">
        <v>3221.1227199999998</v>
      </c>
      <c r="E1163">
        <v>108.503033</v>
      </c>
      <c r="F1163">
        <v>3221.1227199999998</v>
      </c>
      <c r="G1163">
        <v>109.420647</v>
      </c>
      <c r="H1163">
        <v>3221.1227199999998</v>
      </c>
      <c r="I1163">
        <v>108.548402</v>
      </c>
      <c r="J1163">
        <v>3221.1227199999998</v>
      </c>
      <c r="K1163">
        <v>109.670804</v>
      </c>
      <c r="L1163">
        <v>3221.1227199999998</v>
      </c>
      <c r="M1163">
        <v>107.558144</v>
      </c>
    </row>
    <row r="1164" spans="2:13" x14ac:dyDescent="0.45">
      <c r="B1164">
        <v>3223.0515359999999</v>
      </c>
      <c r="C1164">
        <v>109.471824</v>
      </c>
      <c r="D1164">
        <v>3223.0515359999999</v>
      </c>
      <c r="E1164">
        <v>108.462851</v>
      </c>
      <c r="F1164">
        <v>3223.0515359999999</v>
      </c>
      <c r="G1164">
        <v>109.410408</v>
      </c>
      <c r="H1164">
        <v>3223.0515359999999</v>
      </c>
      <c r="I1164">
        <v>108.53447300000001</v>
      </c>
      <c r="J1164">
        <v>3223.0515359999999</v>
      </c>
      <c r="K1164">
        <v>109.630993</v>
      </c>
      <c r="L1164">
        <v>3223.0515359999999</v>
      </c>
      <c r="M1164">
        <v>107.52486</v>
      </c>
    </row>
    <row r="1165" spans="2:13" x14ac:dyDescent="0.45">
      <c r="B1165">
        <v>3224.980352</v>
      </c>
      <c r="C1165">
        <v>109.432331</v>
      </c>
      <c r="D1165">
        <v>3224.980352</v>
      </c>
      <c r="E1165">
        <v>108.48111300000001</v>
      </c>
      <c r="F1165">
        <v>3224.980352</v>
      </c>
      <c r="G1165">
        <v>109.36750600000001</v>
      </c>
      <c r="H1165">
        <v>3224.980352</v>
      </c>
      <c r="I1165">
        <v>108.57714900000001</v>
      </c>
      <c r="J1165">
        <v>3224.980352</v>
      </c>
      <c r="K1165">
        <v>109.63206099999999</v>
      </c>
      <c r="L1165">
        <v>3224.980352</v>
      </c>
      <c r="M1165">
        <v>107.56137</v>
      </c>
    </row>
    <row r="1166" spans="2:13" x14ac:dyDescent="0.45">
      <c r="B1166">
        <v>3226.9091680000001</v>
      </c>
      <c r="C1166">
        <v>109.478863</v>
      </c>
      <c r="D1166">
        <v>3226.9091680000001</v>
      </c>
      <c r="E1166">
        <v>108.477344</v>
      </c>
      <c r="F1166">
        <v>3226.9091680000001</v>
      </c>
      <c r="G1166">
        <v>109.344314</v>
      </c>
      <c r="H1166">
        <v>3226.9091680000001</v>
      </c>
      <c r="I1166">
        <v>108.597521</v>
      </c>
      <c r="J1166">
        <v>3226.9091680000001</v>
      </c>
      <c r="K1166">
        <v>109.617863</v>
      </c>
      <c r="L1166">
        <v>3226.9091680000001</v>
      </c>
      <c r="M1166">
        <v>107.57798699999999</v>
      </c>
    </row>
    <row r="1167" spans="2:13" x14ac:dyDescent="0.45">
      <c r="B1167">
        <v>3228.8379839999998</v>
      </c>
      <c r="C1167">
        <v>109.45273400000001</v>
      </c>
      <c r="D1167">
        <v>3228.8379839999998</v>
      </c>
      <c r="E1167">
        <v>108.42436600000001</v>
      </c>
      <c r="F1167">
        <v>3228.8379839999998</v>
      </c>
      <c r="G1167">
        <v>109.47189</v>
      </c>
      <c r="H1167">
        <v>3228.8379839999998</v>
      </c>
      <c r="I1167">
        <v>108.64763000000001</v>
      </c>
      <c r="J1167">
        <v>3228.8379839999998</v>
      </c>
      <c r="K1167">
        <v>109.58511300000001</v>
      </c>
      <c r="L1167">
        <v>3228.8379839999998</v>
      </c>
      <c r="M1167">
        <v>107.534814</v>
      </c>
    </row>
    <row r="1168" spans="2:13" x14ac:dyDescent="0.45">
      <c r="B1168">
        <v>3230.7667999999999</v>
      </c>
      <c r="C1168">
        <v>109.407068</v>
      </c>
      <c r="D1168">
        <v>3230.7667999999999</v>
      </c>
      <c r="E1168">
        <v>108.411034</v>
      </c>
      <c r="F1168">
        <v>3230.7667999999999</v>
      </c>
      <c r="G1168">
        <v>109.53814</v>
      </c>
      <c r="H1168">
        <v>3230.7667999999999</v>
      </c>
      <c r="I1168">
        <v>108.608024</v>
      </c>
      <c r="J1168">
        <v>3230.7667999999999</v>
      </c>
      <c r="K1168">
        <v>109.568889</v>
      </c>
      <c r="L1168">
        <v>3230.7667999999999</v>
      </c>
      <c r="M1168">
        <v>107.580594</v>
      </c>
    </row>
    <row r="1169" spans="2:13" x14ac:dyDescent="0.45">
      <c r="B1169">
        <v>3232.695616</v>
      </c>
      <c r="C1169">
        <v>109.46632099999999</v>
      </c>
      <c r="D1169">
        <v>3232.695616</v>
      </c>
      <c r="E1169">
        <v>108.465777</v>
      </c>
      <c r="F1169">
        <v>3232.695616</v>
      </c>
      <c r="G1169">
        <v>109.477519</v>
      </c>
      <c r="H1169">
        <v>3232.695616</v>
      </c>
      <c r="I1169">
        <v>108.67126399999999</v>
      </c>
      <c r="J1169">
        <v>3232.695616</v>
      </c>
      <c r="K1169">
        <v>109.61707699999999</v>
      </c>
      <c r="L1169">
        <v>3232.695616</v>
      </c>
      <c r="M1169">
        <v>107.63276999999999</v>
      </c>
    </row>
    <row r="1170" spans="2:13" x14ac:dyDescent="0.45">
      <c r="B1170">
        <v>3234.6244320000001</v>
      </c>
      <c r="C1170">
        <v>109.416067</v>
      </c>
      <c r="D1170">
        <v>3234.6244320000001</v>
      </c>
      <c r="E1170">
        <v>108.456829</v>
      </c>
      <c r="F1170">
        <v>3234.6244320000001</v>
      </c>
      <c r="G1170">
        <v>109.42313300000001</v>
      </c>
      <c r="H1170">
        <v>3234.6244320000001</v>
      </c>
      <c r="I1170">
        <v>108.781661</v>
      </c>
      <c r="J1170">
        <v>3234.6244320000001</v>
      </c>
      <c r="K1170">
        <v>109.71692</v>
      </c>
      <c r="L1170">
        <v>3234.6244320000001</v>
      </c>
      <c r="M1170">
        <v>107.638924</v>
      </c>
    </row>
    <row r="1171" spans="2:13" x14ac:dyDescent="0.45">
      <c r="B1171">
        <v>3236.5532480000002</v>
      </c>
      <c r="C1171">
        <v>109.34334200000001</v>
      </c>
      <c r="D1171">
        <v>3236.5532480000002</v>
      </c>
      <c r="E1171">
        <v>108.39780500000001</v>
      </c>
      <c r="F1171">
        <v>3236.5532480000002</v>
      </c>
      <c r="G1171">
        <v>109.436162</v>
      </c>
      <c r="H1171">
        <v>3236.5532480000002</v>
      </c>
      <c r="I1171">
        <v>108.729642</v>
      </c>
      <c r="J1171">
        <v>3236.5532480000002</v>
      </c>
      <c r="K1171">
        <v>109.68450799999999</v>
      </c>
      <c r="L1171">
        <v>3236.5532480000002</v>
      </c>
      <c r="M1171">
        <v>107.584678</v>
      </c>
    </row>
    <row r="1172" spans="2:13" x14ac:dyDescent="0.45">
      <c r="B1172">
        <v>3238.4820639999998</v>
      </c>
      <c r="C1172">
        <v>109.338505</v>
      </c>
      <c r="D1172">
        <v>3238.4820639999998</v>
      </c>
      <c r="E1172">
        <v>108.42388200000001</v>
      </c>
      <c r="F1172">
        <v>3238.4820639999998</v>
      </c>
      <c r="G1172">
        <v>109.436879</v>
      </c>
      <c r="H1172">
        <v>3238.4820639999998</v>
      </c>
      <c r="I1172">
        <v>108.61118399999999</v>
      </c>
      <c r="J1172">
        <v>3238.4820639999998</v>
      </c>
      <c r="K1172">
        <v>109.588205</v>
      </c>
      <c r="L1172">
        <v>3238.4820639999998</v>
      </c>
      <c r="M1172">
        <v>107.50001399999999</v>
      </c>
    </row>
    <row r="1173" spans="2:13" x14ac:dyDescent="0.45">
      <c r="B1173">
        <v>3240.4108799999999</v>
      </c>
      <c r="C1173">
        <v>109.369674</v>
      </c>
      <c r="D1173">
        <v>3240.4108799999999</v>
      </c>
      <c r="E1173">
        <v>108.397643</v>
      </c>
      <c r="F1173">
        <v>3240.4108799999999</v>
      </c>
      <c r="G1173">
        <v>109.47131</v>
      </c>
      <c r="H1173">
        <v>3240.4108799999999</v>
      </c>
      <c r="I1173">
        <v>108.651955</v>
      </c>
      <c r="J1173">
        <v>3240.4108799999999</v>
      </c>
      <c r="K1173">
        <v>109.55768399999999</v>
      </c>
      <c r="L1173">
        <v>3240.4108799999999</v>
      </c>
      <c r="M1173">
        <v>107.449848</v>
      </c>
    </row>
    <row r="1174" spans="2:13" x14ac:dyDescent="0.45">
      <c r="B1174">
        <v>3242.339696</v>
      </c>
      <c r="C1174">
        <v>109.419676</v>
      </c>
      <c r="D1174">
        <v>3242.339696</v>
      </c>
      <c r="E1174">
        <v>108.356516</v>
      </c>
      <c r="F1174">
        <v>3242.339696</v>
      </c>
      <c r="G1174">
        <v>109.41924400000001</v>
      </c>
      <c r="H1174">
        <v>3242.339696</v>
      </c>
      <c r="I1174">
        <v>108.693083</v>
      </c>
      <c r="J1174">
        <v>3242.339696</v>
      </c>
      <c r="K1174">
        <v>109.546054</v>
      </c>
      <c r="L1174">
        <v>3242.339696</v>
      </c>
      <c r="M1174">
        <v>107.49949700000001</v>
      </c>
    </row>
    <row r="1175" spans="2:13" x14ac:dyDescent="0.45">
      <c r="B1175">
        <v>3244.2685120000001</v>
      </c>
      <c r="C1175">
        <v>109.385577</v>
      </c>
      <c r="D1175">
        <v>3244.2685120000001</v>
      </c>
      <c r="E1175">
        <v>108.344351</v>
      </c>
      <c r="F1175">
        <v>3244.2685120000001</v>
      </c>
      <c r="G1175">
        <v>109.390272</v>
      </c>
      <c r="H1175">
        <v>3244.2685120000001</v>
      </c>
      <c r="I1175">
        <v>108.652736</v>
      </c>
      <c r="J1175">
        <v>3244.2685120000001</v>
      </c>
      <c r="K1175">
        <v>109.487436</v>
      </c>
      <c r="L1175">
        <v>3244.2685120000001</v>
      </c>
      <c r="M1175">
        <v>107.516656</v>
      </c>
    </row>
    <row r="1176" spans="2:13" x14ac:dyDescent="0.45">
      <c r="B1176">
        <v>3246.1973280000002</v>
      </c>
      <c r="C1176">
        <v>109.371993</v>
      </c>
      <c r="D1176">
        <v>3246.1973280000002</v>
      </c>
      <c r="E1176">
        <v>108.34319600000001</v>
      </c>
      <c r="F1176">
        <v>3246.1973280000002</v>
      </c>
      <c r="G1176">
        <v>109.46426599999999</v>
      </c>
      <c r="H1176">
        <v>3246.1973280000002</v>
      </c>
      <c r="I1176">
        <v>108.62588599999999</v>
      </c>
      <c r="J1176">
        <v>3246.1973280000002</v>
      </c>
      <c r="K1176">
        <v>109.489608</v>
      </c>
      <c r="L1176">
        <v>3246.1973280000002</v>
      </c>
      <c r="M1176">
        <v>107.52639499999999</v>
      </c>
    </row>
    <row r="1177" spans="2:13" x14ac:dyDescent="0.45">
      <c r="B1177">
        <v>3248.1261439999998</v>
      </c>
      <c r="C1177">
        <v>109.3836</v>
      </c>
      <c r="D1177">
        <v>3248.1261439999998</v>
      </c>
      <c r="E1177">
        <v>108.330262</v>
      </c>
      <c r="F1177">
        <v>3248.1261439999998</v>
      </c>
      <c r="G1177">
        <v>109.44725800000001</v>
      </c>
      <c r="H1177">
        <v>3248.1261439999998</v>
      </c>
      <c r="I1177">
        <v>108.632204</v>
      </c>
      <c r="J1177">
        <v>3248.1261439999998</v>
      </c>
      <c r="K1177">
        <v>109.60585500000001</v>
      </c>
      <c r="L1177">
        <v>3248.1261439999998</v>
      </c>
      <c r="M1177">
        <v>107.51710300000001</v>
      </c>
    </row>
    <row r="1178" spans="2:13" x14ac:dyDescent="0.45">
      <c r="B1178">
        <v>3250.0549599999999</v>
      </c>
      <c r="C1178">
        <v>109.342038</v>
      </c>
      <c r="D1178">
        <v>3250.0549599999999</v>
      </c>
      <c r="E1178">
        <v>108.37451300000001</v>
      </c>
      <c r="F1178">
        <v>3250.0549599999999</v>
      </c>
      <c r="G1178">
        <v>109.418145</v>
      </c>
      <c r="H1178">
        <v>3250.0549599999999</v>
      </c>
      <c r="I1178">
        <v>108.576887</v>
      </c>
      <c r="J1178">
        <v>3250.0549599999999</v>
      </c>
      <c r="K1178">
        <v>109.581463</v>
      </c>
      <c r="L1178">
        <v>3250.0549599999999</v>
      </c>
      <c r="M1178">
        <v>107.48159</v>
      </c>
    </row>
    <row r="1179" spans="2:13" x14ac:dyDescent="0.45">
      <c r="B1179">
        <v>3251.983776</v>
      </c>
      <c r="C1179">
        <v>109.318032</v>
      </c>
      <c r="D1179">
        <v>3251.983776</v>
      </c>
      <c r="E1179">
        <v>108.40436100000001</v>
      </c>
      <c r="F1179">
        <v>3251.983776</v>
      </c>
      <c r="G1179">
        <v>109.373268</v>
      </c>
      <c r="H1179">
        <v>3251.983776</v>
      </c>
      <c r="I1179">
        <v>108.597234</v>
      </c>
      <c r="J1179">
        <v>3251.983776</v>
      </c>
      <c r="K1179">
        <v>109.465497</v>
      </c>
      <c r="L1179">
        <v>3251.983776</v>
      </c>
      <c r="M1179">
        <v>107.460973</v>
      </c>
    </row>
    <row r="1180" spans="2:13" x14ac:dyDescent="0.45">
      <c r="B1180">
        <v>3253.9125920000001</v>
      </c>
      <c r="C1180">
        <v>109.356173</v>
      </c>
      <c r="D1180">
        <v>3253.9125920000001</v>
      </c>
      <c r="E1180">
        <v>108.39626700000001</v>
      </c>
      <c r="F1180">
        <v>3253.9125920000001</v>
      </c>
      <c r="G1180">
        <v>109.340784</v>
      </c>
      <c r="H1180">
        <v>3253.9125920000001</v>
      </c>
      <c r="I1180">
        <v>108.596695</v>
      </c>
      <c r="J1180">
        <v>3253.9125920000001</v>
      </c>
      <c r="K1180">
        <v>109.40856700000001</v>
      </c>
      <c r="L1180">
        <v>3253.9125920000001</v>
      </c>
      <c r="M1180">
        <v>107.516232</v>
      </c>
    </row>
    <row r="1181" spans="2:13" x14ac:dyDescent="0.45">
      <c r="B1181">
        <v>3255.8414079999998</v>
      </c>
      <c r="C1181">
        <v>109.415916</v>
      </c>
      <c r="D1181">
        <v>3255.8414079999998</v>
      </c>
      <c r="E1181">
        <v>108.35896700000001</v>
      </c>
      <c r="F1181">
        <v>3255.8414079999998</v>
      </c>
      <c r="G1181">
        <v>109.33665999999999</v>
      </c>
      <c r="H1181">
        <v>3255.8414079999998</v>
      </c>
      <c r="I1181">
        <v>108.570606</v>
      </c>
      <c r="J1181">
        <v>3255.8414079999998</v>
      </c>
      <c r="K1181">
        <v>109.35317999999999</v>
      </c>
      <c r="L1181">
        <v>3255.8414079999998</v>
      </c>
      <c r="M1181">
        <v>107.564261</v>
      </c>
    </row>
    <row r="1182" spans="2:13" x14ac:dyDescent="0.45">
      <c r="B1182">
        <v>3257.7702239999999</v>
      </c>
      <c r="C1182">
        <v>109.37523400000001</v>
      </c>
      <c r="D1182">
        <v>3257.7702239999999</v>
      </c>
      <c r="E1182">
        <v>108.347752</v>
      </c>
      <c r="F1182">
        <v>3257.7702239999999</v>
      </c>
      <c r="G1182">
        <v>109.400266</v>
      </c>
      <c r="H1182">
        <v>3257.7702239999999</v>
      </c>
      <c r="I1182">
        <v>108.544155</v>
      </c>
      <c r="J1182">
        <v>3257.7702239999999</v>
      </c>
      <c r="K1182">
        <v>109.315765</v>
      </c>
      <c r="L1182">
        <v>3257.7702239999999</v>
      </c>
      <c r="M1182">
        <v>107.491407</v>
      </c>
    </row>
    <row r="1183" spans="2:13" x14ac:dyDescent="0.45">
      <c r="B1183">
        <v>3259.69904</v>
      </c>
      <c r="C1183">
        <v>109.347961</v>
      </c>
      <c r="D1183">
        <v>3259.69904</v>
      </c>
      <c r="E1183">
        <v>108.349197</v>
      </c>
      <c r="F1183">
        <v>3259.69904</v>
      </c>
      <c r="G1183">
        <v>109.459227</v>
      </c>
      <c r="H1183">
        <v>3259.69904</v>
      </c>
      <c r="I1183">
        <v>108.552044</v>
      </c>
      <c r="J1183">
        <v>3259.69904</v>
      </c>
      <c r="K1183">
        <v>109.37161500000001</v>
      </c>
      <c r="L1183">
        <v>3259.69904</v>
      </c>
      <c r="M1183">
        <v>107.491766</v>
      </c>
    </row>
    <row r="1184" spans="2:13" x14ac:dyDescent="0.45">
      <c r="B1184">
        <v>3261.6278560000001</v>
      </c>
      <c r="C1184">
        <v>109.419997</v>
      </c>
      <c r="D1184">
        <v>3261.6278560000001</v>
      </c>
      <c r="E1184">
        <v>108.27055300000001</v>
      </c>
      <c r="F1184">
        <v>3261.6278560000001</v>
      </c>
      <c r="G1184">
        <v>109.438587</v>
      </c>
      <c r="H1184">
        <v>3261.6278560000001</v>
      </c>
      <c r="I1184">
        <v>108.576559</v>
      </c>
      <c r="J1184">
        <v>3261.6278560000001</v>
      </c>
      <c r="K1184">
        <v>109.40933800000001</v>
      </c>
      <c r="L1184">
        <v>3261.6278560000001</v>
      </c>
      <c r="M1184">
        <v>107.503805</v>
      </c>
    </row>
    <row r="1185" spans="2:13" x14ac:dyDescent="0.45">
      <c r="B1185">
        <v>3263.5566720000002</v>
      </c>
      <c r="C1185">
        <v>109.36251799999999</v>
      </c>
      <c r="D1185">
        <v>3263.5566720000002</v>
      </c>
      <c r="E1185">
        <v>108.27216300000001</v>
      </c>
      <c r="F1185">
        <v>3263.5566720000002</v>
      </c>
      <c r="G1185">
        <v>109.292118</v>
      </c>
      <c r="H1185">
        <v>3263.5566720000002</v>
      </c>
      <c r="I1185">
        <v>108.55955400000001</v>
      </c>
      <c r="J1185">
        <v>3263.5566720000002</v>
      </c>
      <c r="K1185">
        <v>109.402537</v>
      </c>
      <c r="L1185">
        <v>3263.5566720000002</v>
      </c>
      <c r="M1185">
        <v>107.440905</v>
      </c>
    </row>
    <row r="1186" spans="2:13" x14ac:dyDescent="0.45">
      <c r="B1186">
        <v>3265.4854879999998</v>
      </c>
      <c r="C1186">
        <v>109.30105399999999</v>
      </c>
      <c r="D1186">
        <v>3265.4854879999998</v>
      </c>
      <c r="E1186">
        <v>108.378311</v>
      </c>
      <c r="F1186">
        <v>3265.4854879999998</v>
      </c>
      <c r="G1186">
        <v>109.25970700000001</v>
      </c>
      <c r="H1186">
        <v>3265.4854879999998</v>
      </c>
      <c r="I1186">
        <v>108.53739899999999</v>
      </c>
      <c r="J1186">
        <v>3265.4854879999998</v>
      </c>
      <c r="K1186">
        <v>109.422955</v>
      </c>
      <c r="L1186">
        <v>3265.4854879999998</v>
      </c>
      <c r="M1186">
        <v>107.42139299999999</v>
      </c>
    </row>
    <row r="1187" spans="2:13" x14ac:dyDescent="0.45">
      <c r="B1187">
        <v>3267.4143039999999</v>
      </c>
      <c r="C1187">
        <v>109.34939</v>
      </c>
      <c r="D1187">
        <v>3267.4143039999999</v>
      </c>
      <c r="E1187">
        <v>108.37858200000001</v>
      </c>
      <c r="F1187">
        <v>3267.4143039999999</v>
      </c>
      <c r="G1187">
        <v>109.38158900000001</v>
      </c>
      <c r="H1187">
        <v>3267.4143039999999</v>
      </c>
      <c r="I1187">
        <v>108.570184</v>
      </c>
      <c r="J1187">
        <v>3267.4143039999999</v>
      </c>
      <c r="K1187">
        <v>109.538538</v>
      </c>
      <c r="L1187">
        <v>3267.4143039999999</v>
      </c>
      <c r="M1187">
        <v>107.35241600000001</v>
      </c>
    </row>
    <row r="1188" spans="2:13" x14ac:dyDescent="0.45">
      <c r="B1188">
        <v>3269.34312</v>
      </c>
      <c r="C1188">
        <v>109.39781600000001</v>
      </c>
      <c r="D1188">
        <v>3269.34312</v>
      </c>
      <c r="E1188">
        <v>108.39640200000001</v>
      </c>
      <c r="F1188">
        <v>3269.34312</v>
      </c>
      <c r="G1188">
        <v>109.410077</v>
      </c>
      <c r="H1188">
        <v>3269.34312</v>
      </c>
      <c r="I1188">
        <v>108.54462700000001</v>
      </c>
      <c r="J1188">
        <v>3269.34312</v>
      </c>
      <c r="K1188">
        <v>109.57001</v>
      </c>
      <c r="L1188">
        <v>3269.34312</v>
      </c>
      <c r="M1188">
        <v>107.321983</v>
      </c>
    </row>
    <row r="1189" spans="2:13" x14ac:dyDescent="0.45">
      <c r="B1189">
        <v>3271.2719360000001</v>
      </c>
      <c r="C1189">
        <v>109.36785500000001</v>
      </c>
      <c r="D1189">
        <v>3271.2719360000001</v>
      </c>
      <c r="E1189">
        <v>108.448621</v>
      </c>
      <c r="F1189">
        <v>3271.2719360000001</v>
      </c>
      <c r="G1189">
        <v>109.397516</v>
      </c>
      <c r="H1189">
        <v>3271.2719360000001</v>
      </c>
      <c r="I1189">
        <v>108.48677600000001</v>
      </c>
      <c r="J1189">
        <v>3271.2719360000001</v>
      </c>
      <c r="K1189">
        <v>109.493364</v>
      </c>
      <c r="L1189">
        <v>3271.2719360000001</v>
      </c>
      <c r="M1189">
        <v>107.405861</v>
      </c>
    </row>
    <row r="1190" spans="2:13" x14ac:dyDescent="0.45">
      <c r="B1190">
        <v>3273.2007520000002</v>
      </c>
      <c r="C1190">
        <v>109.302848</v>
      </c>
      <c r="D1190">
        <v>3273.2007520000002</v>
      </c>
      <c r="E1190">
        <v>108.35072100000001</v>
      </c>
      <c r="F1190">
        <v>3273.2007520000002</v>
      </c>
      <c r="G1190">
        <v>109.415019</v>
      </c>
      <c r="H1190">
        <v>3273.2007520000002</v>
      </c>
      <c r="I1190">
        <v>108.49945700000001</v>
      </c>
      <c r="J1190">
        <v>3273.2007520000002</v>
      </c>
      <c r="K1190">
        <v>109.522441</v>
      </c>
      <c r="L1190">
        <v>3273.2007520000002</v>
      </c>
      <c r="M1190">
        <v>107.420098</v>
      </c>
    </row>
    <row r="1191" spans="2:13" x14ac:dyDescent="0.45">
      <c r="B1191">
        <v>3275.1295679999998</v>
      </c>
      <c r="C1191">
        <v>109.268165</v>
      </c>
      <c r="D1191">
        <v>3275.1295679999998</v>
      </c>
      <c r="E1191">
        <v>108.246099</v>
      </c>
      <c r="F1191">
        <v>3275.1295679999998</v>
      </c>
      <c r="G1191">
        <v>109.435979</v>
      </c>
      <c r="H1191">
        <v>3275.1295679999998</v>
      </c>
      <c r="I1191">
        <v>108.57291499999999</v>
      </c>
      <c r="J1191">
        <v>3275.1295679999998</v>
      </c>
      <c r="K1191">
        <v>109.47834899999999</v>
      </c>
      <c r="L1191">
        <v>3275.1295679999998</v>
      </c>
      <c r="M1191">
        <v>107.42587899999999</v>
      </c>
    </row>
    <row r="1192" spans="2:13" x14ac:dyDescent="0.45">
      <c r="B1192">
        <v>3277.0583839999999</v>
      </c>
      <c r="C1192">
        <v>109.27383500000001</v>
      </c>
      <c r="D1192">
        <v>3277.0583839999999</v>
      </c>
      <c r="E1192">
        <v>108.25581200000001</v>
      </c>
      <c r="F1192">
        <v>3277.0583839999999</v>
      </c>
      <c r="G1192">
        <v>109.417784</v>
      </c>
      <c r="H1192">
        <v>3277.0583839999999</v>
      </c>
      <c r="I1192">
        <v>108.553785</v>
      </c>
      <c r="J1192">
        <v>3277.0583839999999</v>
      </c>
      <c r="K1192">
        <v>109.413775</v>
      </c>
      <c r="L1192">
        <v>3277.0583839999999</v>
      </c>
      <c r="M1192">
        <v>107.357732</v>
      </c>
    </row>
    <row r="1193" spans="2:13" x14ac:dyDescent="0.45">
      <c r="B1193">
        <v>3278.9872</v>
      </c>
      <c r="C1193">
        <v>109.20408500000001</v>
      </c>
      <c r="D1193">
        <v>3278.9872</v>
      </c>
      <c r="E1193">
        <v>108.29050000000001</v>
      </c>
      <c r="F1193">
        <v>3278.9872</v>
      </c>
      <c r="G1193">
        <v>109.36646</v>
      </c>
      <c r="H1193">
        <v>3278.9872</v>
      </c>
      <c r="I1193">
        <v>108.560295</v>
      </c>
      <c r="J1193">
        <v>3278.9872</v>
      </c>
      <c r="K1193">
        <v>109.43935399999999</v>
      </c>
      <c r="L1193">
        <v>3278.9872</v>
      </c>
      <c r="M1193">
        <v>107.281656</v>
      </c>
    </row>
    <row r="1194" spans="2:13" x14ac:dyDescent="0.45">
      <c r="B1194">
        <v>3280.9160160000001</v>
      </c>
      <c r="C1194">
        <v>109.21497599999999</v>
      </c>
      <c r="D1194">
        <v>3280.9160160000001</v>
      </c>
      <c r="E1194">
        <v>108.356819</v>
      </c>
      <c r="F1194">
        <v>3280.9160160000001</v>
      </c>
      <c r="G1194">
        <v>109.318731</v>
      </c>
      <c r="H1194">
        <v>3280.9160160000001</v>
      </c>
      <c r="I1194">
        <v>108.556888</v>
      </c>
      <c r="J1194">
        <v>3280.9160160000001</v>
      </c>
      <c r="K1194">
        <v>109.43646699999999</v>
      </c>
      <c r="L1194">
        <v>3280.9160160000001</v>
      </c>
      <c r="M1194">
        <v>107.35011900000001</v>
      </c>
    </row>
    <row r="1195" spans="2:13" x14ac:dyDescent="0.45">
      <c r="B1195">
        <v>3282.8448320000002</v>
      </c>
      <c r="C1195">
        <v>109.23549800000001</v>
      </c>
      <c r="D1195">
        <v>3282.8448320000002</v>
      </c>
      <c r="E1195">
        <v>108.36019400000001</v>
      </c>
      <c r="F1195">
        <v>3282.8448320000002</v>
      </c>
      <c r="G1195">
        <v>109.29789100000001</v>
      </c>
      <c r="H1195">
        <v>3282.8448320000002</v>
      </c>
      <c r="I1195">
        <v>108.530044</v>
      </c>
      <c r="J1195">
        <v>3282.8448320000002</v>
      </c>
      <c r="K1195">
        <v>109.35996299999999</v>
      </c>
      <c r="L1195">
        <v>3282.8448320000002</v>
      </c>
      <c r="M1195">
        <v>107.394672</v>
      </c>
    </row>
    <row r="1196" spans="2:13" x14ac:dyDescent="0.45">
      <c r="B1196">
        <v>3284.7736479999999</v>
      </c>
      <c r="C1196">
        <v>109.23251999999999</v>
      </c>
      <c r="D1196">
        <v>3284.7736479999999</v>
      </c>
      <c r="E1196">
        <v>108.33927</v>
      </c>
      <c r="F1196">
        <v>3284.7736479999999</v>
      </c>
      <c r="G1196">
        <v>109.325529</v>
      </c>
      <c r="H1196">
        <v>3284.7736479999999</v>
      </c>
      <c r="I1196">
        <v>108.49837100000001</v>
      </c>
      <c r="J1196">
        <v>3284.7736479999999</v>
      </c>
      <c r="K1196">
        <v>109.378586</v>
      </c>
      <c r="L1196">
        <v>3284.7736479999999</v>
      </c>
      <c r="M1196">
        <v>107.31708</v>
      </c>
    </row>
    <row r="1197" spans="2:13" x14ac:dyDescent="0.45">
      <c r="B1197">
        <v>3286.702464</v>
      </c>
      <c r="C1197">
        <v>109.256074</v>
      </c>
      <c r="D1197">
        <v>3286.702464</v>
      </c>
      <c r="E1197">
        <v>108.29660700000001</v>
      </c>
      <c r="F1197">
        <v>3286.702464</v>
      </c>
      <c r="G1197">
        <v>109.347515</v>
      </c>
      <c r="H1197">
        <v>3286.702464</v>
      </c>
      <c r="I1197">
        <v>108.491805</v>
      </c>
      <c r="J1197">
        <v>3286.702464</v>
      </c>
      <c r="K1197">
        <v>109.434006</v>
      </c>
      <c r="L1197">
        <v>3286.702464</v>
      </c>
      <c r="M1197">
        <v>107.255308</v>
      </c>
    </row>
    <row r="1198" spans="2:13" x14ac:dyDescent="0.45">
      <c r="B1198">
        <v>3288.6312800000001</v>
      </c>
      <c r="C1198">
        <v>109.301282</v>
      </c>
      <c r="D1198">
        <v>3288.6312800000001</v>
      </c>
      <c r="E1198">
        <v>108.24654</v>
      </c>
      <c r="F1198">
        <v>3288.6312800000001</v>
      </c>
      <c r="G1198">
        <v>109.333652</v>
      </c>
      <c r="H1198">
        <v>3288.6312800000001</v>
      </c>
      <c r="I1198">
        <v>108.473866</v>
      </c>
      <c r="J1198">
        <v>3288.6312800000001</v>
      </c>
      <c r="K1198">
        <v>109.38574</v>
      </c>
      <c r="L1198">
        <v>3288.6312800000001</v>
      </c>
      <c r="M1198">
        <v>107.337734</v>
      </c>
    </row>
    <row r="1199" spans="2:13" x14ac:dyDescent="0.45">
      <c r="B1199">
        <v>3290.5600960000002</v>
      </c>
      <c r="C1199">
        <v>109.328675</v>
      </c>
      <c r="D1199">
        <v>3290.5600960000002</v>
      </c>
      <c r="E1199">
        <v>108.255286</v>
      </c>
      <c r="F1199">
        <v>3290.5600960000002</v>
      </c>
      <c r="G1199">
        <v>109.32658499999999</v>
      </c>
      <c r="H1199">
        <v>3290.5600960000002</v>
      </c>
      <c r="I1199">
        <v>108.558975</v>
      </c>
      <c r="J1199">
        <v>3290.5600960000002</v>
      </c>
      <c r="K1199">
        <v>109.437095</v>
      </c>
      <c r="L1199">
        <v>3290.5600960000002</v>
      </c>
      <c r="M1199">
        <v>107.383962</v>
      </c>
    </row>
    <row r="1200" spans="2:13" x14ac:dyDescent="0.45">
      <c r="B1200">
        <v>3292.4889119999998</v>
      </c>
      <c r="C1200">
        <v>109.28152799999999</v>
      </c>
      <c r="D1200">
        <v>3292.4889119999998</v>
      </c>
      <c r="E1200">
        <v>108.318214</v>
      </c>
      <c r="F1200">
        <v>3292.4889119999998</v>
      </c>
      <c r="G1200">
        <v>109.420491</v>
      </c>
      <c r="H1200">
        <v>3292.4889119999998</v>
      </c>
      <c r="I1200">
        <v>108.59685899999999</v>
      </c>
      <c r="J1200">
        <v>3292.4889119999998</v>
      </c>
      <c r="K1200">
        <v>109.493257</v>
      </c>
      <c r="L1200">
        <v>3292.4889119999998</v>
      </c>
      <c r="M1200">
        <v>107.39603</v>
      </c>
    </row>
    <row r="1201" spans="2:13" x14ac:dyDescent="0.45">
      <c r="B1201">
        <v>3294.4177279999999</v>
      </c>
      <c r="C1201">
        <v>109.25151700000001</v>
      </c>
      <c r="D1201">
        <v>3294.4177279999999</v>
      </c>
      <c r="E1201">
        <v>108.29197000000001</v>
      </c>
      <c r="F1201">
        <v>3294.4177279999999</v>
      </c>
      <c r="G1201">
        <v>109.4238</v>
      </c>
      <c r="H1201">
        <v>3294.4177279999999</v>
      </c>
      <c r="I1201">
        <v>108.614525</v>
      </c>
      <c r="J1201">
        <v>3294.4177279999999</v>
      </c>
      <c r="K1201">
        <v>109.397452</v>
      </c>
      <c r="L1201">
        <v>3294.4177279999999</v>
      </c>
      <c r="M1201">
        <v>107.435919</v>
      </c>
    </row>
    <row r="1202" spans="2:13" x14ac:dyDescent="0.45">
      <c r="B1202">
        <v>3296.346544</v>
      </c>
      <c r="C1202">
        <v>109.283806</v>
      </c>
      <c r="D1202">
        <v>3296.346544</v>
      </c>
      <c r="E1202">
        <v>108.279043</v>
      </c>
      <c r="F1202">
        <v>3296.346544</v>
      </c>
      <c r="G1202">
        <v>109.31281199999999</v>
      </c>
      <c r="H1202">
        <v>3296.346544</v>
      </c>
      <c r="I1202">
        <v>108.601707</v>
      </c>
      <c r="J1202">
        <v>3296.346544</v>
      </c>
      <c r="K1202">
        <v>109.299505</v>
      </c>
      <c r="L1202">
        <v>3296.346544</v>
      </c>
      <c r="M1202">
        <v>107.426282</v>
      </c>
    </row>
    <row r="1203" spans="2:13" x14ac:dyDescent="0.45">
      <c r="B1203">
        <v>3298.2753600000001</v>
      </c>
      <c r="C1203">
        <v>109.258353</v>
      </c>
      <c r="D1203">
        <v>3298.2753600000001</v>
      </c>
      <c r="E1203">
        <v>108.261292</v>
      </c>
      <c r="F1203">
        <v>3298.2753600000001</v>
      </c>
      <c r="G1203">
        <v>109.296404</v>
      </c>
      <c r="H1203">
        <v>3298.2753600000001</v>
      </c>
      <c r="I1203">
        <v>108.51903299999999</v>
      </c>
      <c r="J1203">
        <v>3298.2753600000001</v>
      </c>
      <c r="K1203">
        <v>109.310194</v>
      </c>
      <c r="L1203">
        <v>3298.2753600000001</v>
      </c>
      <c r="M1203">
        <v>107.372247</v>
      </c>
    </row>
    <row r="1204" spans="2:13" x14ac:dyDescent="0.45">
      <c r="B1204">
        <v>3300.2041760000002</v>
      </c>
      <c r="C1204">
        <v>109.12394</v>
      </c>
      <c r="D1204">
        <v>3300.2041760000002</v>
      </c>
      <c r="E1204">
        <v>108.23147300000001</v>
      </c>
      <c r="F1204">
        <v>3300.2041760000002</v>
      </c>
      <c r="G1204">
        <v>109.357737</v>
      </c>
      <c r="H1204">
        <v>3300.2041760000002</v>
      </c>
      <c r="I1204">
        <v>108.49719</v>
      </c>
      <c r="J1204">
        <v>3300.2041760000002</v>
      </c>
      <c r="K1204">
        <v>109.327578</v>
      </c>
      <c r="L1204">
        <v>3300.2041760000002</v>
      </c>
      <c r="M1204">
        <v>107.453794</v>
      </c>
    </row>
    <row r="1205" spans="2:13" x14ac:dyDescent="0.45">
      <c r="B1205">
        <v>3302.1329919999998</v>
      </c>
      <c r="C1205">
        <v>109.07365799999999</v>
      </c>
      <c r="D1205">
        <v>3302.1329919999998</v>
      </c>
      <c r="E1205">
        <v>108.209441</v>
      </c>
      <c r="F1205">
        <v>3302.1329919999998</v>
      </c>
      <c r="G1205">
        <v>109.42849099999999</v>
      </c>
      <c r="H1205">
        <v>3302.1329919999998</v>
      </c>
      <c r="I1205">
        <v>108.588807</v>
      </c>
      <c r="J1205">
        <v>3302.1329919999998</v>
      </c>
      <c r="K1205">
        <v>109.350672</v>
      </c>
      <c r="L1205">
        <v>3302.1329919999998</v>
      </c>
      <c r="M1205">
        <v>107.45706300000001</v>
      </c>
    </row>
    <row r="1206" spans="2:13" x14ac:dyDescent="0.45">
      <c r="B1206">
        <v>3304.0618079999999</v>
      </c>
      <c r="C1206">
        <v>109.161706</v>
      </c>
      <c r="D1206">
        <v>3304.0618079999999</v>
      </c>
      <c r="E1206">
        <v>108.157163</v>
      </c>
      <c r="F1206">
        <v>3304.0618079999999</v>
      </c>
      <c r="G1206">
        <v>109.418413</v>
      </c>
      <c r="H1206">
        <v>3304.0618079999999</v>
      </c>
      <c r="I1206">
        <v>108.63203900000001</v>
      </c>
      <c r="J1206">
        <v>3304.0618079999999</v>
      </c>
      <c r="K1206">
        <v>109.37324099999999</v>
      </c>
      <c r="L1206">
        <v>3304.0618079999999</v>
      </c>
      <c r="M1206">
        <v>107.401031</v>
      </c>
    </row>
    <row r="1207" spans="2:13" x14ac:dyDescent="0.45">
      <c r="B1207">
        <v>3305.990624</v>
      </c>
      <c r="C1207">
        <v>109.187202</v>
      </c>
      <c r="D1207">
        <v>3305.990624</v>
      </c>
      <c r="E1207">
        <v>108.13850100000001</v>
      </c>
      <c r="F1207">
        <v>3305.990624</v>
      </c>
      <c r="G1207">
        <v>109.375873</v>
      </c>
      <c r="H1207">
        <v>3305.990624</v>
      </c>
      <c r="I1207">
        <v>108.61453</v>
      </c>
      <c r="J1207">
        <v>3305.990624</v>
      </c>
      <c r="K1207">
        <v>109.458647</v>
      </c>
      <c r="L1207">
        <v>3305.990624</v>
      </c>
      <c r="M1207">
        <v>107.361333</v>
      </c>
    </row>
    <row r="1208" spans="2:13" x14ac:dyDescent="0.45">
      <c r="B1208">
        <v>3307.9194400000001</v>
      </c>
      <c r="C1208">
        <v>109.191669</v>
      </c>
      <c r="D1208">
        <v>3307.9194400000001</v>
      </c>
      <c r="E1208">
        <v>108.19183100000001</v>
      </c>
      <c r="F1208">
        <v>3307.9194400000001</v>
      </c>
      <c r="G1208">
        <v>109.381748</v>
      </c>
      <c r="H1208">
        <v>3307.9194400000001</v>
      </c>
      <c r="I1208">
        <v>108.64251400000001</v>
      </c>
      <c r="J1208">
        <v>3307.9194400000001</v>
      </c>
      <c r="K1208">
        <v>109.537251</v>
      </c>
      <c r="L1208">
        <v>3307.9194400000001</v>
      </c>
      <c r="M1208">
        <v>107.384193</v>
      </c>
    </row>
    <row r="1209" spans="2:13" x14ac:dyDescent="0.45">
      <c r="B1209">
        <v>3309.8482560000002</v>
      </c>
      <c r="C1209">
        <v>109.1708</v>
      </c>
      <c r="D1209">
        <v>3309.8482560000002</v>
      </c>
      <c r="E1209">
        <v>108.248479</v>
      </c>
      <c r="F1209">
        <v>3309.8482560000002</v>
      </c>
      <c r="G1209">
        <v>109.38907500000001</v>
      </c>
      <c r="H1209">
        <v>3309.8482560000002</v>
      </c>
      <c r="I1209">
        <v>108.675545</v>
      </c>
      <c r="J1209">
        <v>3309.8482560000002</v>
      </c>
      <c r="K1209">
        <v>109.498887</v>
      </c>
      <c r="L1209">
        <v>3309.8482560000002</v>
      </c>
      <c r="M1209">
        <v>107.415193</v>
      </c>
    </row>
    <row r="1210" spans="2:13" x14ac:dyDescent="0.45">
      <c r="B1210">
        <v>3311.7770719999999</v>
      </c>
      <c r="C1210">
        <v>109.125265</v>
      </c>
      <c r="D1210">
        <v>3311.7770719999999</v>
      </c>
      <c r="E1210">
        <v>108.240469</v>
      </c>
      <c r="F1210">
        <v>3311.7770719999999</v>
      </c>
      <c r="G1210">
        <v>109.41811300000001</v>
      </c>
      <c r="H1210">
        <v>3311.7770719999999</v>
      </c>
      <c r="I1210">
        <v>108.63503300000001</v>
      </c>
      <c r="J1210">
        <v>3311.7770719999999</v>
      </c>
      <c r="K1210">
        <v>109.400881</v>
      </c>
      <c r="L1210">
        <v>3311.7770719999999</v>
      </c>
      <c r="M1210">
        <v>107.38342</v>
      </c>
    </row>
    <row r="1211" spans="2:13" x14ac:dyDescent="0.45">
      <c r="B1211">
        <v>3313.705888</v>
      </c>
      <c r="C1211">
        <v>109.064835</v>
      </c>
      <c r="D1211">
        <v>3313.705888</v>
      </c>
      <c r="E1211">
        <v>108.24249400000001</v>
      </c>
      <c r="F1211">
        <v>3313.705888</v>
      </c>
      <c r="G1211">
        <v>109.390469</v>
      </c>
      <c r="H1211">
        <v>3313.705888</v>
      </c>
      <c r="I1211">
        <v>108.64073</v>
      </c>
      <c r="J1211">
        <v>3313.705888</v>
      </c>
      <c r="K1211">
        <v>109.325413</v>
      </c>
      <c r="L1211">
        <v>3313.705888</v>
      </c>
      <c r="M1211">
        <v>107.36499999999999</v>
      </c>
    </row>
    <row r="1212" spans="2:13" x14ac:dyDescent="0.45">
      <c r="B1212">
        <v>3315.6347040000001</v>
      </c>
      <c r="C1212">
        <v>108.978714</v>
      </c>
      <c r="D1212">
        <v>3315.6347040000001</v>
      </c>
      <c r="E1212">
        <v>108.247758</v>
      </c>
      <c r="F1212">
        <v>3315.6347040000001</v>
      </c>
      <c r="G1212">
        <v>109.337177</v>
      </c>
      <c r="H1212">
        <v>3315.6347040000001</v>
      </c>
      <c r="I1212">
        <v>108.5506</v>
      </c>
      <c r="J1212">
        <v>3315.6347040000001</v>
      </c>
      <c r="K1212">
        <v>109.31628000000001</v>
      </c>
      <c r="L1212">
        <v>3315.6347040000001</v>
      </c>
      <c r="M1212">
        <v>107.42130899999999</v>
      </c>
    </row>
    <row r="1213" spans="2:13" x14ac:dyDescent="0.45">
      <c r="B1213">
        <v>3317.5635200000002</v>
      </c>
      <c r="C1213">
        <v>108.982342</v>
      </c>
      <c r="D1213">
        <v>3317.5635200000002</v>
      </c>
      <c r="E1213">
        <v>108.238992</v>
      </c>
      <c r="F1213">
        <v>3317.5635200000002</v>
      </c>
      <c r="G1213">
        <v>109.33083999999999</v>
      </c>
      <c r="H1213">
        <v>3317.5635200000002</v>
      </c>
      <c r="I1213">
        <v>108.54057</v>
      </c>
      <c r="J1213">
        <v>3317.5635200000002</v>
      </c>
      <c r="K1213">
        <v>109.40987699999999</v>
      </c>
      <c r="L1213">
        <v>3317.5635200000002</v>
      </c>
      <c r="M1213">
        <v>107.483203</v>
      </c>
    </row>
    <row r="1214" spans="2:13" x14ac:dyDescent="0.45">
      <c r="B1214">
        <v>3319.4923359999998</v>
      </c>
      <c r="C1214">
        <v>109.091847</v>
      </c>
      <c r="D1214">
        <v>3319.4923359999998</v>
      </c>
      <c r="E1214">
        <v>108.18706300000001</v>
      </c>
      <c r="F1214">
        <v>3319.4923359999998</v>
      </c>
      <c r="G1214">
        <v>109.34882899999999</v>
      </c>
      <c r="H1214">
        <v>3319.4923359999998</v>
      </c>
      <c r="I1214">
        <v>108.50192</v>
      </c>
      <c r="J1214">
        <v>3319.4923359999998</v>
      </c>
      <c r="K1214">
        <v>109.396438</v>
      </c>
      <c r="L1214">
        <v>3319.4923359999998</v>
      </c>
      <c r="M1214">
        <v>107.450812</v>
      </c>
    </row>
    <row r="1215" spans="2:13" x14ac:dyDescent="0.45">
      <c r="B1215">
        <v>3321.4211519999999</v>
      </c>
      <c r="C1215">
        <v>109.177938</v>
      </c>
      <c r="D1215">
        <v>3321.4211519999999</v>
      </c>
      <c r="E1215">
        <v>108.199338</v>
      </c>
      <c r="F1215">
        <v>3321.4211519999999</v>
      </c>
      <c r="G1215">
        <v>109.312066</v>
      </c>
      <c r="H1215">
        <v>3321.4211519999999</v>
      </c>
      <c r="I1215">
        <v>108.520303</v>
      </c>
      <c r="J1215">
        <v>3321.4211519999999</v>
      </c>
      <c r="K1215">
        <v>109.33628400000001</v>
      </c>
      <c r="L1215">
        <v>3321.4211519999999</v>
      </c>
      <c r="M1215">
        <v>107.406676</v>
      </c>
    </row>
    <row r="1216" spans="2:13" x14ac:dyDescent="0.45">
      <c r="B1216">
        <v>3323.349968</v>
      </c>
      <c r="C1216">
        <v>109.169584</v>
      </c>
      <c r="D1216">
        <v>3323.349968</v>
      </c>
      <c r="E1216">
        <v>108.29186300000001</v>
      </c>
      <c r="F1216">
        <v>3323.349968</v>
      </c>
      <c r="G1216">
        <v>109.347166</v>
      </c>
      <c r="H1216">
        <v>3323.349968</v>
      </c>
      <c r="I1216">
        <v>108.58709899999999</v>
      </c>
      <c r="J1216">
        <v>3323.349968</v>
      </c>
      <c r="K1216">
        <v>109.403676</v>
      </c>
      <c r="L1216">
        <v>3323.349968</v>
      </c>
      <c r="M1216">
        <v>107.436044</v>
      </c>
    </row>
    <row r="1217" spans="2:13" x14ac:dyDescent="0.45">
      <c r="B1217">
        <v>3325.2787840000001</v>
      </c>
      <c r="C1217">
        <v>109.106576</v>
      </c>
      <c r="D1217">
        <v>3325.2787840000001</v>
      </c>
      <c r="E1217">
        <v>108.363585</v>
      </c>
      <c r="F1217">
        <v>3325.2787840000001</v>
      </c>
      <c r="G1217">
        <v>109.42658400000001</v>
      </c>
      <c r="H1217">
        <v>3325.2787840000001</v>
      </c>
      <c r="I1217">
        <v>108.606555</v>
      </c>
      <c r="J1217">
        <v>3325.2787840000001</v>
      </c>
      <c r="K1217">
        <v>109.47784</v>
      </c>
      <c r="L1217">
        <v>3325.2787840000001</v>
      </c>
      <c r="M1217">
        <v>107.478481</v>
      </c>
    </row>
    <row r="1218" spans="2:13" x14ac:dyDescent="0.45">
      <c r="B1218">
        <v>3327.2076000000002</v>
      </c>
      <c r="C1218">
        <v>109.056251</v>
      </c>
      <c r="D1218">
        <v>3327.2076000000002</v>
      </c>
      <c r="E1218">
        <v>108.285258</v>
      </c>
      <c r="F1218">
        <v>3327.2076000000002</v>
      </c>
      <c r="G1218">
        <v>109.453084</v>
      </c>
      <c r="H1218">
        <v>3327.2076000000002</v>
      </c>
      <c r="I1218">
        <v>108.639904</v>
      </c>
      <c r="J1218">
        <v>3327.2076000000002</v>
      </c>
      <c r="K1218">
        <v>109.51020200000001</v>
      </c>
      <c r="L1218">
        <v>3327.2076000000002</v>
      </c>
      <c r="M1218">
        <v>107.428184</v>
      </c>
    </row>
    <row r="1219" spans="2:13" x14ac:dyDescent="0.45">
      <c r="B1219">
        <v>3329.1364159999998</v>
      </c>
      <c r="C1219">
        <v>109.118452</v>
      </c>
      <c r="D1219">
        <v>3329.1364159999998</v>
      </c>
      <c r="E1219">
        <v>108.215329</v>
      </c>
      <c r="F1219">
        <v>3329.1364159999998</v>
      </c>
      <c r="G1219">
        <v>109.380045</v>
      </c>
      <c r="H1219">
        <v>3329.1364159999998</v>
      </c>
      <c r="I1219">
        <v>108.660245</v>
      </c>
      <c r="J1219">
        <v>3329.1364159999998</v>
      </c>
      <c r="K1219">
        <v>109.565403</v>
      </c>
      <c r="L1219">
        <v>3329.1364159999998</v>
      </c>
      <c r="M1219">
        <v>107.38429600000001</v>
      </c>
    </row>
    <row r="1220" spans="2:13" x14ac:dyDescent="0.45">
      <c r="B1220">
        <v>3331.0652319999999</v>
      </c>
      <c r="C1220">
        <v>109.12576799999999</v>
      </c>
      <c r="D1220">
        <v>3331.0652319999999</v>
      </c>
      <c r="E1220">
        <v>108.22472500000001</v>
      </c>
      <c r="F1220">
        <v>3331.0652319999999</v>
      </c>
      <c r="G1220">
        <v>109.37969099999999</v>
      </c>
      <c r="H1220">
        <v>3331.0652319999999</v>
      </c>
      <c r="I1220">
        <v>108.609058</v>
      </c>
      <c r="J1220">
        <v>3331.0652319999999</v>
      </c>
      <c r="K1220">
        <v>109.49613100000001</v>
      </c>
      <c r="L1220">
        <v>3331.0652319999999</v>
      </c>
      <c r="M1220">
        <v>107.395752</v>
      </c>
    </row>
    <row r="1221" spans="2:13" x14ac:dyDescent="0.45">
      <c r="B1221">
        <v>3332.994048</v>
      </c>
      <c r="C1221">
        <v>109.08882699999999</v>
      </c>
      <c r="D1221">
        <v>3332.994048</v>
      </c>
      <c r="E1221">
        <v>108.270071</v>
      </c>
      <c r="F1221">
        <v>3332.994048</v>
      </c>
      <c r="G1221">
        <v>109.394181</v>
      </c>
      <c r="H1221">
        <v>3332.994048</v>
      </c>
      <c r="I1221">
        <v>108.625625</v>
      </c>
      <c r="J1221">
        <v>3332.994048</v>
      </c>
      <c r="K1221">
        <v>109.41892199999999</v>
      </c>
      <c r="L1221">
        <v>3332.994048</v>
      </c>
      <c r="M1221">
        <v>107.437834</v>
      </c>
    </row>
    <row r="1222" spans="2:13" x14ac:dyDescent="0.45">
      <c r="B1222">
        <v>3334.9228640000001</v>
      </c>
      <c r="C1222">
        <v>109.08518100000001</v>
      </c>
      <c r="D1222">
        <v>3334.9228640000001</v>
      </c>
      <c r="E1222">
        <v>108.314021</v>
      </c>
      <c r="F1222">
        <v>3334.9228640000001</v>
      </c>
      <c r="G1222">
        <v>109.44109</v>
      </c>
      <c r="H1222">
        <v>3334.9228640000001</v>
      </c>
      <c r="I1222">
        <v>108.63441899999999</v>
      </c>
      <c r="J1222">
        <v>3334.9228640000001</v>
      </c>
      <c r="K1222">
        <v>109.399804</v>
      </c>
      <c r="L1222">
        <v>3334.9228640000001</v>
      </c>
      <c r="M1222">
        <v>107.515351</v>
      </c>
    </row>
    <row r="1223" spans="2:13" x14ac:dyDescent="0.45">
      <c r="B1223">
        <v>3336.8516800000002</v>
      </c>
      <c r="C1223">
        <v>109.027894</v>
      </c>
      <c r="D1223">
        <v>3336.8516800000002</v>
      </c>
      <c r="E1223">
        <v>108.26326400000001</v>
      </c>
      <c r="F1223">
        <v>3336.8516800000002</v>
      </c>
      <c r="G1223">
        <v>109.566064</v>
      </c>
      <c r="H1223">
        <v>3336.8516800000002</v>
      </c>
      <c r="I1223">
        <v>108.631935</v>
      </c>
      <c r="J1223">
        <v>3336.8516800000002</v>
      </c>
      <c r="K1223">
        <v>109.494033</v>
      </c>
      <c r="L1223">
        <v>3336.8516800000002</v>
      </c>
      <c r="M1223">
        <v>107.530565</v>
      </c>
    </row>
    <row r="1224" spans="2:13" x14ac:dyDescent="0.45">
      <c r="B1224">
        <v>3338.7804959999999</v>
      </c>
      <c r="C1224">
        <v>109.05812899999999</v>
      </c>
      <c r="D1224">
        <v>3338.7804959999999</v>
      </c>
      <c r="E1224">
        <v>108.243742</v>
      </c>
      <c r="F1224">
        <v>3338.7804959999999</v>
      </c>
      <c r="G1224">
        <v>109.560338</v>
      </c>
      <c r="H1224">
        <v>3338.7804959999999</v>
      </c>
      <c r="I1224">
        <v>108.64702</v>
      </c>
      <c r="J1224">
        <v>3338.7804959999999</v>
      </c>
      <c r="K1224">
        <v>109.45683200000001</v>
      </c>
      <c r="L1224">
        <v>3338.7804959999999</v>
      </c>
      <c r="M1224">
        <v>107.435779</v>
      </c>
    </row>
    <row r="1225" spans="2:13" x14ac:dyDescent="0.45">
      <c r="B1225">
        <v>3340.709312</v>
      </c>
      <c r="C1225">
        <v>109.000139</v>
      </c>
      <c r="D1225">
        <v>3340.709312</v>
      </c>
      <c r="E1225">
        <v>108.22877800000001</v>
      </c>
      <c r="F1225">
        <v>3340.709312</v>
      </c>
      <c r="G1225">
        <v>109.40412999999999</v>
      </c>
      <c r="H1225">
        <v>3340.709312</v>
      </c>
      <c r="I1225">
        <v>108.664145</v>
      </c>
      <c r="J1225">
        <v>3340.709312</v>
      </c>
      <c r="K1225">
        <v>109.38070500000001</v>
      </c>
      <c r="L1225">
        <v>3340.709312</v>
      </c>
      <c r="M1225">
        <v>107.352558</v>
      </c>
    </row>
    <row r="1226" spans="2:13" x14ac:dyDescent="0.45">
      <c r="B1226">
        <v>3342.6381280000001</v>
      </c>
      <c r="C1226">
        <v>108.97382500000001</v>
      </c>
      <c r="D1226">
        <v>3342.6381280000001</v>
      </c>
      <c r="E1226">
        <v>108.234196</v>
      </c>
      <c r="F1226">
        <v>3342.6381280000001</v>
      </c>
      <c r="G1226">
        <v>109.39912099999999</v>
      </c>
      <c r="H1226">
        <v>3342.6381280000001</v>
      </c>
      <c r="I1226">
        <v>108.65733</v>
      </c>
      <c r="J1226">
        <v>3342.6381280000001</v>
      </c>
      <c r="K1226">
        <v>109.43953500000001</v>
      </c>
      <c r="L1226">
        <v>3342.6381280000001</v>
      </c>
      <c r="M1226">
        <v>107.461663</v>
      </c>
    </row>
    <row r="1227" spans="2:13" x14ac:dyDescent="0.45">
      <c r="B1227">
        <v>3344.5669440000001</v>
      </c>
      <c r="C1227">
        <v>108.99537100000001</v>
      </c>
      <c r="D1227">
        <v>3344.5669440000001</v>
      </c>
      <c r="E1227">
        <v>108.288512</v>
      </c>
      <c r="F1227">
        <v>3344.5669440000001</v>
      </c>
      <c r="G1227">
        <v>109.41461</v>
      </c>
      <c r="H1227">
        <v>3344.5669440000001</v>
      </c>
      <c r="I1227">
        <v>108.68257199999999</v>
      </c>
      <c r="J1227">
        <v>3344.5669440000001</v>
      </c>
      <c r="K1227">
        <v>109.40091099999999</v>
      </c>
      <c r="L1227">
        <v>3344.5669440000001</v>
      </c>
      <c r="M1227">
        <v>107.487814</v>
      </c>
    </row>
    <row r="1228" spans="2:13" x14ac:dyDescent="0.45">
      <c r="B1228">
        <v>3346.4957599999998</v>
      </c>
      <c r="C1228">
        <v>109.000163</v>
      </c>
      <c r="D1228">
        <v>3346.4957599999998</v>
      </c>
      <c r="E1228">
        <v>108.308854</v>
      </c>
      <c r="F1228">
        <v>3346.4957599999998</v>
      </c>
      <c r="G1228">
        <v>109.394661</v>
      </c>
      <c r="H1228">
        <v>3346.4957599999998</v>
      </c>
      <c r="I1228">
        <v>108.63553400000001</v>
      </c>
      <c r="J1228">
        <v>3346.4957599999998</v>
      </c>
      <c r="K1228">
        <v>109.360713</v>
      </c>
      <c r="L1228">
        <v>3346.4957599999998</v>
      </c>
      <c r="M1228">
        <v>107.416859</v>
      </c>
    </row>
    <row r="1229" spans="2:13" x14ac:dyDescent="0.45">
      <c r="B1229">
        <v>3348.4245759999999</v>
      </c>
      <c r="C1229">
        <v>109.019087</v>
      </c>
      <c r="D1229">
        <v>3348.4245759999999</v>
      </c>
      <c r="E1229">
        <v>108.321201</v>
      </c>
      <c r="F1229">
        <v>3348.4245759999999</v>
      </c>
      <c r="G1229">
        <v>109.473866</v>
      </c>
      <c r="H1229">
        <v>3348.4245759999999</v>
      </c>
      <c r="I1229">
        <v>108.595215</v>
      </c>
      <c r="J1229">
        <v>3348.4245759999999</v>
      </c>
      <c r="K1229">
        <v>109.40428300000001</v>
      </c>
      <c r="L1229">
        <v>3348.4245759999999</v>
      </c>
      <c r="M1229">
        <v>107.444385</v>
      </c>
    </row>
    <row r="1230" spans="2:13" x14ac:dyDescent="0.45">
      <c r="B1230">
        <v>3350.353392</v>
      </c>
      <c r="C1230">
        <v>109.039445</v>
      </c>
      <c r="D1230">
        <v>3350.353392</v>
      </c>
      <c r="E1230">
        <v>108.293955</v>
      </c>
      <c r="F1230">
        <v>3350.353392</v>
      </c>
      <c r="G1230">
        <v>109.438717</v>
      </c>
      <c r="H1230">
        <v>3350.353392</v>
      </c>
      <c r="I1230">
        <v>108.55930600000001</v>
      </c>
      <c r="J1230">
        <v>3350.353392</v>
      </c>
      <c r="K1230">
        <v>109.429942</v>
      </c>
      <c r="L1230">
        <v>3350.353392</v>
      </c>
      <c r="M1230">
        <v>107.47226999999999</v>
      </c>
    </row>
    <row r="1231" spans="2:13" x14ac:dyDescent="0.45">
      <c r="B1231">
        <v>3352.2822080000001</v>
      </c>
      <c r="C1231">
        <v>109.04373699999999</v>
      </c>
      <c r="D1231">
        <v>3352.2822080000001</v>
      </c>
      <c r="E1231">
        <v>108.17746700000001</v>
      </c>
      <c r="F1231">
        <v>3352.2822080000001</v>
      </c>
      <c r="G1231">
        <v>109.348341</v>
      </c>
      <c r="H1231">
        <v>3352.2822080000001</v>
      </c>
      <c r="I1231">
        <v>108.59414099999999</v>
      </c>
      <c r="J1231">
        <v>3352.2822080000001</v>
      </c>
      <c r="K1231">
        <v>109.376285</v>
      </c>
      <c r="L1231">
        <v>3352.2822080000001</v>
      </c>
      <c r="M1231">
        <v>107.43106400000001</v>
      </c>
    </row>
    <row r="1232" spans="2:13" x14ac:dyDescent="0.45">
      <c r="B1232">
        <v>3354.2110240000002</v>
      </c>
      <c r="C1232">
        <v>109.013402</v>
      </c>
      <c r="D1232">
        <v>3354.2110240000002</v>
      </c>
      <c r="E1232">
        <v>108.150266</v>
      </c>
      <c r="F1232">
        <v>3354.2110240000002</v>
      </c>
      <c r="G1232">
        <v>109.361628</v>
      </c>
      <c r="H1232">
        <v>3354.2110240000002</v>
      </c>
      <c r="I1232">
        <v>108.60386099999999</v>
      </c>
      <c r="J1232">
        <v>3354.2110240000002</v>
      </c>
      <c r="K1232">
        <v>109.342465</v>
      </c>
      <c r="L1232">
        <v>3354.2110240000002</v>
      </c>
      <c r="M1232">
        <v>107.375412</v>
      </c>
    </row>
    <row r="1233" spans="2:13" x14ac:dyDescent="0.45">
      <c r="B1233">
        <v>3356.1398399999998</v>
      </c>
      <c r="C1233">
        <v>108.966504</v>
      </c>
      <c r="D1233">
        <v>3356.1398399999998</v>
      </c>
      <c r="E1233">
        <v>108.226139</v>
      </c>
      <c r="F1233">
        <v>3356.1398399999998</v>
      </c>
      <c r="G1233">
        <v>109.37521700000001</v>
      </c>
      <c r="H1233">
        <v>3356.1398399999998</v>
      </c>
      <c r="I1233">
        <v>108.577186</v>
      </c>
      <c r="J1233">
        <v>3356.1398399999998</v>
      </c>
      <c r="K1233">
        <v>109.364357</v>
      </c>
      <c r="L1233">
        <v>3356.1398399999998</v>
      </c>
      <c r="M1233">
        <v>107.303557</v>
      </c>
    </row>
    <row r="1234" spans="2:13" x14ac:dyDescent="0.45">
      <c r="B1234">
        <v>3358.0686559999999</v>
      </c>
      <c r="C1234">
        <v>109.01577399999999</v>
      </c>
      <c r="D1234">
        <v>3358.0686559999999</v>
      </c>
      <c r="E1234">
        <v>108.220291</v>
      </c>
      <c r="F1234">
        <v>3358.0686559999999</v>
      </c>
      <c r="G1234">
        <v>109.30037299999999</v>
      </c>
      <c r="H1234">
        <v>3358.0686559999999</v>
      </c>
      <c r="I1234">
        <v>108.53349</v>
      </c>
      <c r="J1234">
        <v>3358.0686559999999</v>
      </c>
      <c r="K1234">
        <v>109.419123</v>
      </c>
      <c r="L1234">
        <v>3358.0686559999999</v>
      </c>
      <c r="M1234">
        <v>107.30807799999999</v>
      </c>
    </row>
    <row r="1235" spans="2:13" x14ac:dyDescent="0.45">
      <c r="B1235">
        <v>3359.997472</v>
      </c>
      <c r="C1235">
        <v>109.036587</v>
      </c>
      <c r="D1235">
        <v>3359.997472</v>
      </c>
      <c r="E1235">
        <v>108.150454</v>
      </c>
      <c r="F1235">
        <v>3359.997472</v>
      </c>
      <c r="G1235">
        <v>109.263903</v>
      </c>
      <c r="H1235">
        <v>3359.997472</v>
      </c>
      <c r="I1235">
        <v>108.562453</v>
      </c>
      <c r="J1235">
        <v>3359.997472</v>
      </c>
      <c r="K1235">
        <v>109.42077500000001</v>
      </c>
      <c r="L1235">
        <v>3359.997472</v>
      </c>
      <c r="M1235">
        <v>107.371984</v>
      </c>
    </row>
    <row r="1236" spans="2:13" x14ac:dyDescent="0.45">
      <c r="B1236">
        <v>3361.9262880000001</v>
      </c>
      <c r="C1236">
        <v>108.942784</v>
      </c>
      <c r="D1236">
        <v>3361.9262880000001</v>
      </c>
      <c r="E1236">
        <v>108.157713</v>
      </c>
      <c r="F1236">
        <v>3361.9262880000001</v>
      </c>
      <c r="G1236">
        <v>109.265022</v>
      </c>
      <c r="H1236">
        <v>3361.9262880000001</v>
      </c>
      <c r="I1236">
        <v>108.546807</v>
      </c>
      <c r="J1236">
        <v>3361.9262880000001</v>
      </c>
      <c r="K1236">
        <v>109.38874199999999</v>
      </c>
      <c r="L1236">
        <v>3361.9262880000001</v>
      </c>
      <c r="M1236">
        <v>107.385643</v>
      </c>
    </row>
    <row r="1237" spans="2:13" x14ac:dyDescent="0.45">
      <c r="B1237">
        <v>3363.8551040000002</v>
      </c>
      <c r="C1237">
        <v>108.943662</v>
      </c>
      <c r="D1237">
        <v>3363.8551040000002</v>
      </c>
      <c r="E1237">
        <v>108.192082</v>
      </c>
      <c r="F1237">
        <v>3363.8551040000002</v>
      </c>
      <c r="G1237">
        <v>109.218703</v>
      </c>
      <c r="H1237">
        <v>3363.8551040000002</v>
      </c>
      <c r="I1237">
        <v>108.554165</v>
      </c>
      <c r="J1237">
        <v>3363.8551040000002</v>
      </c>
      <c r="K1237">
        <v>109.397353</v>
      </c>
      <c r="L1237">
        <v>3363.8551040000002</v>
      </c>
      <c r="M1237">
        <v>107.418448</v>
      </c>
    </row>
    <row r="1238" spans="2:13" x14ac:dyDescent="0.45">
      <c r="B1238">
        <v>3365.7839199999999</v>
      </c>
      <c r="C1238">
        <v>108.967682</v>
      </c>
      <c r="D1238">
        <v>3365.7839199999999</v>
      </c>
      <c r="E1238">
        <v>108.199448</v>
      </c>
      <c r="F1238">
        <v>3365.7839199999999</v>
      </c>
      <c r="G1238">
        <v>109.21905700000001</v>
      </c>
      <c r="H1238">
        <v>3365.7839199999999</v>
      </c>
      <c r="I1238">
        <v>108.517731</v>
      </c>
      <c r="J1238">
        <v>3365.7839199999999</v>
      </c>
      <c r="K1238">
        <v>109.440528</v>
      </c>
      <c r="L1238">
        <v>3365.7839199999999</v>
      </c>
      <c r="M1238">
        <v>107.448319</v>
      </c>
    </row>
    <row r="1239" spans="2:13" x14ac:dyDescent="0.45">
      <c r="B1239">
        <v>3367.7127359999999</v>
      </c>
      <c r="C1239">
        <v>108.962856</v>
      </c>
      <c r="D1239">
        <v>3367.7127359999999</v>
      </c>
      <c r="E1239">
        <v>108.20813100000001</v>
      </c>
      <c r="F1239">
        <v>3367.7127359999999</v>
      </c>
      <c r="G1239">
        <v>109.31757500000001</v>
      </c>
      <c r="H1239">
        <v>3367.7127359999999</v>
      </c>
      <c r="I1239">
        <v>108.506978</v>
      </c>
      <c r="J1239">
        <v>3367.7127359999999</v>
      </c>
      <c r="K1239">
        <v>109.459171</v>
      </c>
      <c r="L1239">
        <v>3367.7127359999999</v>
      </c>
      <c r="M1239">
        <v>107.439004</v>
      </c>
    </row>
    <row r="1240" spans="2:13" x14ac:dyDescent="0.45">
      <c r="B1240">
        <v>3369.641552</v>
      </c>
      <c r="C1240">
        <v>108.93749099999999</v>
      </c>
      <c r="D1240">
        <v>3369.641552</v>
      </c>
      <c r="E1240">
        <v>108.261844</v>
      </c>
      <c r="F1240">
        <v>3369.641552</v>
      </c>
      <c r="G1240">
        <v>109.418054</v>
      </c>
      <c r="H1240">
        <v>3369.641552</v>
      </c>
      <c r="I1240">
        <v>108.51442400000001</v>
      </c>
      <c r="J1240">
        <v>3369.641552</v>
      </c>
      <c r="K1240">
        <v>109.45262</v>
      </c>
      <c r="L1240">
        <v>3369.641552</v>
      </c>
      <c r="M1240">
        <v>107.405176</v>
      </c>
    </row>
    <row r="1241" spans="2:13" x14ac:dyDescent="0.45">
      <c r="B1241">
        <v>3371.5703680000001</v>
      </c>
      <c r="C1241">
        <v>108.875112</v>
      </c>
      <c r="D1241">
        <v>3371.5703680000001</v>
      </c>
      <c r="E1241">
        <v>108.242728</v>
      </c>
      <c r="F1241">
        <v>3371.5703680000001</v>
      </c>
      <c r="G1241">
        <v>109.453577</v>
      </c>
      <c r="H1241">
        <v>3371.5703680000001</v>
      </c>
      <c r="I1241">
        <v>108.541342</v>
      </c>
      <c r="J1241">
        <v>3371.5703680000001</v>
      </c>
      <c r="K1241">
        <v>109.45792400000001</v>
      </c>
      <c r="L1241">
        <v>3371.5703680000001</v>
      </c>
      <c r="M1241">
        <v>107.410999</v>
      </c>
    </row>
    <row r="1242" spans="2:13" x14ac:dyDescent="0.45">
      <c r="B1242">
        <v>3373.4991839999998</v>
      </c>
      <c r="C1242">
        <v>108.832735</v>
      </c>
      <c r="D1242">
        <v>3373.4991839999998</v>
      </c>
      <c r="E1242">
        <v>108.239424</v>
      </c>
      <c r="F1242">
        <v>3373.4991839999998</v>
      </c>
      <c r="G1242">
        <v>109.39413399999999</v>
      </c>
      <c r="H1242">
        <v>3373.4991839999998</v>
      </c>
      <c r="I1242">
        <v>108.549086</v>
      </c>
      <c r="J1242">
        <v>3373.4991839999998</v>
      </c>
      <c r="K1242">
        <v>109.45860999999999</v>
      </c>
      <c r="L1242">
        <v>3373.4991839999998</v>
      </c>
      <c r="M1242">
        <v>107.46086699999999</v>
      </c>
    </row>
    <row r="1243" spans="2:13" x14ac:dyDescent="0.45">
      <c r="B1243">
        <v>3375.4279999999999</v>
      </c>
      <c r="C1243">
        <v>108.807062</v>
      </c>
      <c r="D1243">
        <v>3375.4279999999999</v>
      </c>
      <c r="E1243">
        <v>108.19616600000001</v>
      </c>
      <c r="F1243">
        <v>3375.4279999999999</v>
      </c>
      <c r="G1243">
        <v>109.368387</v>
      </c>
      <c r="H1243">
        <v>3375.4279999999999</v>
      </c>
      <c r="I1243">
        <v>108.532877</v>
      </c>
      <c r="J1243">
        <v>3375.4279999999999</v>
      </c>
      <c r="K1243">
        <v>109.444889</v>
      </c>
      <c r="L1243">
        <v>3375.4279999999999</v>
      </c>
      <c r="M1243">
        <v>107.439097</v>
      </c>
    </row>
    <row r="1244" spans="2:13" x14ac:dyDescent="0.45">
      <c r="B1244">
        <v>3377.356816</v>
      </c>
      <c r="C1244">
        <v>108.861377</v>
      </c>
      <c r="D1244">
        <v>3377.356816</v>
      </c>
      <c r="E1244">
        <v>108.22159000000001</v>
      </c>
      <c r="F1244">
        <v>3377.356816</v>
      </c>
      <c r="G1244">
        <v>109.422382</v>
      </c>
      <c r="H1244">
        <v>3377.356816</v>
      </c>
      <c r="I1244">
        <v>108.523883</v>
      </c>
      <c r="J1244">
        <v>3377.356816</v>
      </c>
      <c r="K1244">
        <v>109.462328</v>
      </c>
      <c r="L1244">
        <v>3377.356816</v>
      </c>
      <c r="M1244">
        <v>107.424566</v>
      </c>
    </row>
    <row r="1245" spans="2:13" x14ac:dyDescent="0.45">
      <c r="B1245">
        <v>3379.2856320000001</v>
      </c>
      <c r="C1245">
        <v>108.932964</v>
      </c>
      <c r="D1245">
        <v>3379.2856320000001</v>
      </c>
      <c r="E1245">
        <v>108.29239800000001</v>
      </c>
      <c r="F1245">
        <v>3379.2856320000001</v>
      </c>
      <c r="G1245">
        <v>109.398843</v>
      </c>
      <c r="H1245">
        <v>3379.2856320000001</v>
      </c>
      <c r="I1245">
        <v>108.539067</v>
      </c>
      <c r="J1245">
        <v>3379.2856320000001</v>
      </c>
      <c r="K1245">
        <v>109.43597200000001</v>
      </c>
      <c r="L1245">
        <v>3379.2856320000001</v>
      </c>
      <c r="M1245">
        <v>107.415843</v>
      </c>
    </row>
    <row r="1246" spans="2:13" x14ac:dyDescent="0.45">
      <c r="B1246">
        <v>3381.2144480000002</v>
      </c>
      <c r="C1246">
        <v>108.874802</v>
      </c>
      <c r="D1246">
        <v>3381.2144480000002</v>
      </c>
      <c r="E1246">
        <v>108.18721500000001</v>
      </c>
      <c r="F1246">
        <v>3381.2144480000002</v>
      </c>
      <c r="G1246">
        <v>109.426529</v>
      </c>
      <c r="H1246">
        <v>3381.2144480000002</v>
      </c>
      <c r="I1246">
        <v>108.476645</v>
      </c>
      <c r="J1246">
        <v>3381.2144480000002</v>
      </c>
      <c r="K1246">
        <v>109.428618</v>
      </c>
      <c r="L1246">
        <v>3381.2144480000002</v>
      </c>
      <c r="M1246">
        <v>107.41442000000001</v>
      </c>
    </row>
    <row r="1247" spans="2:13" x14ac:dyDescent="0.45">
      <c r="B1247">
        <v>3383.1432639999998</v>
      </c>
      <c r="C1247">
        <v>108.807762</v>
      </c>
      <c r="D1247">
        <v>3383.1432639999998</v>
      </c>
      <c r="E1247">
        <v>108.12114200000001</v>
      </c>
      <c r="F1247">
        <v>3383.1432639999998</v>
      </c>
      <c r="G1247">
        <v>109.422639</v>
      </c>
      <c r="H1247">
        <v>3383.1432639999998</v>
      </c>
      <c r="I1247">
        <v>108.595185</v>
      </c>
      <c r="J1247">
        <v>3383.1432639999998</v>
      </c>
      <c r="K1247">
        <v>109.43042800000001</v>
      </c>
      <c r="L1247">
        <v>3383.1432639999998</v>
      </c>
      <c r="M1247">
        <v>107.43640000000001</v>
      </c>
    </row>
    <row r="1248" spans="2:13" x14ac:dyDescent="0.45">
      <c r="B1248">
        <v>3385.0720799999999</v>
      </c>
      <c r="C1248">
        <v>108.81303200000001</v>
      </c>
      <c r="D1248">
        <v>3385.0720799999999</v>
      </c>
      <c r="E1248">
        <v>108.121572</v>
      </c>
      <c r="F1248">
        <v>3385.0720799999999</v>
      </c>
      <c r="G1248">
        <v>109.335556</v>
      </c>
      <c r="H1248">
        <v>3385.0720799999999</v>
      </c>
      <c r="I1248">
        <v>108.65318000000001</v>
      </c>
      <c r="J1248">
        <v>3385.0720799999999</v>
      </c>
      <c r="K1248">
        <v>109.38450899999999</v>
      </c>
      <c r="L1248">
        <v>3385.0720799999999</v>
      </c>
      <c r="M1248">
        <v>107.47427</v>
      </c>
    </row>
    <row r="1249" spans="2:13" x14ac:dyDescent="0.45">
      <c r="B1249">
        <v>3387.000896</v>
      </c>
      <c r="C1249">
        <v>108.854916</v>
      </c>
      <c r="D1249">
        <v>3387.000896</v>
      </c>
      <c r="E1249">
        <v>108.11733600000001</v>
      </c>
      <c r="F1249">
        <v>3387.000896</v>
      </c>
      <c r="G1249">
        <v>109.321218</v>
      </c>
      <c r="H1249">
        <v>3387.000896</v>
      </c>
      <c r="I1249">
        <v>108.53655500000001</v>
      </c>
      <c r="J1249">
        <v>3387.000896</v>
      </c>
      <c r="K1249">
        <v>109.368726</v>
      </c>
      <c r="L1249">
        <v>3387.000896</v>
      </c>
      <c r="M1249">
        <v>107.483159</v>
      </c>
    </row>
    <row r="1250" spans="2:13" x14ac:dyDescent="0.45">
      <c r="B1250">
        <v>3388.9297120000001</v>
      </c>
      <c r="C1250">
        <v>108.85213</v>
      </c>
      <c r="D1250">
        <v>3388.9297120000001</v>
      </c>
      <c r="E1250">
        <v>108.08881100000001</v>
      </c>
      <c r="F1250">
        <v>3388.9297120000001</v>
      </c>
      <c r="G1250">
        <v>109.310666</v>
      </c>
      <c r="H1250">
        <v>3388.9297120000001</v>
      </c>
      <c r="I1250">
        <v>108.552561</v>
      </c>
      <c r="J1250">
        <v>3388.9297120000001</v>
      </c>
      <c r="K1250">
        <v>109.50107800000001</v>
      </c>
      <c r="L1250">
        <v>3388.9297120000001</v>
      </c>
      <c r="M1250">
        <v>107.43588099999999</v>
      </c>
    </row>
    <row r="1251" spans="2:13" x14ac:dyDescent="0.45">
      <c r="B1251">
        <v>3390.8585280000002</v>
      </c>
      <c r="C1251">
        <v>108.803343</v>
      </c>
      <c r="D1251">
        <v>3390.8585280000002</v>
      </c>
      <c r="E1251">
        <v>108.098662</v>
      </c>
      <c r="F1251">
        <v>3390.8585280000002</v>
      </c>
      <c r="G1251">
        <v>109.279594</v>
      </c>
      <c r="H1251">
        <v>3390.8585280000002</v>
      </c>
      <c r="I1251">
        <v>108.71347900000001</v>
      </c>
      <c r="J1251">
        <v>3390.8585280000002</v>
      </c>
      <c r="K1251">
        <v>109.554541</v>
      </c>
      <c r="L1251">
        <v>3390.8585280000002</v>
      </c>
      <c r="M1251">
        <v>107.495841</v>
      </c>
    </row>
    <row r="1252" spans="2:13" x14ac:dyDescent="0.45">
      <c r="B1252">
        <v>3392.7873439999998</v>
      </c>
      <c r="C1252">
        <v>108.82513</v>
      </c>
      <c r="D1252">
        <v>3392.7873439999998</v>
      </c>
      <c r="E1252">
        <v>108.111028</v>
      </c>
      <c r="F1252">
        <v>3392.7873439999998</v>
      </c>
      <c r="G1252">
        <v>109.33930100000001</v>
      </c>
      <c r="H1252">
        <v>3392.7873439999998</v>
      </c>
      <c r="I1252">
        <v>108.79076999999999</v>
      </c>
      <c r="J1252">
        <v>3392.7873439999998</v>
      </c>
      <c r="K1252">
        <v>109.47740400000001</v>
      </c>
      <c r="L1252">
        <v>3392.7873439999998</v>
      </c>
      <c r="M1252">
        <v>107.52249999999999</v>
      </c>
    </row>
    <row r="1253" spans="2:13" x14ac:dyDescent="0.45">
      <c r="B1253">
        <v>3394.7161599999999</v>
      </c>
      <c r="C1253">
        <v>108.82186</v>
      </c>
      <c r="D1253">
        <v>3394.7161599999999</v>
      </c>
      <c r="E1253">
        <v>108.09946000000001</v>
      </c>
      <c r="F1253">
        <v>3394.7161599999999</v>
      </c>
      <c r="G1253">
        <v>109.449342</v>
      </c>
      <c r="H1253">
        <v>3394.7161599999999</v>
      </c>
      <c r="I1253">
        <v>108.77230900000001</v>
      </c>
      <c r="J1253">
        <v>3394.7161599999999</v>
      </c>
      <c r="K1253">
        <v>109.46629799999999</v>
      </c>
      <c r="L1253">
        <v>3394.7161599999999</v>
      </c>
      <c r="M1253">
        <v>107.47471</v>
      </c>
    </row>
    <row r="1254" spans="2:13" x14ac:dyDescent="0.45">
      <c r="B1254">
        <v>3396.644976</v>
      </c>
      <c r="C1254">
        <v>108.791223</v>
      </c>
      <c r="D1254">
        <v>3396.644976</v>
      </c>
      <c r="E1254">
        <v>108.092516</v>
      </c>
      <c r="F1254">
        <v>3396.644976</v>
      </c>
      <c r="G1254">
        <v>109.459441</v>
      </c>
      <c r="H1254">
        <v>3396.644976</v>
      </c>
      <c r="I1254">
        <v>108.67843999999999</v>
      </c>
      <c r="J1254">
        <v>3396.644976</v>
      </c>
      <c r="K1254">
        <v>109.470372</v>
      </c>
      <c r="L1254">
        <v>3396.644976</v>
      </c>
      <c r="M1254">
        <v>107.41974399999999</v>
      </c>
    </row>
    <row r="1255" spans="2:13" x14ac:dyDescent="0.45">
      <c r="B1255">
        <v>3398.5737920000001</v>
      </c>
      <c r="C1255">
        <v>108.814897</v>
      </c>
      <c r="D1255">
        <v>3398.5737920000001</v>
      </c>
      <c r="E1255">
        <v>108.145262</v>
      </c>
      <c r="F1255">
        <v>3398.5737920000001</v>
      </c>
      <c r="G1255">
        <v>109.475926</v>
      </c>
      <c r="H1255">
        <v>3398.5737920000001</v>
      </c>
      <c r="I1255">
        <v>108.70871699999999</v>
      </c>
      <c r="J1255">
        <v>3398.5737920000001</v>
      </c>
      <c r="K1255">
        <v>109.534549</v>
      </c>
      <c r="L1255">
        <v>3398.5737920000001</v>
      </c>
      <c r="M1255">
        <v>107.399299</v>
      </c>
    </row>
    <row r="1256" spans="2:13" x14ac:dyDescent="0.45">
      <c r="B1256">
        <v>3400.5026079999998</v>
      </c>
      <c r="C1256">
        <v>108.800691</v>
      </c>
      <c r="D1256">
        <v>3400.5026079999998</v>
      </c>
      <c r="E1256">
        <v>108.174541</v>
      </c>
      <c r="F1256">
        <v>3400.5026079999998</v>
      </c>
      <c r="G1256">
        <v>109.495519</v>
      </c>
      <c r="H1256">
        <v>3400.5026079999998</v>
      </c>
      <c r="I1256">
        <v>108.779472</v>
      </c>
      <c r="J1256">
        <v>3400.5026079999998</v>
      </c>
      <c r="K1256">
        <v>109.574397</v>
      </c>
      <c r="L1256">
        <v>3400.5026079999998</v>
      </c>
      <c r="M1256">
        <v>107.449961</v>
      </c>
    </row>
    <row r="1257" spans="2:13" x14ac:dyDescent="0.45">
      <c r="B1257">
        <v>3402.4314239999999</v>
      </c>
      <c r="C1257">
        <v>108.87769400000001</v>
      </c>
      <c r="D1257">
        <v>3402.4314239999999</v>
      </c>
      <c r="E1257">
        <v>108.143474</v>
      </c>
      <c r="F1257">
        <v>3402.4314239999999</v>
      </c>
      <c r="G1257">
        <v>109.398084</v>
      </c>
      <c r="H1257">
        <v>3402.4314239999999</v>
      </c>
      <c r="I1257">
        <v>108.758326</v>
      </c>
      <c r="J1257">
        <v>3402.4314239999999</v>
      </c>
      <c r="K1257">
        <v>109.483165</v>
      </c>
      <c r="L1257">
        <v>3402.4314239999999</v>
      </c>
      <c r="M1257">
        <v>107.512113</v>
      </c>
    </row>
    <row r="1258" spans="2:13" x14ac:dyDescent="0.45">
      <c r="B1258">
        <v>3404.36024</v>
      </c>
      <c r="C1258">
        <v>108.87123</v>
      </c>
      <c r="D1258">
        <v>3404.36024</v>
      </c>
      <c r="E1258">
        <v>108.191372</v>
      </c>
      <c r="F1258">
        <v>3404.36024</v>
      </c>
      <c r="G1258">
        <v>109.35153200000001</v>
      </c>
      <c r="H1258">
        <v>3404.36024</v>
      </c>
      <c r="I1258">
        <v>108.66146999999999</v>
      </c>
      <c r="J1258">
        <v>3404.36024</v>
      </c>
      <c r="K1258">
        <v>109.417351</v>
      </c>
      <c r="L1258">
        <v>3404.36024</v>
      </c>
      <c r="M1258">
        <v>107.5565</v>
      </c>
    </row>
    <row r="1259" spans="2:13" x14ac:dyDescent="0.45">
      <c r="B1259">
        <v>3406.2890560000001</v>
      </c>
      <c r="C1259">
        <v>108.845189</v>
      </c>
      <c r="D1259">
        <v>3406.2890560000001</v>
      </c>
      <c r="E1259">
        <v>108.227046</v>
      </c>
      <c r="F1259">
        <v>3406.2890560000001</v>
      </c>
      <c r="G1259">
        <v>109.382007</v>
      </c>
      <c r="H1259">
        <v>3406.2890560000001</v>
      </c>
      <c r="I1259">
        <v>108.58636</v>
      </c>
      <c r="J1259">
        <v>3406.2890560000001</v>
      </c>
      <c r="K1259">
        <v>109.373976</v>
      </c>
      <c r="L1259">
        <v>3406.2890560000001</v>
      </c>
      <c r="M1259">
        <v>107.558409</v>
      </c>
    </row>
    <row r="1260" spans="2:13" x14ac:dyDescent="0.45">
      <c r="B1260">
        <v>3408.2178720000002</v>
      </c>
      <c r="C1260">
        <v>108.867589</v>
      </c>
      <c r="D1260">
        <v>3408.2178720000002</v>
      </c>
      <c r="E1260">
        <v>108.17986500000001</v>
      </c>
      <c r="F1260">
        <v>3408.2178720000002</v>
      </c>
      <c r="G1260">
        <v>109.436562</v>
      </c>
      <c r="H1260">
        <v>3408.2178720000002</v>
      </c>
      <c r="I1260">
        <v>108.523627</v>
      </c>
      <c r="J1260">
        <v>3408.2178720000002</v>
      </c>
      <c r="K1260">
        <v>109.43368700000001</v>
      </c>
      <c r="L1260">
        <v>3408.2178720000002</v>
      </c>
      <c r="M1260">
        <v>107.56695999999999</v>
      </c>
    </row>
    <row r="1261" spans="2:13" x14ac:dyDescent="0.45">
      <c r="B1261">
        <v>3410.1466879999998</v>
      </c>
      <c r="C1261">
        <v>108.82181799999999</v>
      </c>
      <c r="D1261">
        <v>3410.1466879999998</v>
      </c>
      <c r="E1261">
        <v>108.161863</v>
      </c>
      <c r="F1261">
        <v>3410.1466879999998</v>
      </c>
      <c r="G1261">
        <v>109.417857</v>
      </c>
      <c r="H1261">
        <v>3410.1466879999998</v>
      </c>
      <c r="I1261">
        <v>108.654355</v>
      </c>
      <c r="J1261">
        <v>3410.1466879999998</v>
      </c>
      <c r="K1261">
        <v>109.506032</v>
      </c>
      <c r="L1261">
        <v>3410.1466879999998</v>
      </c>
      <c r="M1261">
        <v>107.537605</v>
      </c>
    </row>
    <row r="1262" spans="2:13" x14ac:dyDescent="0.45">
      <c r="B1262">
        <v>3412.0755039999999</v>
      </c>
      <c r="C1262">
        <v>108.790316</v>
      </c>
      <c r="D1262">
        <v>3412.0755039999999</v>
      </c>
      <c r="E1262">
        <v>108.219218</v>
      </c>
      <c r="F1262">
        <v>3412.0755039999999</v>
      </c>
      <c r="G1262">
        <v>109.358254</v>
      </c>
      <c r="H1262">
        <v>3412.0755039999999</v>
      </c>
      <c r="I1262">
        <v>108.70890900000001</v>
      </c>
      <c r="J1262">
        <v>3412.0755039999999</v>
      </c>
      <c r="K1262">
        <v>109.501136</v>
      </c>
      <c r="L1262">
        <v>3412.0755039999999</v>
      </c>
      <c r="M1262">
        <v>107.48291500000001</v>
      </c>
    </row>
    <row r="1263" spans="2:13" x14ac:dyDescent="0.45">
      <c r="B1263">
        <v>3414.00432</v>
      </c>
      <c r="C1263">
        <v>108.779464</v>
      </c>
      <c r="D1263">
        <v>3414.00432</v>
      </c>
      <c r="E1263">
        <v>108.17161800000001</v>
      </c>
      <c r="F1263">
        <v>3414.00432</v>
      </c>
      <c r="G1263">
        <v>109.342778</v>
      </c>
      <c r="H1263">
        <v>3414.00432</v>
      </c>
      <c r="I1263">
        <v>108.702983</v>
      </c>
      <c r="J1263">
        <v>3414.00432</v>
      </c>
      <c r="K1263">
        <v>109.491787</v>
      </c>
      <c r="L1263">
        <v>3414.00432</v>
      </c>
      <c r="M1263">
        <v>107.50114499999999</v>
      </c>
    </row>
    <row r="1264" spans="2:13" x14ac:dyDescent="0.45">
      <c r="B1264">
        <v>3415.9331360000001</v>
      </c>
      <c r="C1264">
        <v>108.72921599999999</v>
      </c>
      <c r="D1264">
        <v>3415.9331360000001</v>
      </c>
      <c r="E1264">
        <v>108.11853000000001</v>
      </c>
      <c r="F1264">
        <v>3415.9331360000001</v>
      </c>
      <c r="G1264">
        <v>109.408868</v>
      </c>
      <c r="H1264">
        <v>3415.9331360000001</v>
      </c>
      <c r="I1264">
        <v>108.659693</v>
      </c>
      <c r="J1264">
        <v>3415.9331360000001</v>
      </c>
      <c r="K1264">
        <v>109.534605</v>
      </c>
      <c r="L1264">
        <v>3415.9331360000001</v>
      </c>
      <c r="M1264">
        <v>107.570826</v>
      </c>
    </row>
    <row r="1265" spans="2:13" x14ac:dyDescent="0.45">
      <c r="B1265">
        <v>3417.8619520000002</v>
      </c>
      <c r="C1265">
        <v>108.655996</v>
      </c>
      <c r="D1265">
        <v>3417.8619520000002</v>
      </c>
      <c r="E1265">
        <v>108.18106</v>
      </c>
      <c r="F1265">
        <v>3417.8619520000002</v>
      </c>
      <c r="G1265">
        <v>109.38739099999999</v>
      </c>
      <c r="H1265">
        <v>3417.8619520000002</v>
      </c>
      <c r="I1265">
        <v>108.672528</v>
      </c>
      <c r="J1265">
        <v>3417.8619520000002</v>
      </c>
      <c r="K1265">
        <v>109.612274</v>
      </c>
      <c r="L1265">
        <v>3417.8619520000002</v>
      </c>
      <c r="M1265">
        <v>107.56753500000001</v>
      </c>
    </row>
    <row r="1266" spans="2:13" x14ac:dyDescent="0.45">
      <c r="B1266">
        <v>3419.7907679999998</v>
      </c>
      <c r="C1266">
        <v>108.705243</v>
      </c>
      <c r="D1266">
        <v>3419.7907679999998</v>
      </c>
      <c r="E1266">
        <v>108.248147</v>
      </c>
      <c r="F1266">
        <v>3419.7907679999998</v>
      </c>
      <c r="G1266">
        <v>109.390387</v>
      </c>
      <c r="H1266">
        <v>3419.7907679999998</v>
      </c>
      <c r="I1266">
        <v>108.684999</v>
      </c>
      <c r="J1266">
        <v>3419.7907679999998</v>
      </c>
      <c r="K1266">
        <v>109.634078</v>
      </c>
      <c r="L1266">
        <v>3419.7907679999998</v>
      </c>
      <c r="M1266">
        <v>107.480086</v>
      </c>
    </row>
    <row r="1267" spans="2:13" x14ac:dyDescent="0.45">
      <c r="B1267">
        <v>3421.7195839999999</v>
      </c>
      <c r="C1267">
        <v>108.69423500000001</v>
      </c>
      <c r="D1267">
        <v>3421.7195839999999</v>
      </c>
      <c r="E1267">
        <v>108.23147800000001</v>
      </c>
      <c r="F1267">
        <v>3421.7195839999999</v>
      </c>
      <c r="G1267">
        <v>109.41319799999999</v>
      </c>
      <c r="H1267">
        <v>3421.7195839999999</v>
      </c>
      <c r="I1267">
        <v>108.673401</v>
      </c>
      <c r="J1267">
        <v>3421.7195839999999</v>
      </c>
      <c r="K1267">
        <v>109.547</v>
      </c>
      <c r="L1267">
        <v>3421.7195839999999</v>
      </c>
      <c r="M1267">
        <v>107.431758</v>
      </c>
    </row>
    <row r="1268" spans="2:13" x14ac:dyDescent="0.45">
      <c r="B1268">
        <v>3423.6484</v>
      </c>
      <c r="C1268">
        <v>108.667711</v>
      </c>
      <c r="D1268">
        <v>3423.6484</v>
      </c>
      <c r="E1268">
        <v>108.18535300000001</v>
      </c>
      <c r="F1268">
        <v>3423.6484</v>
      </c>
      <c r="G1268">
        <v>109.42376</v>
      </c>
      <c r="H1268">
        <v>3423.6484</v>
      </c>
      <c r="I1268">
        <v>108.597492</v>
      </c>
      <c r="J1268">
        <v>3423.6484</v>
      </c>
      <c r="K1268">
        <v>109.51308299999999</v>
      </c>
      <c r="L1268">
        <v>3423.6484</v>
      </c>
      <c r="M1268">
        <v>107.46297300000001</v>
      </c>
    </row>
    <row r="1269" spans="2:13" x14ac:dyDescent="0.45">
      <c r="B1269">
        <v>3425.5772160000001</v>
      </c>
      <c r="C1269">
        <v>108.764589</v>
      </c>
      <c r="D1269">
        <v>3425.5772160000001</v>
      </c>
      <c r="E1269">
        <v>108.12721000000001</v>
      </c>
      <c r="F1269">
        <v>3425.5772160000001</v>
      </c>
      <c r="G1269">
        <v>109.476896</v>
      </c>
      <c r="H1269">
        <v>3425.5772160000001</v>
      </c>
      <c r="I1269">
        <v>108.621562</v>
      </c>
      <c r="J1269">
        <v>3425.5772160000001</v>
      </c>
      <c r="K1269">
        <v>109.520583</v>
      </c>
      <c r="L1269">
        <v>3425.5772160000001</v>
      </c>
      <c r="M1269">
        <v>107.51128</v>
      </c>
    </row>
    <row r="1270" spans="2:13" x14ac:dyDescent="0.45">
      <c r="B1270">
        <v>3427.5060319999998</v>
      </c>
      <c r="C1270">
        <v>108.829697</v>
      </c>
      <c r="D1270">
        <v>3427.5060319999998</v>
      </c>
      <c r="E1270">
        <v>108.125356</v>
      </c>
      <c r="F1270">
        <v>3427.5060319999998</v>
      </c>
      <c r="G1270">
        <v>109.42778199999999</v>
      </c>
      <c r="H1270">
        <v>3427.5060319999998</v>
      </c>
      <c r="I1270">
        <v>108.667265</v>
      </c>
      <c r="J1270">
        <v>3427.5060319999998</v>
      </c>
      <c r="K1270">
        <v>109.520779</v>
      </c>
      <c r="L1270">
        <v>3427.5060319999998</v>
      </c>
      <c r="M1270">
        <v>107.53725300000001</v>
      </c>
    </row>
    <row r="1271" spans="2:13" x14ac:dyDescent="0.45">
      <c r="B1271">
        <v>3429.4348479999999</v>
      </c>
      <c r="C1271">
        <v>108.731076</v>
      </c>
      <c r="D1271">
        <v>3429.4348479999999</v>
      </c>
      <c r="E1271">
        <v>108.147333</v>
      </c>
      <c r="F1271">
        <v>3429.4348479999999</v>
      </c>
      <c r="G1271">
        <v>109.432317</v>
      </c>
      <c r="H1271">
        <v>3429.4348479999999</v>
      </c>
      <c r="I1271">
        <v>108.74507699999999</v>
      </c>
      <c r="J1271">
        <v>3429.4348479999999</v>
      </c>
      <c r="K1271">
        <v>109.543815</v>
      </c>
      <c r="L1271">
        <v>3429.4348479999999</v>
      </c>
      <c r="M1271">
        <v>107.538032</v>
      </c>
    </row>
    <row r="1272" spans="2:13" x14ac:dyDescent="0.45">
      <c r="B1272">
        <v>3431.363664</v>
      </c>
      <c r="C1272">
        <v>108.61252</v>
      </c>
      <c r="D1272">
        <v>3431.363664</v>
      </c>
      <c r="E1272">
        <v>108.18253200000001</v>
      </c>
      <c r="F1272">
        <v>3431.363664</v>
      </c>
      <c r="G1272">
        <v>109.47605799999999</v>
      </c>
      <c r="H1272">
        <v>3431.363664</v>
      </c>
      <c r="I1272">
        <v>108.730154</v>
      </c>
      <c r="J1272">
        <v>3431.363664</v>
      </c>
      <c r="K1272">
        <v>109.618667</v>
      </c>
      <c r="L1272">
        <v>3431.363664</v>
      </c>
      <c r="M1272">
        <v>107.538439</v>
      </c>
    </row>
    <row r="1273" spans="2:13" x14ac:dyDescent="0.45">
      <c r="B1273">
        <v>3433.2924800000001</v>
      </c>
      <c r="C1273">
        <v>108.615071</v>
      </c>
      <c r="D1273">
        <v>3433.2924800000001</v>
      </c>
      <c r="E1273">
        <v>108.167573</v>
      </c>
      <c r="F1273">
        <v>3433.2924800000001</v>
      </c>
      <c r="G1273">
        <v>109.410702</v>
      </c>
      <c r="H1273">
        <v>3433.2924800000001</v>
      </c>
      <c r="I1273">
        <v>108.746849</v>
      </c>
      <c r="J1273">
        <v>3433.2924800000001</v>
      </c>
      <c r="K1273">
        <v>109.65597699999999</v>
      </c>
      <c r="L1273">
        <v>3433.2924800000001</v>
      </c>
      <c r="M1273">
        <v>107.580928</v>
      </c>
    </row>
    <row r="1274" spans="2:13" x14ac:dyDescent="0.45">
      <c r="B1274">
        <v>3435.2212960000002</v>
      </c>
      <c r="C1274">
        <v>108.702673</v>
      </c>
      <c r="D1274">
        <v>3435.2212960000002</v>
      </c>
      <c r="E1274">
        <v>108.091858</v>
      </c>
      <c r="F1274">
        <v>3435.2212960000002</v>
      </c>
      <c r="G1274">
        <v>109.369085</v>
      </c>
      <c r="H1274">
        <v>3435.2212960000002</v>
      </c>
      <c r="I1274">
        <v>108.799211</v>
      </c>
      <c r="J1274">
        <v>3435.2212960000002</v>
      </c>
      <c r="K1274">
        <v>109.57822899999999</v>
      </c>
      <c r="L1274">
        <v>3435.2212960000002</v>
      </c>
      <c r="M1274">
        <v>107.664349</v>
      </c>
    </row>
    <row r="1275" spans="2:13" x14ac:dyDescent="0.45">
      <c r="B1275">
        <v>3437.1501119999998</v>
      </c>
      <c r="C1275">
        <v>108.76884800000001</v>
      </c>
      <c r="D1275">
        <v>3437.1501119999998</v>
      </c>
      <c r="E1275">
        <v>108.10275200000001</v>
      </c>
      <c r="F1275">
        <v>3437.1501119999998</v>
      </c>
      <c r="G1275">
        <v>109.427035</v>
      </c>
      <c r="H1275">
        <v>3437.1501119999998</v>
      </c>
      <c r="I1275">
        <v>108.81223799999999</v>
      </c>
      <c r="J1275">
        <v>3437.1501119999998</v>
      </c>
      <c r="K1275">
        <v>109.51004500000001</v>
      </c>
      <c r="L1275">
        <v>3437.1501119999998</v>
      </c>
      <c r="M1275">
        <v>107.702519</v>
      </c>
    </row>
    <row r="1276" spans="2:13" x14ac:dyDescent="0.45">
      <c r="B1276">
        <v>3439.0789279999999</v>
      </c>
      <c r="C1276">
        <v>108.73954999999999</v>
      </c>
      <c r="D1276">
        <v>3439.0789279999999</v>
      </c>
      <c r="E1276">
        <v>108.162806</v>
      </c>
      <c r="F1276">
        <v>3439.0789279999999</v>
      </c>
      <c r="G1276">
        <v>109.427854</v>
      </c>
      <c r="H1276">
        <v>3439.0789279999999</v>
      </c>
      <c r="I1276">
        <v>108.757875</v>
      </c>
      <c r="J1276">
        <v>3439.0789279999999</v>
      </c>
      <c r="K1276">
        <v>109.52502800000001</v>
      </c>
      <c r="L1276">
        <v>3439.0789279999999</v>
      </c>
      <c r="M1276">
        <v>107.715085</v>
      </c>
    </row>
    <row r="1277" spans="2:13" x14ac:dyDescent="0.45">
      <c r="B1277">
        <v>3441.007744</v>
      </c>
      <c r="C1277">
        <v>108.680153</v>
      </c>
      <c r="D1277">
        <v>3441.007744</v>
      </c>
      <c r="E1277">
        <v>108.133606</v>
      </c>
      <c r="F1277">
        <v>3441.007744</v>
      </c>
      <c r="G1277">
        <v>109.372574</v>
      </c>
      <c r="H1277">
        <v>3441.007744</v>
      </c>
      <c r="I1277">
        <v>108.674536</v>
      </c>
      <c r="J1277">
        <v>3441.007744</v>
      </c>
      <c r="K1277">
        <v>109.512204</v>
      </c>
      <c r="L1277">
        <v>3441.007744</v>
      </c>
      <c r="M1277">
        <v>107.668807</v>
      </c>
    </row>
    <row r="1278" spans="2:13" x14ac:dyDescent="0.45">
      <c r="B1278">
        <v>3442.9365600000001</v>
      </c>
      <c r="C1278">
        <v>108.684969</v>
      </c>
      <c r="D1278">
        <v>3442.9365600000001</v>
      </c>
      <c r="E1278">
        <v>108.11682</v>
      </c>
      <c r="F1278">
        <v>3442.9365600000001</v>
      </c>
      <c r="G1278">
        <v>109.30534299999999</v>
      </c>
      <c r="H1278">
        <v>3442.9365600000001</v>
      </c>
      <c r="I1278">
        <v>108.657509</v>
      </c>
      <c r="J1278">
        <v>3442.9365600000001</v>
      </c>
      <c r="K1278">
        <v>109.471833</v>
      </c>
      <c r="L1278">
        <v>3442.9365600000001</v>
      </c>
      <c r="M1278">
        <v>107.668553</v>
      </c>
    </row>
    <row r="1279" spans="2:13" x14ac:dyDescent="0.45">
      <c r="B1279">
        <v>3444.8653760000002</v>
      </c>
      <c r="C1279">
        <v>108.751722</v>
      </c>
      <c r="D1279">
        <v>3444.8653760000002</v>
      </c>
      <c r="E1279">
        <v>108.085312</v>
      </c>
      <c r="F1279">
        <v>3444.8653760000002</v>
      </c>
      <c r="G1279">
        <v>109.34224</v>
      </c>
      <c r="H1279">
        <v>3444.8653760000002</v>
      </c>
      <c r="I1279">
        <v>108.757575</v>
      </c>
      <c r="J1279">
        <v>3444.8653760000002</v>
      </c>
      <c r="K1279">
        <v>109.504193</v>
      </c>
      <c r="L1279">
        <v>3444.8653760000002</v>
      </c>
      <c r="M1279">
        <v>107.760678</v>
      </c>
    </row>
    <row r="1280" spans="2:13" x14ac:dyDescent="0.45">
      <c r="B1280">
        <v>3446.7941919999998</v>
      </c>
      <c r="C1280">
        <v>108.718327</v>
      </c>
      <c r="D1280">
        <v>3446.7941919999998</v>
      </c>
      <c r="E1280">
        <v>108.07481900000001</v>
      </c>
      <c r="F1280">
        <v>3446.7941919999998</v>
      </c>
      <c r="G1280">
        <v>109.531329</v>
      </c>
      <c r="H1280">
        <v>3446.7941919999998</v>
      </c>
      <c r="I1280">
        <v>108.782707</v>
      </c>
      <c r="J1280">
        <v>3446.7941919999998</v>
      </c>
      <c r="K1280">
        <v>109.55576499999999</v>
      </c>
      <c r="L1280">
        <v>3446.7941919999998</v>
      </c>
      <c r="M1280">
        <v>107.75211</v>
      </c>
    </row>
    <row r="1281" spans="2:13" x14ac:dyDescent="0.45">
      <c r="B1281">
        <v>3448.7230079999999</v>
      </c>
      <c r="C1281">
        <v>108.64838399999999</v>
      </c>
      <c r="D1281">
        <v>3448.7230079999999</v>
      </c>
      <c r="E1281">
        <v>108.068129</v>
      </c>
      <c r="F1281">
        <v>3448.7230079999999</v>
      </c>
      <c r="G1281">
        <v>109.525432</v>
      </c>
      <c r="H1281">
        <v>3448.7230079999999</v>
      </c>
      <c r="I1281">
        <v>108.796199</v>
      </c>
      <c r="J1281">
        <v>3448.7230079999999</v>
      </c>
      <c r="K1281">
        <v>109.559442</v>
      </c>
      <c r="L1281">
        <v>3448.7230079999999</v>
      </c>
      <c r="M1281">
        <v>107.695268</v>
      </c>
    </row>
    <row r="1282" spans="2:13" x14ac:dyDescent="0.45">
      <c r="B1282">
        <v>3450.651824</v>
      </c>
      <c r="C1282">
        <v>108.65995599999999</v>
      </c>
      <c r="D1282">
        <v>3450.651824</v>
      </c>
      <c r="E1282">
        <v>108.088595</v>
      </c>
      <c r="F1282">
        <v>3450.651824</v>
      </c>
      <c r="G1282">
        <v>109.429554</v>
      </c>
      <c r="H1282">
        <v>3450.651824</v>
      </c>
      <c r="I1282">
        <v>108.831035</v>
      </c>
      <c r="J1282">
        <v>3450.651824</v>
      </c>
      <c r="K1282">
        <v>109.54624699999999</v>
      </c>
      <c r="L1282">
        <v>3450.651824</v>
      </c>
      <c r="M1282">
        <v>107.63842099999999</v>
      </c>
    </row>
    <row r="1283" spans="2:13" x14ac:dyDescent="0.45">
      <c r="B1283">
        <v>3452.5806400000001</v>
      </c>
      <c r="C1283">
        <v>108.703351</v>
      </c>
      <c r="D1283">
        <v>3452.5806400000001</v>
      </c>
      <c r="E1283">
        <v>108.09199700000001</v>
      </c>
      <c r="F1283">
        <v>3452.5806400000001</v>
      </c>
      <c r="G1283">
        <v>109.380078</v>
      </c>
      <c r="H1283">
        <v>3452.5806400000001</v>
      </c>
      <c r="I1283">
        <v>108.824253</v>
      </c>
      <c r="J1283">
        <v>3452.5806400000001</v>
      </c>
      <c r="K1283">
        <v>109.577037</v>
      </c>
      <c r="L1283">
        <v>3452.5806400000001</v>
      </c>
      <c r="M1283">
        <v>107.658356</v>
      </c>
    </row>
    <row r="1284" spans="2:13" x14ac:dyDescent="0.45">
      <c r="B1284">
        <v>3454.5094559999998</v>
      </c>
      <c r="C1284">
        <v>108.636448</v>
      </c>
      <c r="D1284">
        <v>3454.5094559999998</v>
      </c>
      <c r="E1284">
        <v>108.056775</v>
      </c>
      <c r="F1284">
        <v>3454.5094559999998</v>
      </c>
      <c r="G1284">
        <v>109.384957</v>
      </c>
      <c r="H1284">
        <v>3454.5094559999998</v>
      </c>
      <c r="I1284">
        <v>108.81582299999999</v>
      </c>
      <c r="J1284">
        <v>3454.5094559999998</v>
      </c>
      <c r="K1284">
        <v>109.63667100000001</v>
      </c>
      <c r="L1284">
        <v>3454.5094559999998</v>
      </c>
      <c r="M1284">
        <v>107.700563</v>
      </c>
    </row>
    <row r="1285" spans="2:13" x14ac:dyDescent="0.45">
      <c r="B1285">
        <v>3456.4382719999999</v>
      </c>
      <c r="C1285">
        <v>108.616095</v>
      </c>
      <c r="D1285">
        <v>3456.4382719999999</v>
      </c>
      <c r="E1285">
        <v>108.075788</v>
      </c>
      <c r="F1285">
        <v>3456.4382719999999</v>
      </c>
      <c r="G1285">
        <v>109.39662300000001</v>
      </c>
      <c r="H1285">
        <v>3456.4382719999999</v>
      </c>
      <c r="I1285">
        <v>108.832228</v>
      </c>
      <c r="J1285">
        <v>3456.4382719999999</v>
      </c>
      <c r="K1285">
        <v>109.606459</v>
      </c>
      <c r="L1285">
        <v>3456.4382719999999</v>
      </c>
      <c r="M1285">
        <v>107.69717300000001</v>
      </c>
    </row>
    <row r="1286" spans="2:13" x14ac:dyDescent="0.45">
      <c r="B1286">
        <v>3458.367088</v>
      </c>
      <c r="C1286">
        <v>108.66117800000001</v>
      </c>
      <c r="D1286">
        <v>3458.367088</v>
      </c>
      <c r="E1286">
        <v>108.08501700000001</v>
      </c>
      <c r="F1286">
        <v>3458.367088</v>
      </c>
      <c r="G1286">
        <v>109.388138</v>
      </c>
      <c r="H1286">
        <v>3458.367088</v>
      </c>
      <c r="I1286">
        <v>108.775301</v>
      </c>
      <c r="J1286">
        <v>3458.367088</v>
      </c>
      <c r="K1286">
        <v>109.574243</v>
      </c>
      <c r="L1286">
        <v>3458.367088</v>
      </c>
      <c r="M1286">
        <v>107.78025700000001</v>
      </c>
    </row>
    <row r="1287" spans="2:13" x14ac:dyDescent="0.45">
      <c r="B1287">
        <v>3460.2959040000001</v>
      </c>
      <c r="C1287">
        <v>108.66783700000001</v>
      </c>
      <c r="D1287">
        <v>3460.2959040000001</v>
      </c>
      <c r="E1287">
        <v>108.067397</v>
      </c>
      <c r="F1287">
        <v>3460.2959040000001</v>
      </c>
      <c r="G1287">
        <v>109.42454600000001</v>
      </c>
      <c r="H1287">
        <v>3460.2959040000001</v>
      </c>
      <c r="I1287">
        <v>108.767555</v>
      </c>
      <c r="J1287">
        <v>3460.2959040000001</v>
      </c>
      <c r="K1287">
        <v>109.56372500000001</v>
      </c>
      <c r="L1287">
        <v>3460.2959040000001</v>
      </c>
      <c r="M1287">
        <v>107.83547</v>
      </c>
    </row>
    <row r="1288" spans="2:13" x14ac:dyDescent="0.45">
      <c r="B1288">
        <v>3462.2247200000002</v>
      </c>
      <c r="C1288">
        <v>108.64598599999999</v>
      </c>
      <c r="D1288">
        <v>3462.2247200000002</v>
      </c>
      <c r="E1288">
        <v>108.077105</v>
      </c>
      <c r="F1288">
        <v>3462.2247200000002</v>
      </c>
      <c r="G1288">
        <v>109.50057200000001</v>
      </c>
      <c r="H1288">
        <v>3462.2247200000002</v>
      </c>
      <c r="I1288">
        <v>108.78589599999999</v>
      </c>
      <c r="J1288">
        <v>3462.2247200000002</v>
      </c>
      <c r="K1288">
        <v>109.59975799999999</v>
      </c>
      <c r="L1288">
        <v>3462.2247200000002</v>
      </c>
      <c r="M1288">
        <v>107.810174</v>
      </c>
    </row>
    <row r="1289" spans="2:13" x14ac:dyDescent="0.45">
      <c r="B1289">
        <v>3464.1535359999998</v>
      </c>
      <c r="C1289">
        <v>108.607607</v>
      </c>
      <c r="D1289">
        <v>3464.1535359999998</v>
      </c>
      <c r="E1289">
        <v>108.00923900000001</v>
      </c>
      <c r="F1289">
        <v>3464.1535359999998</v>
      </c>
      <c r="G1289">
        <v>109.496325</v>
      </c>
      <c r="H1289">
        <v>3464.1535359999998</v>
      </c>
      <c r="I1289">
        <v>108.879401</v>
      </c>
      <c r="J1289">
        <v>3464.1535359999998</v>
      </c>
      <c r="K1289">
        <v>109.655108</v>
      </c>
      <c r="L1289">
        <v>3464.1535359999998</v>
      </c>
      <c r="M1289">
        <v>107.81456300000001</v>
      </c>
    </row>
    <row r="1290" spans="2:13" x14ac:dyDescent="0.45">
      <c r="B1290">
        <v>3466.0823519999999</v>
      </c>
      <c r="C1290">
        <v>108.541505</v>
      </c>
      <c r="D1290">
        <v>3466.0823519999999</v>
      </c>
      <c r="E1290">
        <v>108.032146</v>
      </c>
      <c r="F1290">
        <v>3466.0823519999999</v>
      </c>
      <c r="G1290">
        <v>109.479783</v>
      </c>
      <c r="H1290">
        <v>3466.0823519999999</v>
      </c>
      <c r="I1290">
        <v>108.878129</v>
      </c>
      <c r="J1290">
        <v>3466.0823519999999</v>
      </c>
      <c r="K1290">
        <v>109.70024100000001</v>
      </c>
      <c r="L1290">
        <v>3466.0823519999999</v>
      </c>
      <c r="M1290">
        <v>107.86186600000001</v>
      </c>
    </row>
    <row r="1291" spans="2:13" x14ac:dyDescent="0.45">
      <c r="B1291">
        <v>3468.011168</v>
      </c>
      <c r="C1291">
        <v>108.59316099999999</v>
      </c>
      <c r="D1291">
        <v>3468.011168</v>
      </c>
      <c r="E1291">
        <v>108.16972700000001</v>
      </c>
      <c r="F1291">
        <v>3468.011168</v>
      </c>
      <c r="G1291">
        <v>109.470004</v>
      </c>
      <c r="H1291">
        <v>3468.011168</v>
      </c>
      <c r="I1291">
        <v>108.864915</v>
      </c>
      <c r="J1291">
        <v>3468.011168</v>
      </c>
      <c r="K1291">
        <v>109.686099</v>
      </c>
      <c r="L1291">
        <v>3468.011168</v>
      </c>
      <c r="M1291">
        <v>107.818327</v>
      </c>
    </row>
    <row r="1292" spans="2:13" x14ac:dyDescent="0.45">
      <c r="B1292">
        <v>3469.9399840000001</v>
      </c>
      <c r="C1292">
        <v>108.666715</v>
      </c>
      <c r="D1292">
        <v>3469.9399840000001</v>
      </c>
      <c r="E1292">
        <v>108.16303600000001</v>
      </c>
      <c r="F1292">
        <v>3469.9399840000001</v>
      </c>
      <c r="G1292">
        <v>109.483709</v>
      </c>
      <c r="H1292">
        <v>3469.9399840000001</v>
      </c>
      <c r="I1292">
        <v>108.806152</v>
      </c>
      <c r="J1292">
        <v>3469.9399840000001</v>
      </c>
      <c r="K1292">
        <v>109.693629</v>
      </c>
      <c r="L1292">
        <v>3469.9399840000001</v>
      </c>
      <c r="M1292">
        <v>107.814418</v>
      </c>
    </row>
    <row r="1293" spans="2:13" x14ac:dyDescent="0.45">
      <c r="B1293">
        <v>3471.8688000000002</v>
      </c>
      <c r="C1293">
        <v>108.65338199999999</v>
      </c>
      <c r="D1293">
        <v>3471.8688000000002</v>
      </c>
      <c r="E1293">
        <v>108.071881</v>
      </c>
      <c r="F1293">
        <v>3471.8688000000002</v>
      </c>
      <c r="G1293">
        <v>109.48834600000001</v>
      </c>
      <c r="H1293">
        <v>3471.8688000000002</v>
      </c>
      <c r="I1293">
        <v>108.781677</v>
      </c>
      <c r="J1293">
        <v>3471.8688000000002</v>
      </c>
      <c r="K1293">
        <v>109.70585</v>
      </c>
      <c r="L1293">
        <v>3471.8688000000002</v>
      </c>
      <c r="M1293">
        <v>107.866873</v>
      </c>
    </row>
    <row r="1294" spans="2:13" x14ac:dyDescent="0.45">
      <c r="B1294">
        <v>3473.7976159999998</v>
      </c>
      <c r="C1294">
        <v>108.649356</v>
      </c>
      <c r="D1294">
        <v>3473.7976159999998</v>
      </c>
      <c r="E1294">
        <v>108.080127</v>
      </c>
      <c r="F1294">
        <v>3473.7976159999998</v>
      </c>
      <c r="G1294">
        <v>109.474683</v>
      </c>
      <c r="H1294">
        <v>3473.7976159999998</v>
      </c>
      <c r="I1294">
        <v>108.780545</v>
      </c>
      <c r="J1294">
        <v>3473.7976159999998</v>
      </c>
      <c r="K1294">
        <v>109.62988199999999</v>
      </c>
      <c r="L1294">
        <v>3473.7976159999998</v>
      </c>
      <c r="M1294">
        <v>107.885779</v>
      </c>
    </row>
    <row r="1295" spans="2:13" x14ac:dyDescent="0.45">
      <c r="B1295">
        <v>3475.7264319999999</v>
      </c>
      <c r="C1295">
        <v>108.609495</v>
      </c>
      <c r="D1295">
        <v>3475.7264319999999</v>
      </c>
      <c r="E1295">
        <v>108.14172500000001</v>
      </c>
      <c r="F1295">
        <v>3475.7264319999999</v>
      </c>
      <c r="G1295">
        <v>109.457803</v>
      </c>
      <c r="H1295">
        <v>3475.7264319999999</v>
      </c>
      <c r="I1295">
        <v>108.785821</v>
      </c>
      <c r="J1295">
        <v>3475.7264319999999</v>
      </c>
      <c r="K1295">
        <v>109.602402</v>
      </c>
      <c r="L1295">
        <v>3475.7264319999999</v>
      </c>
      <c r="M1295">
        <v>107.856241</v>
      </c>
    </row>
    <row r="1296" spans="2:13" x14ac:dyDescent="0.45">
      <c r="B1296">
        <v>3477.655248</v>
      </c>
      <c r="C1296">
        <v>108.58620999999999</v>
      </c>
      <c r="D1296">
        <v>3477.655248</v>
      </c>
      <c r="E1296">
        <v>108.117735</v>
      </c>
      <c r="F1296">
        <v>3477.655248</v>
      </c>
      <c r="G1296">
        <v>109.39389799999999</v>
      </c>
      <c r="H1296">
        <v>3477.655248</v>
      </c>
      <c r="I1296">
        <v>108.79226800000001</v>
      </c>
      <c r="J1296">
        <v>3477.655248</v>
      </c>
      <c r="K1296">
        <v>109.658952</v>
      </c>
      <c r="L1296">
        <v>3477.655248</v>
      </c>
      <c r="M1296">
        <v>107.87680899999999</v>
      </c>
    </row>
    <row r="1297" spans="2:13" x14ac:dyDescent="0.45">
      <c r="B1297">
        <v>3479.5840640000001</v>
      </c>
      <c r="C1297">
        <v>108.60047</v>
      </c>
      <c r="D1297">
        <v>3479.5840640000001</v>
      </c>
      <c r="E1297">
        <v>108.051672</v>
      </c>
      <c r="F1297">
        <v>3479.5840640000001</v>
      </c>
      <c r="G1297">
        <v>109.361541</v>
      </c>
      <c r="H1297">
        <v>3479.5840640000001</v>
      </c>
      <c r="I1297">
        <v>108.82379</v>
      </c>
      <c r="J1297">
        <v>3479.5840640000001</v>
      </c>
      <c r="K1297">
        <v>109.72031699999999</v>
      </c>
      <c r="L1297">
        <v>3479.5840640000001</v>
      </c>
      <c r="M1297">
        <v>107.913787</v>
      </c>
    </row>
    <row r="1298" spans="2:13" x14ac:dyDescent="0.45">
      <c r="B1298">
        <v>3481.5128800000002</v>
      </c>
      <c r="C1298">
        <v>108.56932500000001</v>
      </c>
      <c r="D1298">
        <v>3481.5128800000002</v>
      </c>
      <c r="E1298">
        <v>108.045562</v>
      </c>
      <c r="F1298">
        <v>3481.5128800000002</v>
      </c>
      <c r="G1298">
        <v>109.396936</v>
      </c>
      <c r="H1298">
        <v>3481.5128800000002</v>
      </c>
      <c r="I1298">
        <v>108.750925</v>
      </c>
      <c r="J1298">
        <v>3481.5128800000002</v>
      </c>
      <c r="K1298">
        <v>109.773999</v>
      </c>
      <c r="L1298">
        <v>3481.5128800000002</v>
      </c>
      <c r="M1298">
        <v>107.85201000000001</v>
      </c>
    </row>
    <row r="1299" spans="2:13" x14ac:dyDescent="0.45">
      <c r="B1299">
        <v>3483.4416959999999</v>
      </c>
      <c r="C1299">
        <v>108.555195</v>
      </c>
      <c r="D1299">
        <v>3483.4416959999999</v>
      </c>
      <c r="E1299">
        <v>108.109497</v>
      </c>
      <c r="F1299">
        <v>3483.4416959999999</v>
      </c>
      <c r="G1299">
        <v>109.470687</v>
      </c>
      <c r="H1299">
        <v>3483.4416959999999</v>
      </c>
      <c r="I1299">
        <v>108.74804399999999</v>
      </c>
      <c r="J1299">
        <v>3483.4416959999999</v>
      </c>
      <c r="K1299">
        <v>109.724908</v>
      </c>
      <c r="L1299">
        <v>3483.4416959999999</v>
      </c>
      <c r="M1299">
        <v>107.81610999999999</v>
      </c>
    </row>
    <row r="1300" spans="2:13" x14ac:dyDescent="0.45">
      <c r="B1300">
        <v>3485.370512</v>
      </c>
      <c r="C1300">
        <v>108.58427399999999</v>
      </c>
      <c r="D1300">
        <v>3485.370512</v>
      </c>
      <c r="E1300">
        <v>108.108231</v>
      </c>
      <c r="F1300">
        <v>3485.370512</v>
      </c>
      <c r="G1300">
        <v>109.488277</v>
      </c>
      <c r="H1300">
        <v>3485.370512</v>
      </c>
      <c r="I1300">
        <v>108.79921899999999</v>
      </c>
      <c r="J1300">
        <v>3485.370512</v>
      </c>
      <c r="K1300">
        <v>109.60510600000001</v>
      </c>
      <c r="L1300">
        <v>3485.370512</v>
      </c>
      <c r="M1300">
        <v>107.886793</v>
      </c>
    </row>
    <row r="1301" spans="2:13" x14ac:dyDescent="0.45">
      <c r="B1301">
        <v>3487.2993280000001</v>
      </c>
      <c r="C1301">
        <v>108.559061</v>
      </c>
      <c r="D1301">
        <v>3487.2993280000001</v>
      </c>
      <c r="E1301">
        <v>108.04888200000001</v>
      </c>
      <c r="F1301">
        <v>3487.2993280000001</v>
      </c>
      <c r="G1301">
        <v>109.55018</v>
      </c>
      <c r="H1301">
        <v>3487.2993280000001</v>
      </c>
      <c r="I1301">
        <v>108.906941</v>
      </c>
      <c r="J1301">
        <v>3487.2993280000001</v>
      </c>
      <c r="K1301">
        <v>109.611098</v>
      </c>
      <c r="L1301">
        <v>3487.2993280000001</v>
      </c>
      <c r="M1301">
        <v>107.84428800000001</v>
      </c>
    </row>
    <row r="1302" spans="2:13" x14ac:dyDescent="0.45">
      <c r="B1302">
        <v>3489.2281440000002</v>
      </c>
      <c r="C1302">
        <v>108.54151299999999</v>
      </c>
      <c r="D1302">
        <v>3489.2281440000002</v>
      </c>
      <c r="E1302">
        <v>108.062303</v>
      </c>
      <c r="F1302">
        <v>3489.2281440000002</v>
      </c>
      <c r="G1302">
        <v>109.566354</v>
      </c>
      <c r="H1302">
        <v>3489.2281440000002</v>
      </c>
      <c r="I1302">
        <v>108.846276</v>
      </c>
      <c r="J1302">
        <v>3489.2281440000002</v>
      </c>
      <c r="K1302">
        <v>109.631151</v>
      </c>
      <c r="L1302">
        <v>3489.2281440000002</v>
      </c>
      <c r="M1302">
        <v>107.88637300000001</v>
      </c>
    </row>
    <row r="1303" spans="2:13" x14ac:dyDescent="0.45">
      <c r="B1303">
        <v>3491.1569599999998</v>
      </c>
      <c r="C1303">
        <v>108.52672200000001</v>
      </c>
      <c r="D1303">
        <v>3491.1569599999998</v>
      </c>
      <c r="E1303">
        <v>108.10188000000001</v>
      </c>
      <c r="F1303">
        <v>3491.1569599999998</v>
      </c>
      <c r="G1303">
        <v>109.46912</v>
      </c>
      <c r="H1303">
        <v>3491.1569599999998</v>
      </c>
      <c r="I1303">
        <v>108.801193</v>
      </c>
      <c r="J1303">
        <v>3491.1569599999998</v>
      </c>
      <c r="K1303">
        <v>109.65906699999999</v>
      </c>
      <c r="L1303">
        <v>3491.1569599999998</v>
      </c>
      <c r="M1303">
        <v>107.996235</v>
      </c>
    </row>
    <row r="1304" spans="2:13" x14ac:dyDescent="0.45">
      <c r="B1304">
        <v>3493.0857759999999</v>
      </c>
      <c r="C1304">
        <v>108.531825</v>
      </c>
      <c r="D1304">
        <v>3493.0857759999999</v>
      </c>
      <c r="E1304">
        <v>108.10589</v>
      </c>
      <c r="F1304">
        <v>3493.0857759999999</v>
      </c>
      <c r="G1304">
        <v>109.412154</v>
      </c>
      <c r="H1304">
        <v>3493.0857759999999</v>
      </c>
      <c r="I1304">
        <v>108.811176</v>
      </c>
      <c r="J1304">
        <v>3493.0857759999999</v>
      </c>
      <c r="K1304">
        <v>109.73045999999999</v>
      </c>
      <c r="L1304">
        <v>3493.0857759999999</v>
      </c>
      <c r="M1304">
        <v>107.942114</v>
      </c>
    </row>
    <row r="1305" spans="2:13" x14ac:dyDescent="0.45">
      <c r="B1305">
        <v>3495.014592</v>
      </c>
      <c r="C1305">
        <v>108.48506399999999</v>
      </c>
      <c r="D1305">
        <v>3495.014592</v>
      </c>
      <c r="E1305">
        <v>108.079561</v>
      </c>
      <c r="F1305">
        <v>3495.014592</v>
      </c>
      <c r="G1305">
        <v>109.415556</v>
      </c>
      <c r="H1305">
        <v>3495.014592</v>
      </c>
      <c r="I1305">
        <v>108.789849</v>
      </c>
      <c r="J1305">
        <v>3495.014592</v>
      </c>
      <c r="K1305">
        <v>109.778851</v>
      </c>
      <c r="L1305">
        <v>3495.014592</v>
      </c>
      <c r="M1305">
        <v>107.938367</v>
      </c>
    </row>
    <row r="1306" spans="2:13" x14ac:dyDescent="0.45">
      <c r="B1306">
        <v>3496.9434080000001</v>
      </c>
      <c r="C1306">
        <v>108.53431500000001</v>
      </c>
      <c r="D1306">
        <v>3496.9434080000001</v>
      </c>
      <c r="E1306">
        <v>108.039208</v>
      </c>
      <c r="F1306">
        <v>3496.9434080000001</v>
      </c>
      <c r="G1306">
        <v>109.40513799999999</v>
      </c>
      <c r="H1306">
        <v>3496.9434080000001</v>
      </c>
      <c r="I1306">
        <v>108.770279</v>
      </c>
      <c r="J1306">
        <v>3496.9434080000001</v>
      </c>
      <c r="K1306">
        <v>109.791466</v>
      </c>
      <c r="L1306">
        <v>3496.9434080000001</v>
      </c>
      <c r="M1306">
        <v>108.05552299999999</v>
      </c>
    </row>
    <row r="1307" spans="2:13" x14ac:dyDescent="0.45">
      <c r="B1307">
        <v>3498.8722240000002</v>
      </c>
      <c r="C1307">
        <v>108.636287</v>
      </c>
      <c r="D1307">
        <v>3498.8722240000002</v>
      </c>
      <c r="E1307">
        <v>108.029788</v>
      </c>
      <c r="F1307">
        <v>3498.8722240000002</v>
      </c>
      <c r="G1307">
        <v>109.344055</v>
      </c>
      <c r="H1307">
        <v>3498.8722240000002</v>
      </c>
      <c r="I1307">
        <v>108.82290500000001</v>
      </c>
      <c r="J1307">
        <v>3498.8722240000002</v>
      </c>
      <c r="K1307">
        <v>109.69877099999999</v>
      </c>
      <c r="L1307">
        <v>3498.8722240000002</v>
      </c>
      <c r="M1307">
        <v>108.045981</v>
      </c>
    </row>
    <row r="1308" spans="2:13" x14ac:dyDescent="0.45">
      <c r="B1308">
        <v>3500.8010399999998</v>
      </c>
      <c r="C1308">
        <v>108.597387</v>
      </c>
      <c r="D1308">
        <v>3500.8010399999998</v>
      </c>
      <c r="E1308">
        <v>108.043065</v>
      </c>
      <c r="F1308">
        <v>3500.8010399999998</v>
      </c>
      <c r="G1308">
        <v>109.416781</v>
      </c>
      <c r="H1308">
        <v>3500.8010399999998</v>
      </c>
      <c r="I1308">
        <v>108.92846400000001</v>
      </c>
      <c r="J1308">
        <v>3500.8010399999998</v>
      </c>
      <c r="K1308">
        <v>109.608907</v>
      </c>
      <c r="L1308">
        <v>3500.8010399999998</v>
      </c>
      <c r="M1308">
        <v>107.952398</v>
      </c>
    </row>
    <row r="1309" spans="2:13" x14ac:dyDescent="0.45">
      <c r="B1309">
        <v>3502.7298559999999</v>
      </c>
      <c r="C1309">
        <v>108.581998</v>
      </c>
      <c r="D1309">
        <v>3502.7298559999999</v>
      </c>
      <c r="E1309">
        <v>108.054495</v>
      </c>
      <c r="F1309">
        <v>3502.7298559999999</v>
      </c>
      <c r="G1309">
        <v>109.568825</v>
      </c>
      <c r="H1309">
        <v>3502.7298559999999</v>
      </c>
      <c r="I1309">
        <v>108.972945</v>
      </c>
      <c r="J1309">
        <v>3502.7298559999999</v>
      </c>
      <c r="K1309">
        <v>109.611413</v>
      </c>
      <c r="L1309">
        <v>3502.7298559999999</v>
      </c>
      <c r="M1309">
        <v>107.87026400000001</v>
      </c>
    </row>
    <row r="1310" spans="2:13" x14ac:dyDescent="0.45">
      <c r="B1310">
        <v>3504.658672</v>
      </c>
      <c r="C1310">
        <v>108.649244</v>
      </c>
      <c r="D1310">
        <v>3504.658672</v>
      </c>
      <c r="E1310">
        <v>108.077096</v>
      </c>
      <c r="F1310">
        <v>3504.658672</v>
      </c>
      <c r="G1310">
        <v>109.51978</v>
      </c>
      <c r="H1310">
        <v>3504.658672</v>
      </c>
      <c r="I1310">
        <v>108.906159</v>
      </c>
      <c r="J1310">
        <v>3504.658672</v>
      </c>
      <c r="K1310">
        <v>109.68724</v>
      </c>
      <c r="L1310">
        <v>3504.658672</v>
      </c>
      <c r="M1310">
        <v>107.883149</v>
      </c>
    </row>
    <row r="1311" spans="2:13" x14ac:dyDescent="0.45">
      <c r="B1311">
        <v>3506.5874880000001</v>
      </c>
      <c r="C1311">
        <v>108.560318</v>
      </c>
      <c r="D1311">
        <v>3506.5874880000001</v>
      </c>
      <c r="E1311">
        <v>108.067285</v>
      </c>
      <c r="F1311">
        <v>3506.5874880000001</v>
      </c>
      <c r="G1311">
        <v>109.425545</v>
      </c>
      <c r="H1311">
        <v>3506.5874880000001</v>
      </c>
      <c r="I1311">
        <v>108.892725</v>
      </c>
      <c r="J1311">
        <v>3506.5874880000001</v>
      </c>
      <c r="K1311">
        <v>109.683148</v>
      </c>
      <c r="L1311">
        <v>3506.5874880000001</v>
      </c>
      <c r="M1311">
        <v>107.887833</v>
      </c>
    </row>
    <row r="1312" spans="2:13" x14ac:dyDescent="0.45">
      <c r="B1312">
        <v>3508.5163040000002</v>
      </c>
      <c r="C1312">
        <v>108.446754</v>
      </c>
      <c r="D1312">
        <v>3508.5163040000002</v>
      </c>
      <c r="E1312">
        <v>108.058476</v>
      </c>
      <c r="F1312">
        <v>3508.5163040000002</v>
      </c>
      <c r="G1312">
        <v>109.49426800000001</v>
      </c>
      <c r="H1312">
        <v>3508.5163040000002</v>
      </c>
      <c r="I1312">
        <v>108.862206</v>
      </c>
      <c r="J1312">
        <v>3508.5163040000002</v>
      </c>
      <c r="K1312">
        <v>109.612459</v>
      </c>
      <c r="L1312">
        <v>3508.5163040000002</v>
      </c>
      <c r="M1312">
        <v>107.858465</v>
      </c>
    </row>
    <row r="1313" spans="2:13" x14ac:dyDescent="0.45">
      <c r="B1313">
        <v>3510.4451199999999</v>
      </c>
      <c r="C1313">
        <v>108.422803</v>
      </c>
      <c r="D1313">
        <v>3510.4451199999999</v>
      </c>
      <c r="E1313">
        <v>108.09294800000001</v>
      </c>
      <c r="F1313">
        <v>3510.4451199999999</v>
      </c>
      <c r="G1313">
        <v>109.611504</v>
      </c>
      <c r="H1313">
        <v>3510.4451199999999</v>
      </c>
      <c r="I1313">
        <v>108.943791</v>
      </c>
      <c r="J1313">
        <v>3510.4451199999999</v>
      </c>
      <c r="K1313">
        <v>109.77707100000001</v>
      </c>
      <c r="L1313">
        <v>3510.4451199999999</v>
      </c>
      <c r="M1313">
        <v>107.810987</v>
      </c>
    </row>
    <row r="1314" spans="2:13" x14ac:dyDescent="0.45">
      <c r="B1314">
        <v>3512.373936</v>
      </c>
      <c r="C1314">
        <v>108.551784</v>
      </c>
      <c r="D1314">
        <v>3512.373936</v>
      </c>
      <c r="E1314">
        <v>108.14158</v>
      </c>
      <c r="F1314">
        <v>3512.373936</v>
      </c>
      <c r="G1314">
        <v>109.539163</v>
      </c>
      <c r="H1314">
        <v>3512.373936</v>
      </c>
      <c r="I1314">
        <v>108.946575</v>
      </c>
      <c r="J1314">
        <v>3512.373936</v>
      </c>
      <c r="K1314">
        <v>109.84021300000001</v>
      </c>
      <c r="L1314">
        <v>3512.373936</v>
      </c>
      <c r="M1314">
        <v>107.883565</v>
      </c>
    </row>
    <row r="1315" spans="2:13" x14ac:dyDescent="0.45">
      <c r="B1315">
        <v>3514.3027520000001</v>
      </c>
      <c r="C1315">
        <v>108.675962</v>
      </c>
      <c r="D1315">
        <v>3514.3027520000001</v>
      </c>
      <c r="E1315">
        <v>108.13992500000001</v>
      </c>
      <c r="F1315">
        <v>3514.3027520000001</v>
      </c>
      <c r="G1315">
        <v>109.445711</v>
      </c>
      <c r="H1315">
        <v>3514.3027520000001</v>
      </c>
      <c r="I1315">
        <v>108.91698599999999</v>
      </c>
      <c r="J1315">
        <v>3514.3027520000001</v>
      </c>
      <c r="K1315">
        <v>109.667085</v>
      </c>
      <c r="L1315">
        <v>3514.3027520000001</v>
      </c>
      <c r="M1315">
        <v>107.948212</v>
      </c>
    </row>
    <row r="1316" spans="2:13" x14ac:dyDescent="0.45">
      <c r="B1316">
        <v>3516.2315680000002</v>
      </c>
      <c r="C1316">
        <v>108.68029900000001</v>
      </c>
      <c r="D1316">
        <v>3516.2315680000002</v>
      </c>
      <c r="E1316">
        <v>108.10355800000001</v>
      </c>
      <c r="F1316">
        <v>3516.2315680000002</v>
      </c>
      <c r="G1316">
        <v>109.442149</v>
      </c>
      <c r="H1316">
        <v>3516.2315680000002</v>
      </c>
      <c r="I1316">
        <v>108.86348700000001</v>
      </c>
      <c r="J1316">
        <v>3516.2315680000002</v>
      </c>
      <c r="K1316">
        <v>109.592078</v>
      </c>
      <c r="L1316">
        <v>3516.2315680000002</v>
      </c>
      <c r="M1316">
        <v>108.020481</v>
      </c>
    </row>
    <row r="1317" spans="2:13" x14ac:dyDescent="0.45">
      <c r="B1317">
        <v>3518.1603839999998</v>
      </c>
      <c r="C1317">
        <v>108.593024</v>
      </c>
      <c r="D1317">
        <v>3518.1603839999998</v>
      </c>
      <c r="E1317">
        <v>108.08024500000001</v>
      </c>
      <c r="F1317">
        <v>3518.1603839999998</v>
      </c>
      <c r="G1317">
        <v>109.569226</v>
      </c>
      <c r="H1317">
        <v>3518.1603839999998</v>
      </c>
      <c r="I1317">
        <v>108.836392</v>
      </c>
      <c r="J1317">
        <v>3518.1603839999998</v>
      </c>
      <c r="K1317">
        <v>109.597233</v>
      </c>
      <c r="L1317">
        <v>3518.1603839999998</v>
      </c>
      <c r="M1317">
        <v>108.101418</v>
      </c>
    </row>
    <row r="1318" spans="2:13" x14ac:dyDescent="0.45">
      <c r="B1318">
        <v>3520.0891999999999</v>
      </c>
      <c r="C1318">
        <v>108.54630299999999</v>
      </c>
      <c r="D1318">
        <v>3520.0891999999999</v>
      </c>
      <c r="E1318">
        <v>108.06817700000001</v>
      </c>
      <c r="F1318">
        <v>3520.0891999999999</v>
      </c>
      <c r="G1318">
        <v>109.647682</v>
      </c>
      <c r="H1318">
        <v>3520.0891999999999</v>
      </c>
      <c r="I1318">
        <v>108.88494900000001</v>
      </c>
      <c r="J1318">
        <v>3520.0891999999999</v>
      </c>
      <c r="K1318">
        <v>109.59196900000001</v>
      </c>
      <c r="L1318">
        <v>3520.0891999999999</v>
      </c>
      <c r="M1318">
        <v>108.124791</v>
      </c>
    </row>
    <row r="1319" spans="2:13" x14ac:dyDescent="0.45">
      <c r="B1319">
        <v>3522.018016</v>
      </c>
      <c r="C1319">
        <v>108.555221</v>
      </c>
      <c r="D1319">
        <v>3522.018016</v>
      </c>
      <c r="E1319">
        <v>108.11684200000001</v>
      </c>
      <c r="F1319">
        <v>3522.018016</v>
      </c>
      <c r="G1319">
        <v>109.578281</v>
      </c>
      <c r="H1319">
        <v>3522.018016</v>
      </c>
      <c r="I1319">
        <v>108.90725500000001</v>
      </c>
      <c r="J1319">
        <v>3522.018016</v>
      </c>
      <c r="K1319">
        <v>109.595782</v>
      </c>
      <c r="L1319">
        <v>3522.018016</v>
      </c>
      <c r="M1319">
        <v>108.068943</v>
      </c>
    </row>
    <row r="1320" spans="2:13" x14ac:dyDescent="0.45">
      <c r="B1320">
        <v>3523.9468320000001</v>
      </c>
      <c r="C1320">
        <v>108.57844299999999</v>
      </c>
      <c r="D1320">
        <v>3523.9468320000001</v>
      </c>
      <c r="E1320">
        <v>108.161081</v>
      </c>
      <c r="F1320">
        <v>3523.9468320000001</v>
      </c>
      <c r="G1320">
        <v>109.52496600000001</v>
      </c>
      <c r="H1320">
        <v>3523.9468320000001</v>
      </c>
      <c r="I1320">
        <v>108.87152500000001</v>
      </c>
      <c r="J1320">
        <v>3523.9468320000001</v>
      </c>
      <c r="K1320">
        <v>109.605405</v>
      </c>
      <c r="L1320">
        <v>3523.9468320000001</v>
      </c>
      <c r="M1320">
        <v>108.054405</v>
      </c>
    </row>
    <row r="1321" spans="2:13" x14ac:dyDescent="0.45">
      <c r="B1321">
        <v>3525.8756480000002</v>
      </c>
      <c r="C1321">
        <v>108.528226</v>
      </c>
      <c r="D1321">
        <v>3525.8756480000002</v>
      </c>
      <c r="E1321">
        <v>108.14437000000001</v>
      </c>
      <c r="F1321">
        <v>3525.8756480000002</v>
      </c>
      <c r="G1321">
        <v>109.49992899999999</v>
      </c>
      <c r="H1321">
        <v>3525.8756480000002</v>
      </c>
      <c r="I1321">
        <v>108.826874</v>
      </c>
      <c r="J1321">
        <v>3525.8756480000002</v>
      </c>
      <c r="K1321">
        <v>109.60366999999999</v>
      </c>
      <c r="L1321">
        <v>3525.8756480000002</v>
      </c>
      <c r="M1321">
        <v>108.036327</v>
      </c>
    </row>
    <row r="1322" spans="2:13" x14ac:dyDescent="0.45">
      <c r="B1322">
        <v>3527.8044639999998</v>
      </c>
      <c r="C1322">
        <v>108.420265</v>
      </c>
      <c r="D1322">
        <v>3527.8044639999998</v>
      </c>
      <c r="E1322">
        <v>108.053217</v>
      </c>
      <c r="F1322">
        <v>3527.8044639999998</v>
      </c>
      <c r="G1322">
        <v>109.552543</v>
      </c>
      <c r="H1322">
        <v>3527.8044639999998</v>
      </c>
      <c r="I1322">
        <v>108.822232</v>
      </c>
      <c r="J1322">
        <v>3527.8044639999998</v>
      </c>
      <c r="K1322">
        <v>109.626401</v>
      </c>
      <c r="L1322">
        <v>3527.8044639999998</v>
      </c>
      <c r="M1322">
        <v>108.01942099999999</v>
      </c>
    </row>
    <row r="1323" spans="2:13" x14ac:dyDescent="0.45">
      <c r="B1323">
        <v>3529.7332799999999</v>
      </c>
      <c r="C1323">
        <v>108.439869</v>
      </c>
      <c r="D1323">
        <v>3529.7332799999999</v>
      </c>
      <c r="E1323">
        <v>108.00182000000001</v>
      </c>
      <c r="F1323">
        <v>3529.7332799999999</v>
      </c>
      <c r="G1323">
        <v>109.51496299999999</v>
      </c>
      <c r="H1323">
        <v>3529.7332799999999</v>
      </c>
      <c r="I1323">
        <v>108.881788</v>
      </c>
      <c r="J1323">
        <v>3529.7332799999999</v>
      </c>
      <c r="K1323">
        <v>109.667154</v>
      </c>
      <c r="L1323">
        <v>3529.7332799999999</v>
      </c>
      <c r="M1323">
        <v>107.988235</v>
      </c>
    </row>
    <row r="1324" spans="2:13" x14ac:dyDescent="0.45">
      <c r="B1324">
        <v>3531.662096</v>
      </c>
      <c r="C1324">
        <v>108.47923900000001</v>
      </c>
      <c r="D1324">
        <v>3531.662096</v>
      </c>
      <c r="E1324">
        <v>107.98356200000001</v>
      </c>
      <c r="F1324">
        <v>3531.662096</v>
      </c>
      <c r="G1324">
        <v>109.458488</v>
      </c>
      <c r="H1324">
        <v>3531.662096</v>
      </c>
      <c r="I1324">
        <v>108.84107299999999</v>
      </c>
      <c r="J1324">
        <v>3531.662096</v>
      </c>
      <c r="K1324">
        <v>109.640907</v>
      </c>
      <c r="L1324">
        <v>3531.662096</v>
      </c>
      <c r="M1324">
        <v>108.11454999999999</v>
      </c>
    </row>
    <row r="1325" spans="2:13" x14ac:dyDescent="0.45">
      <c r="B1325">
        <v>3533.5909120000001</v>
      </c>
      <c r="C1325">
        <v>108.43955099999999</v>
      </c>
      <c r="D1325">
        <v>3533.5909120000001</v>
      </c>
      <c r="E1325">
        <v>107.99240500000001</v>
      </c>
      <c r="F1325">
        <v>3533.5909120000001</v>
      </c>
      <c r="G1325">
        <v>109.54772800000001</v>
      </c>
      <c r="H1325">
        <v>3533.5909120000001</v>
      </c>
      <c r="I1325">
        <v>108.902131</v>
      </c>
      <c r="J1325">
        <v>3533.5909120000001</v>
      </c>
      <c r="K1325">
        <v>109.63161700000001</v>
      </c>
      <c r="L1325">
        <v>3533.5909120000001</v>
      </c>
      <c r="M1325">
        <v>108.255717</v>
      </c>
    </row>
    <row r="1326" spans="2:13" x14ac:dyDescent="0.45">
      <c r="B1326">
        <v>3535.5197280000002</v>
      </c>
      <c r="C1326">
        <v>108.40763099999999</v>
      </c>
      <c r="D1326">
        <v>3535.5197280000002</v>
      </c>
      <c r="E1326">
        <v>108.03838</v>
      </c>
      <c r="F1326">
        <v>3535.5197280000002</v>
      </c>
      <c r="G1326">
        <v>109.55931200000001</v>
      </c>
      <c r="H1326">
        <v>3535.5197280000002</v>
      </c>
      <c r="I1326">
        <v>108.945826</v>
      </c>
      <c r="J1326">
        <v>3535.5197280000002</v>
      </c>
      <c r="K1326">
        <v>109.622721</v>
      </c>
      <c r="L1326">
        <v>3535.5197280000002</v>
      </c>
      <c r="M1326">
        <v>108.289153</v>
      </c>
    </row>
    <row r="1327" spans="2:13" x14ac:dyDescent="0.45">
      <c r="B1327">
        <v>3537.4485439999999</v>
      </c>
      <c r="C1327">
        <v>108.476051</v>
      </c>
      <c r="D1327">
        <v>3537.4485439999999</v>
      </c>
      <c r="E1327">
        <v>108.09883500000001</v>
      </c>
      <c r="F1327">
        <v>3537.4485439999999</v>
      </c>
      <c r="G1327">
        <v>109.571817</v>
      </c>
      <c r="H1327">
        <v>3537.4485439999999</v>
      </c>
      <c r="I1327">
        <v>109.02702600000001</v>
      </c>
      <c r="J1327">
        <v>3537.4485439999999</v>
      </c>
      <c r="K1327">
        <v>109.61967199999999</v>
      </c>
      <c r="L1327">
        <v>3537.4485439999999</v>
      </c>
      <c r="M1327">
        <v>108.241529</v>
      </c>
    </row>
    <row r="1328" spans="2:13" x14ac:dyDescent="0.45">
      <c r="B1328">
        <v>3539.37736</v>
      </c>
      <c r="C1328">
        <v>108.546021</v>
      </c>
      <c r="D1328">
        <v>3539.37736</v>
      </c>
      <c r="E1328">
        <v>108.062145</v>
      </c>
      <c r="F1328">
        <v>3539.37736</v>
      </c>
      <c r="G1328">
        <v>109.584084</v>
      </c>
      <c r="H1328">
        <v>3539.37736</v>
      </c>
      <c r="I1328">
        <v>109.063106</v>
      </c>
      <c r="J1328">
        <v>3539.37736</v>
      </c>
      <c r="K1328">
        <v>109.61295699999999</v>
      </c>
      <c r="L1328">
        <v>3539.37736</v>
      </c>
      <c r="M1328">
        <v>108.300912</v>
      </c>
    </row>
    <row r="1329" spans="2:13" x14ac:dyDescent="0.45">
      <c r="B1329">
        <v>3541.3061760000001</v>
      </c>
      <c r="C1329">
        <v>108.60566300000001</v>
      </c>
      <c r="D1329">
        <v>3541.3061760000001</v>
      </c>
      <c r="E1329">
        <v>108.026439</v>
      </c>
      <c r="F1329">
        <v>3541.3061760000001</v>
      </c>
      <c r="G1329">
        <v>109.54773299999999</v>
      </c>
      <c r="H1329">
        <v>3541.3061760000001</v>
      </c>
      <c r="I1329">
        <v>109.067881</v>
      </c>
      <c r="J1329">
        <v>3541.3061760000001</v>
      </c>
      <c r="K1329">
        <v>109.642337</v>
      </c>
      <c r="L1329">
        <v>3541.3061760000001</v>
      </c>
      <c r="M1329">
        <v>108.373319</v>
      </c>
    </row>
    <row r="1330" spans="2:13" x14ac:dyDescent="0.45">
      <c r="B1330">
        <v>3543.2349920000001</v>
      </c>
      <c r="C1330">
        <v>108.63140799999999</v>
      </c>
      <c r="D1330">
        <v>3543.2349920000001</v>
      </c>
      <c r="E1330">
        <v>108.038642</v>
      </c>
      <c r="F1330">
        <v>3543.2349920000001</v>
      </c>
      <c r="G1330">
        <v>109.456203</v>
      </c>
      <c r="H1330">
        <v>3543.2349920000001</v>
      </c>
      <c r="I1330">
        <v>108.969398</v>
      </c>
      <c r="J1330">
        <v>3543.2349920000001</v>
      </c>
      <c r="K1330">
        <v>109.65203700000001</v>
      </c>
      <c r="L1330">
        <v>3543.2349920000001</v>
      </c>
      <c r="M1330">
        <v>108.38496000000001</v>
      </c>
    </row>
    <row r="1331" spans="2:13" x14ac:dyDescent="0.45">
      <c r="B1331">
        <v>3545.1638079999998</v>
      </c>
      <c r="C1331">
        <v>108.642897</v>
      </c>
      <c r="D1331">
        <v>3545.1638079999998</v>
      </c>
      <c r="E1331">
        <v>108.03443300000001</v>
      </c>
      <c r="F1331">
        <v>3545.1638079999998</v>
      </c>
      <c r="G1331">
        <v>109.49515</v>
      </c>
      <c r="H1331">
        <v>3545.1638079999998</v>
      </c>
      <c r="I1331">
        <v>108.96390700000001</v>
      </c>
      <c r="J1331">
        <v>3545.1638079999998</v>
      </c>
      <c r="K1331">
        <v>109.629406</v>
      </c>
      <c r="L1331">
        <v>3545.1638079999998</v>
      </c>
      <c r="M1331">
        <v>108.360675</v>
      </c>
    </row>
    <row r="1332" spans="2:13" x14ac:dyDescent="0.45">
      <c r="B1332">
        <v>3547.0926239999999</v>
      </c>
      <c r="C1332">
        <v>108.483689</v>
      </c>
      <c r="D1332">
        <v>3547.0926239999999</v>
      </c>
      <c r="E1332">
        <v>108.06297600000001</v>
      </c>
      <c r="F1332">
        <v>3547.0926239999999</v>
      </c>
      <c r="G1332">
        <v>109.67104999999999</v>
      </c>
      <c r="H1332">
        <v>3547.0926239999999</v>
      </c>
      <c r="I1332">
        <v>108.930071</v>
      </c>
      <c r="J1332">
        <v>3547.0926239999999</v>
      </c>
      <c r="K1332">
        <v>109.617535</v>
      </c>
      <c r="L1332">
        <v>3547.0926239999999</v>
      </c>
      <c r="M1332">
        <v>108.324676</v>
      </c>
    </row>
    <row r="1333" spans="2:13" x14ac:dyDescent="0.45">
      <c r="B1333">
        <v>3549.02144</v>
      </c>
      <c r="C1333">
        <v>108.383708</v>
      </c>
      <c r="D1333">
        <v>3549.02144</v>
      </c>
      <c r="E1333">
        <v>108.012974</v>
      </c>
      <c r="F1333">
        <v>3549.02144</v>
      </c>
      <c r="G1333">
        <v>109.604235</v>
      </c>
      <c r="H1333">
        <v>3549.02144</v>
      </c>
      <c r="I1333">
        <v>108.9539</v>
      </c>
      <c r="J1333">
        <v>3549.02144</v>
      </c>
      <c r="K1333">
        <v>109.782145</v>
      </c>
      <c r="L1333">
        <v>3549.02144</v>
      </c>
      <c r="M1333">
        <v>108.279768</v>
      </c>
    </row>
    <row r="1334" spans="2:13" x14ac:dyDescent="0.45">
      <c r="B1334">
        <v>3550.9502560000001</v>
      </c>
      <c r="C1334">
        <v>108.406677</v>
      </c>
      <c r="D1334">
        <v>3550.9502560000001</v>
      </c>
      <c r="E1334">
        <v>107.98638</v>
      </c>
      <c r="F1334">
        <v>3550.9502560000001</v>
      </c>
      <c r="G1334">
        <v>109.493818</v>
      </c>
      <c r="H1334">
        <v>3550.9502560000001</v>
      </c>
      <c r="I1334">
        <v>108.91377300000001</v>
      </c>
      <c r="J1334">
        <v>3550.9502560000001</v>
      </c>
      <c r="K1334">
        <v>109.822926</v>
      </c>
      <c r="L1334">
        <v>3550.9502560000001</v>
      </c>
      <c r="M1334">
        <v>108.317789</v>
      </c>
    </row>
    <row r="1335" spans="2:13" x14ac:dyDescent="0.45">
      <c r="B1335">
        <v>3552.8790720000002</v>
      </c>
      <c r="C1335">
        <v>108.472646</v>
      </c>
      <c r="D1335">
        <v>3552.8790720000002</v>
      </c>
      <c r="E1335">
        <v>107.98354500000001</v>
      </c>
      <c r="F1335">
        <v>3552.8790720000002</v>
      </c>
      <c r="G1335">
        <v>109.484442</v>
      </c>
      <c r="H1335">
        <v>3552.8790720000002</v>
      </c>
      <c r="I1335">
        <v>108.985606</v>
      </c>
      <c r="J1335">
        <v>3552.8790720000002</v>
      </c>
      <c r="K1335">
        <v>109.840523</v>
      </c>
      <c r="L1335">
        <v>3552.8790720000002</v>
      </c>
      <c r="M1335">
        <v>108.167824</v>
      </c>
    </row>
    <row r="1336" spans="2:13" x14ac:dyDescent="0.45">
      <c r="B1336">
        <v>3554.8078879999998</v>
      </c>
      <c r="C1336">
        <v>108.552627</v>
      </c>
      <c r="D1336">
        <v>3554.8078879999998</v>
      </c>
      <c r="E1336">
        <v>108.027512</v>
      </c>
      <c r="F1336">
        <v>3554.8078879999998</v>
      </c>
      <c r="G1336">
        <v>109.53116300000001</v>
      </c>
      <c r="H1336">
        <v>3554.8078879999998</v>
      </c>
      <c r="I1336">
        <v>108.96817900000001</v>
      </c>
      <c r="J1336">
        <v>3554.8078879999998</v>
      </c>
      <c r="K1336">
        <v>109.804862</v>
      </c>
      <c r="L1336">
        <v>3554.8078879999998</v>
      </c>
      <c r="M1336">
        <v>108.212058</v>
      </c>
    </row>
    <row r="1337" spans="2:13" x14ac:dyDescent="0.45">
      <c r="B1337">
        <v>3556.7367039999999</v>
      </c>
      <c r="C1337">
        <v>108.556428</v>
      </c>
      <c r="D1337">
        <v>3556.7367039999999</v>
      </c>
      <c r="E1337">
        <v>108.032689</v>
      </c>
      <c r="F1337">
        <v>3556.7367039999999</v>
      </c>
      <c r="G1337">
        <v>109.626064</v>
      </c>
      <c r="H1337">
        <v>3556.7367039999999</v>
      </c>
      <c r="I1337">
        <v>108.920333</v>
      </c>
      <c r="J1337">
        <v>3556.7367039999999</v>
      </c>
      <c r="K1337">
        <v>109.72065600000001</v>
      </c>
      <c r="L1337">
        <v>3556.7367039999999</v>
      </c>
      <c r="M1337">
        <v>108.34911700000001</v>
      </c>
    </row>
    <row r="1338" spans="2:13" x14ac:dyDescent="0.45">
      <c r="B1338">
        <v>3558.66552</v>
      </c>
      <c r="C1338">
        <v>108.471</v>
      </c>
      <c r="D1338">
        <v>3558.66552</v>
      </c>
      <c r="E1338">
        <v>107.944564</v>
      </c>
      <c r="F1338">
        <v>3558.66552</v>
      </c>
      <c r="G1338">
        <v>109.685981</v>
      </c>
      <c r="H1338">
        <v>3558.66552</v>
      </c>
      <c r="I1338">
        <v>108.87278999999999</v>
      </c>
      <c r="J1338">
        <v>3558.66552</v>
      </c>
      <c r="K1338">
        <v>109.695527</v>
      </c>
      <c r="L1338">
        <v>3558.66552</v>
      </c>
      <c r="M1338">
        <v>108.432135</v>
      </c>
    </row>
    <row r="1339" spans="2:13" x14ac:dyDescent="0.45">
      <c r="B1339">
        <v>3560.5943360000001</v>
      </c>
      <c r="C1339">
        <v>108.412803</v>
      </c>
      <c r="D1339">
        <v>3560.5943360000001</v>
      </c>
      <c r="E1339">
        <v>108.01746</v>
      </c>
      <c r="F1339">
        <v>3560.5943360000001</v>
      </c>
      <c r="G1339">
        <v>109.67643</v>
      </c>
      <c r="H1339">
        <v>3560.5943360000001</v>
      </c>
      <c r="I1339">
        <v>108.936875</v>
      </c>
      <c r="J1339">
        <v>3560.5943360000001</v>
      </c>
      <c r="K1339">
        <v>109.729443</v>
      </c>
      <c r="L1339">
        <v>3560.5943360000001</v>
      </c>
      <c r="M1339">
        <v>108.483816</v>
      </c>
    </row>
    <row r="1340" spans="2:13" x14ac:dyDescent="0.45">
      <c r="B1340">
        <v>3562.5231520000002</v>
      </c>
      <c r="C1340">
        <v>108.481499</v>
      </c>
      <c r="D1340">
        <v>3562.5231520000002</v>
      </c>
      <c r="E1340">
        <v>108.065381</v>
      </c>
      <c r="F1340">
        <v>3562.5231520000002</v>
      </c>
      <c r="G1340">
        <v>109.60861199999999</v>
      </c>
      <c r="H1340">
        <v>3562.5231520000002</v>
      </c>
      <c r="I1340">
        <v>108.93179600000001</v>
      </c>
      <c r="J1340">
        <v>3562.5231520000002</v>
      </c>
      <c r="K1340">
        <v>109.73307800000001</v>
      </c>
      <c r="L1340">
        <v>3562.5231520000002</v>
      </c>
      <c r="M1340">
        <v>108.51202000000001</v>
      </c>
    </row>
    <row r="1341" spans="2:13" x14ac:dyDescent="0.45">
      <c r="B1341">
        <v>3564.4519679999999</v>
      </c>
      <c r="C1341">
        <v>108.45916699999999</v>
      </c>
      <c r="D1341">
        <v>3564.4519679999999</v>
      </c>
      <c r="E1341">
        <v>108.006264</v>
      </c>
      <c r="F1341">
        <v>3564.4519679999999</v>
      </c>
      <c r="G1341">
        <v>109.499509</v>
      </c>
      <c r="H1341">
        <v>3564.4519679999999</v>
      </c>
      <c r="I1341">
        <v>108.96019200000001</v>
      </c>
      <c r="J1341">
        <v>3564.4519679999999</v>
      </c>
      <c r="K1341">
        <v>109.610542</v>
      </c>
      <c r="L1341">
        <v>3564.4519679999999</v>
      </c>
      <c r="M1341">
        <v>108.45707</v>
      </c>
    </row>
    <row r="1342" spans="2:13" x14ac:dyDescent="0.45">
      <c r="B1342">
        <v>3566.3807839999999</v>
      </c>
      <c r="C1342">
        <v>108.346672</v>
      </c>
      <c r="D1342">
        <v>3566.3807839999999</v>
      </c>
      <c r="E1342">
        <v>107.84855</v>
      </c>
      <c r="F1342">
        <v>3566.3807839999999</v>
      </c>
      <c r="G1342">
        <v>109.47501</v>
      </c>
      <c r="H1342">
        <v>3566.3807839999999</v>
      </c>
      <c r="I1342">
        <v>108.957471</v>
      </c>
      <c r="J1342">
        <v>3566.3807839999999</v>
      </c>
      <c r="K1342">
        <v>109.399626</v>
      </c>
      <c r="L1342">
        <v>3566.3807839999999</v>
      </c>
      <c r="M1342">
        <v>108.075861</v>
      </c>
    </row>
    <row r="1343" spans="2:13" x14ac:dyDescent="0.45">
      <c r="B1343">
        <v>3568.3096</v>
      </c>
      <c r="C1343">
        <v>108.256784</v>
      </c>
      <c r="D1343">
        <v>3568.3096</v>
      </c>
      <c r="E1343">
        <v>107.729264</v>
      </c>
      <c r="F1343">
        <v>3568.3096</v>
      </c>
      <c r="G1343">
        <v>109.699611</v>
      </c>
      <c r="H1343">
        <v>3568.3096</v>
      </c>
      <c r="I1343">
        <v>108.94702100000001</v>
      </c>
      <c r="J1343">
        <v>3568.3096</v>
      </c>
      <c r="K1343">
        <v>109.615521</v>
      </c>
      <c r="L1343">
        <v>3568.3096</v>
      </c>
      <c r="M1343">
        <v>107.831018</v>
      </c>
    </row>
    <row r="1344" spans="2:13" x14ac:dyDescent="0.45">
      <c r="B1344">
        <v>3570.2384160000001</v>
      </c>
      <c r="C1344">
        <v>108.35810499999999</v>
      </c>
      <c r="D1344">
        <v>3570.2384160000001</v>
      </c>
      <c r="E1344">
        <v>107.946714</v>
      </c>
      <c r="F1344">
        <v>3570.2384160000001</v>
      </c>
      <c r="G1344">
        <v>109.72207299999999</v>
      </c>
      <c r="H1344">
        <v>3570.2384160000001</v>
      </c>
      <c r="I1344">
        <v>108.87787299999999</v>
      </c>
      <c r="J1344">
        <v>3570.2384160000001</v>
      </c>
      <c r="K1344">
        <v>109.832314</v>
      </c>
      <c r="L1344">
        <v>3570.2384160000001</v>
      </c>
      <c r="M1344">
        <v>108.13186</v>
      </c>
    </row>
    <row r="1345" spans="2:13" x14ac:dyDescent="0.45">
      <c r="B1345">
        <v>3572.1672319999998</v>
      </c>
      <c r="C1345">
        <v>108.452718</v>
      </c>
      <c r="D1345">
        <v>3572.1672319999998</v>
      </c>
      <c r="E1345">
        <v>107.992802</v>
      </c>
      <c r="F1345">
        <v>3572.1672319999998</v>
      </c>
      <c r="G1345">
        <v>109.643462</v>
      </c>
      <c r="H1345">
        <v>3572.1672319999998</v>
      </c>
      <c r="I1345">
        <v>108.814511</v>
      </c>
      <c r="J1345">
        <v>3572.1672319999998</v>
      </c>
      <c r="K1345">
        <v>109.72738200000001</v>
      </c>
      <c r="L1345">
        <v>3572.1672319999998</v>
      </c>
      <c r="M1345">
        <v>108.27800499999999</v>
      </c>
    </row>
    <row r="1346" spans="2:13" x14ac:dyDescent="0.45">
      <c r="B1346">
        <v>3574.0960479999999</v>
      </c>
      <c r="C1346">
        <v>108.46067600000001</v>
      </c>
      <c r="D1346">
        <v>3574.0960479999999</v>
      </c>
      <c r="E1346">
        <v>107.94295700000001</v>
      </c>
      <c r="F1346">
        <v>3574.0960479999999</v>
      </c>
      <c r="G1346">
        <v>109.56744999999999</v>
      </c>
      <c r="H1346">
        <v>3574.0960479999999</v>
      </c>
      <c r="I1346">
        <v>108.820019</v>
      </c>
      <c r="J1346">
        <v>3574.0960479999999</v>
      </c>
      <c r="K1346">
        <v>109.63391799999999</v>
      </c>
      <c r="L1346">
        <v>3574.0960479999999</v>
      </c>
      <c r="M1346">
        <v>108.290988</v>
      </c>
    </row>
    <row r="1347" spans="2:13" x14ac:dyDescent="0.45">
      <c r="B1347">
        <v>3576.024864</v>
      </c>
      <c r="C1347">
        <v>108.50549599999999</v>
      </c>
      <c r="D1347">
        <v>3576.024864</v>
      </c>
      <c r="E1347">
        <v>107.97210200000001</v>
      </c>
      <c r="F1347">
        <v>3576.024864</v>
      </c>
      <c r="G1347">
        <v>109.500224</v>
      </c>
      <c r="H1347">
        <v>3576.024864</v>
      </c>
      <c r="I1347">
        <v>108.98106199999999</v>
      </c>
      <c r="J1347">
        <v>3576.024864</v>
      </c>
      <c r="K1347">
        <v>109.62781200000001</v>
      </c>
      <c r="L1347">
        <v>3576.024864</v>
      </c>
      <c r="M1347">
        <v>108.292365</v>
      </c>
    </row>
    <row r="1348" spans="2:13" x14ac:dyDescent="0.45">
      <c r="B1348">
        <v>3577.9536800000001</v>
      </c>
      <c r="C1348">
        <v>108.542603</v>
      </c>
      <c r="D1348">
        <v>3577.9536800000001</v>
      </c>
      <c r="E1348">
        <v>108.10450900000001</v>
      </c>
      <c r="F1348">
        <v>3577.9536800000001</v>
      </c>
      <c r="G1348">
        <v>109.498842</v>
      </c>
      <c r="H1348">
        <v>3577.9536800000001</v>
      </c>
      <c r="I1348">
        <v>108.951385</v>
      </c>
      <c r="J1348">
        <v>3577.9536800000001</v>
      </c>
      <c r="K1348">
        <v>109.69886</v>
      </c>
      <c r="L1348">
        <v>3577.9536800000001</v>
      </c>
      <c r="M1348">
        <v>108.29041100000001</v>
      </c>
    </row>
    <row r="1349" spans="2:13" x14ac:dyDescent="0.45">
      <c r="B1349">
        <v>3579.8824960000002</v>
      </c>
      <c r="C1349">
        <v>108.48249800000001</v>
      </c>
      <c r="D1349">
        <v>3579.8824960000002</v>
      </c>
      <c r="E1349">
        <v>108.155305</v>
      </c>
      <c r="F1349">
        <v>3579.8824960000002</v>
      </c>
      <c r="G1349">
        <v>109.558834</v>
      </c>
      <c r="H1349">
        <v>3579.8824960000002</v>
      </c>
      <c r="I1349">
        <v>108.924611</v>
      </c>
      <c r="J1349">
        <v>3579.8824960000002</v>
      </c>
      <c r="K1349">
        <v>109.775972</v>
      </c>
      <c r="L1349">
        <v>3579.8824960000002</v>
      </c>
      <c r="M1349">
        <v>108.29062500000001</v>
      </c>
    </row>
    <row r="1350" spans="2:13" x14ac:dyDescent="0.45">
      <c r="B1350">
        <v>3581.8113119999998</v>
      </c>
      <c r="C1350">
        <v>108.45192400000001</v>
      </c>
      <c r="D1350">
        <v>3581.8113119999998</v>
      </c>
      <c r="E1350">
        <v>108.18268500000001</v>
      </c>
      <c r="F1350">
        <v>3581.8113119999998</v>
      </c>
      <c r="G1350">
        <v>109.589579</v>
      </c>
      <c r="H1350">
        <v>3581.8113119999998</v>
      </c>
      <c r="I1350">
        <v>108.899845</v>
      </c>
      <c r="J1350">
        <v>3581.8113119999998</v>
      </c>
      <c r="K1350">
        <v>109.73126499999999</v>
      </c>
      <c r="L1350">
        <v>3581.8113119999998</v>
      </c>
      <c r="M1350">
        <v>108.39852399999999</v>
      </c>
    </row>
    <row r="1351" spans="2:13" x14ac:dyDescent="0.45">
      <c r="B1351">
        <v>3583.7401279999999</v>
      </c>
      <c r="C1351">
        <v>108.49233599999999</v>
      </c>
      <c r="D1351">
        <v>3583.7401279999999</v>
      </c>
      <c r="E1351">
        <v>108.12927500000001</v>
      </c>
      <c r="F1351">
        <v>3583.7401279999999</v>
      </c>
      <c r="G1351">
        <v>109.45800300000001</v>
      </c>
      <c r="H1351">
        <v>3583.7401279999999</v>
      </c>
      <c r="I1351">
        <v>108.961456</v>
      </c>
      <c r="J1351">
        <v>3583.7401279999999</v>
      </c>
      <c r="K1351">
        <v>109.630848</v>
      </c>
      <c r="L1351">
        <v>3583.7401279999999</v>
      </c>
      <c r="M1351">
        <v>108.486569</v>
      </c>
    </row>
    <row r="1352" spans="2:13" x14ac:dyDescent="0.45">
      <c r="B1352">
        <v>3585.668944</v>
      </c>
      <c r="C1352">
        <v>108.48327500000001</v>
      </c>
      <c r="D1352">
        <v>3585.668944</v>
      </c>
      <c r="E1352">
        <v>108.106855</v>
      </c>
      <c r="F1352">
        <v>3585.668944</v>
      </c>
      <c r="G1352">
        <v>109.37946700000001</v>
      </c>
      <c r="H1352">
        <v>3585.668944</v>
      </c>
      <c r="I1352">
        <v>108.909296</v>
      </c>
      <c r="J1352">
        <v>3585.668944</v>
      </c>
      <c r="K1352">
        <v>109.46893300000001</v>
      </c>
      <c r="L1352">
        <v>3585.668944</v>
      </c>
      <c r="M1352">
        <v>108.448384</v>
      </c>
    </row>
    <row r="1353" spans="2:13" x14ac:dyDescent="0.45">
      <c r="B1353">
        <v>3587.5977600000001</v>
      </c>
      <c r="C1353">
        <v>108.38059699999999</v>
      </c>
      <c r="D1353">
        <v>3587.5977600000001</v>
      </c>
      <c r="E1353">
        <v>107.873915</v>
      </c>
      <c r="F1353">
        <v>3587.5977600000001</v>
      </c>
      <c r="G1353">
        <v>109.61599200000001</v>
      </c>
      <c r="H1353">
        <v>3587.5977600000001</v>
      </c>
      <c r="I1353">
        <v>108.997777</v>
      </c>
      <c r="J1353">
        <v>3587.5977600000001</v>
      </c>
      <c r="K1353">
        <v>109.48282</v>
      </c>
      <c r="L1353">
        <v>3587.5977600000001</v>
      </c>
      <c r="M1353">
        <v>108.162854</v>
      </c>
    </row>
    <row r="1354" spans="2:13" x14ac:dyDescent="0.45">
      <c r="B1354">
        <v>3589.5265760000002</v>
      </c>
      <c r="C1354">
        <v>108.556551</v>
      </c>
      <c r="D1354">
        <v>3589.5265760000002</v>
      </c>
      <c r="E1354">
        <v>107.81077500000001</v>
      </c>
      <c r="F1354">
        <v>3589.5265760000002</v>
      </c>
      <c r="G1354">
        <v>109.701943</v>
      </c>
      <c r="H1354">
        <v>3589.5265760000002</v>
      </c>
      <c r="I1354">
        <v>109.075656</v>
      </c>
      <c r="J1354">
        <v>3589.5265760000002</v>
      </c>
      <c r="K1354">
        <v>109.79972600000001</v>
      </c>
      <c r="L1354">
        <v>3589.5265760000002</v>
      </c>
      <c r="M1354">
        <v>108.09239700000001</v>
      </c>
    </row>
    <row r="1355" spans="2:13" x14ac:dyDescent="0.45">
      <c r="B1355">
        <v>3591.4553919999998</v>
      </c>
      <c r="C1355">
        <v>108.601108</v>
      </c>
      <c r="D1355">
        <v>3591.4553919999998</v>
      </c>
      <c r="E1355">
        <v>107.920288</v>
      </c>
      <c r="F1355">
        <v>3591.4553919999998</v>
      </c>
      <c r="G1355">
        <v>109.548175</v>
      </c>
      <c r="H1355">
        <v>3591.4553919999998</v>
      </c>
      <c r="I1355">
        <v>108.93565099999999</v>
      </c>
      <c r="J1355">
        <v>3591.4553919999998</v>
      </c>
      <c r="K1355">
        <v>109.80592300000001</v>
      </c>
      <c r="L1355">
        <v>3591.4553919999998</v>
      </c>
      <c r="M1355">
        <v>108.33049099999999</v>
      </c>
    </row>
    <row r="1356" spans="2:13" x14ac:dyDescent="0.45">
      <c r="B1356">
        <v>3593.3842079999999</v>
      </c>
      <c r="C1356">
        <v>108.54625900000001</v>
      </c>
      <c r="D1356">
        <v>3593.3842079999999</v>
      </c>
      <c r="E1356">
        <v>107.92188800000001</v>
      </c>
      <c r="F1356">
        <v>3593.3842079999999</v>
      </c>
      <c r="G1356">
        <v>109.49326499999999</v>
      </c>
      <c r="H1356">
        <v>3593.3842079999999</v>
      </c>
      <c r="I1356">
        <v>108.787161</v>
      </c>
      <c r="J1356">
        <v>3593.3842079999999</v>
      </c>
      <c r="K1356">
        <v>109.66790899999999</v>
      </c>
      <c r="L1356">
        <v>3593.3842079999999</v>
      </c>
      <c r="M1356">
        <v>108.44622200000001</v>
      </c>
    </row>
    <row r="1357" spans="2:13" x14ac:dyDescent="0.45">
      <c r="B1357">
        <v>3595.313024</v>
      </c>
      <c r="C1357">
        <v>108.447518</v>
      </c>
      <c r="D1357">
        <v>3595.313024</v>
      </c>
      <c r="E1357">
        <v>107.87603</v>
      </c>
      <c r="F1357">
        <v>3595.313024</v>
      </c>
      <c r="G1357">
        <v>109.49548900000001</v>
      </c>
      <c r="H1357">
        <v>3595.313024</v>
      </c>
      <c r="I1357">
        <v>108.81358</v>
      </c>
      <c r="J1357">
        <v>3595.313024</v>
      </c>
      <c r="K1357">
        <v>109.656367</v>
      </c>
      <c r="L1357">
        <v>3595.313024</v>
      </c>
      <c r="M1357">
        <v>108.390781</v>
      </c>
    </row>
    <row r="1358" spans="2:13" x14ac:dyDescent="0.45">
      <c r="B1358">
        <v>3597.2418400000001</v>
      </c>
      <c r="C1358">
        <v>108.45037600000001</v>
      </c>
      <c r="D1358">
        <v>3597.2418400000001</v>
      </c>
      <c r="E1358">
        <v>107.844241</v>
      </c>
      <c r="F1358">
        <v>3597.2418400000001</v>
      </c>
      <c r="G1358">
        <v>109.49976700000001</v>
      </c>
      <c r="H1358">
        <v>3597.2418400000001</v>
      </c>
      <c r="I1358">
        <v>108.82711999999999</v>
      </c>
      <c r="J1358">
        <v>3597.2418400000001</v>
      </c>
      <c r="K1358">
        <v>109.693258</v>
      </c>
      <c r="L1358">
        <v>3597.2418400000001</v>
      </c>
      <c r="M1358">
        <v>108.371675</v>
      </c>
    </row>
    <row r="1359" spans="2:13" x14ac:dyDescent="0.45">
      <c r="B1359">
        <v>3599.1706559999998</v>
      </c>
      <c r="C1359">
        <v>108.487837</v>
      </c>
      <c r="D1359">
        <v>3599.1706559999998</v>
      </c>
      <c r="E1359">
        <v>107.89137700000001</v>
      </c>
      <c r="F1359">
        <v>3599.1706559999998</v>
      </c>
      <c r="G1359">
        <v>109.483906</v>
      </c>
      <c r="H1359">
        <v>3599.1706559999998</v>
      </c>
      <c r="I1359">
        <v>108.87133</v>
      </c>
      <c r="J1359">
        <v>3599.1706559999998</v>
      </c>
      <c r="K1359">
        <v>109.706006</v>
      </c>
      <c r="L1359">
        <v>3599.1706559999998</v>
      </c>
      <c r="M1359">
        <v>108.409897</v>
      </c>
    </row>
    <row r="1360" spans="2:13" x14ac:dyDescent="0.45">
      <c r="B1360">
        <v>3601.0994719999999</v>
      </c>
      <c r="C1360">
        <v>108.51941100000001</v>
      </c>
      <c r="D1360">
        <v>3601.0994719999999</v>
      </c>
      <c r="E1360">
        <v>107.903722</v>
      </c>
      <c r="F1360">
        <v>3601.0994719999999</v>
      </c>
      <c r="G1360">
        <v>109.49339999999999</v>
      </c>
      <c r="H1360">
        <v>3601.0994719999999</v>
      </c>
      <c r="I1360">
        <v>108.94637</v>
      </c>
      <c r="J1360">
        <v>3601.0994719999999</v>
      </c>
      <c r="K1360">
        <v>109.710106</v>
      </c>
      <c r="L1360">
        <v>3601.0994719999999</v>
      </c>
      <c r="M1360">
        <v>108.360809</v>
      </c>
    </row>
    <row r="1361" spans="2:13" x14ac:dyDescent="0.45">
      <c r="B1361">
        <v>3603.028288</v>
      </c>
      <c r="C1361">
        <v>108.503745</v>
      </c>
      <c r="D1361">
        <v>3603.028288</v>
      </c>
      <c r="E1361">
        <v>107.911867</v>
      </c>
      <c r="F1361">
        <v>3603.028288</v>
      </c>
      <c r="G1361">
        <v>109.550127</v>
      </c>
      <c r="H1361">
        <v>3603.028288</v>
      </c>
      <c r="I1361">
        <v>108.969431</v>
      </c>
      <c r="J1361">
        <v>3603.028288</v>
      </c>
      <c r="K1361">
        <v>109.73907699999999</v>
      </c>
      <c r="L1361">
        <v>3603.028288</v>
      </c>
      <c r="M1361">
        <v>108.360874</v>
      </c>
    </row>
    <row r="1362" spans="2:13" x14ac:dyDescent="0.45">
      <c r="B1362">
        <v>3604.9571040000001</v>
      </c>
      <c r="C1362">
        <v>108.47646400000001</v>
      </c>
      <c r="D1362">
        <v>3604.9571040000001</v>
      </c>
      <c r="E1362">
        <v>107.95606500000001</v>
      </c>
      <c r="F1362">
        <v>3604.9571040000001</v>
      </c>
      <c r="G1362">
        <v>109.557171</v>
      </c>
      <c r="H1362">
        <v>3604.9571040000001</v>
      </c>
      <c r="I1362">
        <v>108.878012</v>
      </c>
      <c r="J1362">
        <v>3604.9571040000001</v>
      </c>
      <c r="K1362">
        <v>109.675235</v>
      </c>
      <c r="L1362">
        <v>3604.9571040000001</v>
      </c>
      <c r="M1362">
        <v>108.493036</v>
      </c>
    </row>
    <row r="1363" spans="2:13" x14ac:dyDescent="0.45">
      <c r="B1363">
        <v>3606.8859200000002</v>
      </c>
      <c r="C1363">
        <v>108.375373</v>
      </c>
      <c r="D1363">
        <v>3606.8859200000002</v>
      </c>
      <c r="E1363">
        <v>107.91042400000001</v>
      </c>
      <c r="F1363">
        <v>3606.8859200000002</v>
      </c>
      <c r="G1363">
        <v>109.461851</v>
      </c>
      <c r="H1363">
        <v>3606.8859200000002</v>
      </c>
      <c r="I1363">
        <v>108.818789</v>
      </c>
      <c r="J1363">
        <v>3606.8859200000002</v>
      </c>
      <c r="K1363">
        <v>109.581853</v>
      </c>
      <c r="L1363">
        <v>3606.8859200000002</v>
      </c>
      <c r="M1363">
        <v>108.447535</v>
      </c>
    </row>
    <row r="1364" spans="2:13" x14ac:dyDescent="0.45">
      <c r="B1364">
        <v>3608.8147359999998</v>
      </c>
      <c r="C1364">
        <v>108.40871300000001</v>
      </c>
      <c r="D1364">
        <v>3608.8147359999998</v>
      </c>
      <c r="E1364">
        <v>107.856792</v>
      </c>
      <c r="F1364">
        <v>3608.8147359999998</v>
      </c>
      <c r="G1364">
        <v>109.48917400000001</v>
      </c>
      <c r="H1364">
        <v>3608.8147359999998</v>
      </c>
      <c r="I1364">
        <v>108.795569</v>
      </c>
      <c r="J1364">
        <v>3608.8147359999998</v>
      </c>
      <c r="K1364">
        <v>109.678128</v>
      </c>
      <c r="L1364">
        <v>3608.8147359999998</v>
      </c>
      <c r="M1364">
        <v>108.16475699999999</v>
      </c>
    </row>
    <row r="1365" spans="2:13" x14ac:dyDescent="0.45">
      <c r="B1365">
        <v>3610.7435519999999</v>
      </c>
      <c r="C1365">
        <v>108.44762799999999</v>
      </c>
      <c r="D1365">
        <v>3610.7435519999999</v>
      </c>
      <c r="E1365">
        <v>107.927059</v>
      </c>
      <c r="F1365">
        <v>3610.7435519999999</v>
      </c>
      <c r="G1365">
        <v>109.49041099999999</v>
      </c>
      <c r="H1365">
        <v>3610.7435519999999</v>
      </c>
      <c r="I1365">
        <v>108.888547</v>
      </c>
      <c r="J1365">
        <v>3610.7435519999999</v>
      </c>
      <c r="K1365">
        <v>109.70141700000001</v>
      </c>
      <c r="L1365">
        <v>3610.7435519999999</v>
      </c>
      <c r="M1365">
        <v>108.145366</v>
      </c>
    </row>
    <row r="1366" spans="2:13" x14ac:dyDescent="0.45">
      <c r="B1366">
        <v>3612.672368</v>
      </c>
      <c r="C1366">
        <v>108.330147</v>
      </c>
      <c r="D1366">
        <v>3612.672368</v>
      </c>
      <c r="E1366">
        <v>107.931331</v>
      </c>
      <c r="F1366">
        <v>3612.672368</v>
      </c>
      <c r="G1366">
        <v>109.56530100000001</v>
      </c>
      <c r="H1366">
        <v>3612.672368</v>
      </c>
      <c r="I1366">
        <v>108.840333</v>
      </c>
      <c r="J1366">
        <v>3612.672368</v>
      </c>
      <c r="K1366">
        <v>109.659811</v>
      </c>
      <c r="L1366">
        <v>3612.672368</v>
      </c>
      <c r="M1366">
        <v>108.14446100000001</v>
      </c>
    </row>
    <row r="1367" spans="2:13" x14ac:dyDescent="0.45">
      <c r="B1367">
        <v>3614.6011840000001</v>
      </c>
      <c r="C1367">
        <v>108.399691</v>
      </c>
      <c r="D1367">
        <v>3614.6011840000001</v>
      </c>
      <c r="E1367">
        <v>107.804064</v>
      </c>
      <c r="F1367">
        <v>3614.6011840000001</v>
      </c>
      <c r="G1367">
        <v>109.615297</v>
      </c>
      <c r="H1367">
        <v>3614.6011840000001</v>
      </c>
      <c r="I1367">
        <v>108.803037</v>
      </c>
      <c r="J1367">
        <v>3614.6011840000001</v>
      </c>
      <c r="K1367">
        <v>109.71948</v>
      </c>
      <c r="L1367">
        <v>3614.6011840000001</v>
      </c>
      <c r="M1367">
        <v>108.234764</v>
      </c>
    </row>
    <row r="1368" spans="2:13" x14ac:dyDescent="0.45">
      <c r="B1368">
        <v>3616.53</v>
      </c>
      <c r="C1368">
        <v>108.410319</v>
      </c>
      <c r="D1368">
        <v>3616.53</v>
      </c>
      <c r="E1368">
        <v>107.74222</v>
      </c>
      <c r="F1368">
        <v>3616.53</v>
      </c>
      <c r="G1368">
        <v>109.572985</v>
      </c>
      <c r="H1368">
        <v>3616.53</v>
      </c>
      <c r="I1368">
        <v>108.769858</v>
      </c>
      <c r="J1368">
        <v>3616.53</v>
      </c>
      <c r="K1368">
        <v>109.561183</v>
      </c>
      <c r="L1368">
        <v>3616.53</v>
      </c>
      <c r="M1368">
        <v>108.419466</v>
      </c>
    </row>
    <row r="1369" spans="2:13" x14ac:dyDescent="0.45">
      <c r="B1369">
        <v>3618.4588159999998</v>
      </c>
      <c r="C1369">
        <v>108.229125</v>
      </c>
      <c r="D1369">
        <v>3618.4588159999998</v>
      </c>
      <c r="E1369">
        <v>107.587665</v>
      </c>
      <c r="F1369">
        <v>3618.4588159999998</v>
      </c>
      <c r="G1369">
        <v>109.708403</v>
      </c>
      <c r="H1369">
        <v>3618.4588159999998</v>
      </c>
      <c r="I1369">
        <v>108.852108</v>
      </c>
      <c r="J1369">
        <v>3618.4588159999998</v>
      </c>
      <c r="K1369">
        <v>109.275235</v>
      </c>
      <c r="L1369">
        <v>3618.4588159999998</v>
      </c>
      <c r="M1369">
        <v>108.33999799999999</v>
      </c>
    </row>
    <row r="1370" spans="2:13" x14ac:dyDescent="0.45">
      <c r="B1370">
        <v>3620.3876319999999</v>
      </c>
      <c r="C1370">
        <v>108.215199</v>
      </c>
      <c r="D1370">
        <v>3620.3876319999999</v>
      </c>
      <c r="E1370">
        <v>107.68613400000001</v>
      </c>
      <c r="F1370">
        <v>3620.3876319999999</v>
      </c>
      <c r="G1370">
        <v>109.781216</v>
      </c>
      <c r="H1370">
        <v>3620.3876319999999</v>
      </c>
      <c r="I1370">
        <v>109.006203</v>
      </c>
      <c r="J1370">
        <v>3620.3876319999999</v>
      </c>
      <c r="K1370">
        <v>109.432266</v>
      </c>
      <c r="L1370">
        <v>3620.3876319999999</v>
      </c>
      <c r="M1370">
        <v>108.136483</v>
      </c>
    </row>
    <row r="1371" spans="2:13" x14ac:dyDescent="0.45">
      <c r="B1371">
        <v>3622.316448</v>
      </c>
      <c r="C1371">
        <v>108.42182099999999</v>
      </c>
      <c r="D1371">
        <v>3622.316448</v>
      </c>
      <c r="E1371">
        <v>107.958686</v>
      </c>
      <c r="F1371">
        <v>3622.316448</v>
      </c>
      <c r="G1371">
        <v>109.71046</v>
      </c>
      <c r="H1371">
        <v>3622.316448</v>
      </c>
      <c r="I1371">
        <v>109.07749699999999</v>
      </c>
      <c r="J1371">
        <v>3622.316448</v>
      </c>
      <c r="K1371">
        <v>109.69094699999999</v>
      </c>
      <c r="L1371">
        <v>3622.316448</v>
      </c>
      <c r="M1371">
        <v>108.31910499999999</v>
      </c>
    </row>
    <row r="1372" spans="2:13" x14ac:dyDescent="0.45">
      <c r="B1372">
        <v>3624.2452640000001</v>
      </c>
      <c r="C1372">
        <v>108.561571</v>
      </c>
      <c r="D1372">
        <v>3624.2452640000001</v>
      </c>
      <c r="E1372">
        <v>108.04597700000001</v>
      </c>
      <c r="F1372">
        <v>3624.2452640000001</v>
      </c>
      <c r="G1372">
        <v>109.71085600000001</v>
      </c>
      <c r="H1372">
        <v>3624.2452640000001</v>
      </c>
      <c r="I1372">
        <v>108.905444</v>
      </c>
      <c r="J1372">
        <v>3624.2452640000001</v>
      </c>
      <c r="K1372">
        <v>109.700867</v>
      </c>
      <c r="L1372">
        <v>3624.2452640000001</v>
      </c>
      <c r="M1372">
        <v>108.50466</v>
      </c>
    </row>
    <row r="1373" spans="2:13" x14ac:dyDescent="0.45">
      <c r="B1373">
        <v>3626.1740799999998</v>
      </c>
      <c r="C1373">
        <v>108.596777</v>
      </c>
      <c r="D1373">
        <v>3626.1740799999998</v>
      </c>
      <c r="E1373">
        <v>107.96245</v>
      </c>
      <c r="F1373">
        <v>3626.1740799999998</v>
      </c>
      <c r="G1373">
        <v>109.456666</v>
      </c>
      <c r="H1373">
        <v>3626.1740799999998</v>
      </c>
      <c r="I1373">
        <v>108.788954</v>
      </c>
      <c r="J1373">
        <v>3626.1740799999998</v>
      </c>
      <c r="K1373">
        <v>109.56216499999999</v>
      </c>
      <c r="L1373">
        <v>3626.1740799999998</v>
      </c>
      <c r="M1373">
        <v>108.52882200000001</v>
      </c>
    </row>
    <row r="1374" spans="2:13" x14ac:dyDescent="0.45">
      <c r="B1374">
        <v>3628.1028959999999</v>
      </c>
      <c r="C1374">
        <v>108.333716</v>
      </c>
      <c r="D1374">
        <v>3628.1028959999999</v>
      </c>
      <c r="E1374">
        <v>107.92756200000001</v>
      </c>
      <c r="F1374">
        <v>3628.1028959999999</v>
      </c>
      <c r="G1374">
        <v>109.293637</v>
      </c>
      <c r="H1374">
        <v>3628.1028959999999</v>
      </c>
      <c r="I1374">
        <v>108.779976</v>
      </c>
      <c r="J1374">
        <v>3628.1028959999999</v>
      </c>
      <c r="K1374">
        <v>109.22540100000001</v>
      </c>
      <c r="L1374">
        <v>3628.1028959999999</v>
      </c>
      <c r="M1374">
        <v>108.40246500000001</v>
      </c>
    </row>
    <row r="1375" spans="2:13" x14ac:dyDescent="0.45">
      <c r="B1375">
        <v>3630.031712</v>
      </c>
      <c r="C1375">
        <v>108.11628399999999</v>
      </c>
      <c r="D1375">
        <v>3630.031712</v>
      </c>
      <c r="E1375">
        <v>107.840986</v>
      </c>
      <c r="F1375">
        <v>3630.031712</v>
      </c>
      <c r="G1375">
        <v>109.65462100000001</v>
      </c>
      <c r="H1375">
        <v>3630.031712</v>
      </c>
      <c r="I1375">
        <v>109.14518200000001</v>
      </c>
      <c r="J1375">
        <v>3630.031712</v>
      </c>
      <c r="K1375">
        <v>109.615813</v>
      </c>
      <c r="L1375">
        <v>3630.031712</v>
      </c>
      <c r="M1375">
        <v>108.024326</v>
      </c>
    </row>
    <row r="1376" spans="2:13" x14ac:dyDescent="0.45">
      <c r="B1376">
        <v>3631.9605280000001</v>
      </c>
      <c r="C1376">
        <v>108.387157</v>
      </c>
      <c r="D1376">
        <v>3631.9605280000001</v>
      </c>
      <c r="E1376">
        <v>107.885694</v>
      </c>
      <c r="F1376">
        <v>3631.9605280000001</v>
      </c>
      <c r="G1376">
        <v>109.606163</v>
      </c>
      <c r="H1376">
        <v>3631.9605280000001</v>
      </c>
      <c r="I1376">
        <v>109.013597</v>
      </c>
      <c r="J1376">
        <v>3631.9605280000001</v>
      </c>
      <c r="K1376">
        <v>109.801097</v>
      </c>
      <c r="L1376">
        <v>3631.9605280000001</v>
      </c>
      <c r="M1376">
        <v>108.17521000000001</v>
      </c>
    </row>
    <row r="1377" spans="2:13" x14ac:dyDescent="0.45">
      <c r="B1377">
        <v>3633.8893440000002</v>
      </c>
      <c r="C1377">
        <v>108.42632399999999</v>
      </c>
      <c r="D1377">
        <v>3633.8893440000002</v>
      </c>
      <c r="E1377">
        <v>107.78548500000001</v>
      </c>
      <c r="F1377">
        <v>3633.8893440000002</v>
      </c>
      <c r="G1377">
        <v>109.727031</v>
      </c>
      <c r="H1377">
        <v>3633.8893440000002</v>
      </c>
      <c r="I1377">
        <v>108.919957</v>
      </c>
      <c r="J1377">
        <v>3633.8893440000002</v>
      </c>
      <c r="K1377">
        <v>109.663566</v>
      </c>
      <c r="L1377">
        <v>3633.8893440000002</v>
      </c>
      <c r="M1377">
        <v>108.25214200000001</v>
      </c>
    </row>
    <row r="1378" spans="2:13" x14ac:dyDescent="0.45">
      <c r="B1378">
        <v>3635.8181599999998</v>
      </c>
      <c r="C1378">
        <v>108.45207499999999</v>
      </c>
      <c r="D1378">
        <v>3635.8181599999998</v>
      </c>
      <c r="E1378">
        <v>107.80565800000001</v>
      </c>
      <c r="F1378">
        <v>3635.8181599999998</v>
      </c>
      <c r="G1378">
        <v>109.754305</v>
      </c>
      <c r="H1378">
        <v>3635.8181599999998</v>
      </c>
      <c r="I1378">
        <v>108.83123500000001</v>
      </c>
      <c r="J1378">
        <v>3635.8181599999998</v>
      </c>
      <c r="K1378">
        <v>109.66738599999999</v>
      </c>
      <c r="L1378">
        <v>3635.8181599999998</v>
      </c>
      <c r="M1378">
        <v>108.35994100000001</v>
      </c>
    </row>
    <row r="1379" spans="2:13" x14ac:dyDescent="0.45">
      <c r="B1379">
        <v>3637.7469759999999</v>
      </c>
      <c r="C1379">
        <v>108.411214</v>
      </c>
      <c r="D1379">
        <v>3637.7469759999999</v>
      </c>
      <c r="E1379">
        <v>107.888552</v>
      </c>
      <c r="F1379">
        <v>3637.7469759999999</v>
      </c>
      <c r="G1379">
        <v>109.626575</v>
      </c>
      <c r="H1379">
        <v>3637.7469759999999</v>
      </c>
      <c r="I1379">
        <v>108.759586</v>
      </c>
      <c r="J1379">
        <v>3637.7469759999999</v>
      </c>
      <c r="K1379">
        <v>109.657701</v>
      </c>
      <c r="L1379">
        <v>3637.7469759999999</v>
      </c>
      <c r="M1379">
        <v>108.44881100000001</v>
      </c>
    </row>
    <row r="1380" spans="2:13" x14ac:dyDescent="0.45">
      <c r="B1380">
        <v>3639.675792</v>
      </c>
      <c r="C1380">
        <v>108.329408</v>
      </c>
      <c r="D1380">
        <v>3639.675792</v>
      </c>
      <c r="E1380">
        <v>107.908005</v>
      </c>
      <c r="F1380">
        <v>3639.675792</v>
      </c>
      <c r="G1380">
        <v>109.581225</v>
      </c>
      <c r="H1380">
        <v>3639.675792</v>
      </c>
      <c r="I1380">
        <v>108.84867199999999</v>
      </c>
      <c r="J1380">
        <v>3639.675792</v>
      </c>
      <c r="K1380">
        <v>109.78063899999999</v>
      </c>
      <c r="L1380">
        <v>3639.675792</v>
      </c>
      <c r="M1380">
        <v>108.58538</v>
      </c>
    </row>
    <row r="1381" spans="2:13" x14ac:dyDescent="0.45">
      <c r="B1381">
        <v>3641.6046080000001</v>
      </c>
      <c r="C1381">
        <v>108.27925999999999</v>
      </c>
      <c r="D1381">
        <v>3641.6046080000001</v>
      </c>
      <c r="E1381">
        <v>107.896569</v>
      </c>
      <c r="F1381">
        <v>3641.6046080000001</v>
      </c>
      <c r="G1381">
        <v>109.614234</v>
      </c>
      <c r="H1381">
        <v>3641.6046080000001</v>
      </c>
      <c r="I1381">
        <v>108.908011</v>
      </c>
      <c r="J1381">
        <v>3641.6046080000001</v>
      </c>
      <c r="K1381">
        <v>109.78116900000001</v>
      </c>
      <c r="L1381">
        <v>3641.6046080000001</v>
      </c>
      <c r="M1381">
        <v>108.550678</v>
      </c>
    </row>
    <row r="1382" spans="2:13" x14ac:dyDescent="0.45">
      <c r="B1382">
        <v>3643.5334240000002</v>
      </c>
      <c r="C1382">
        <v>108.315506</v>
      </c>
      <c r="D1382">
        <v>3643.5334240000002</v>
      </c>
      <c r="E1382">
        <v>107.87852000000001</v>
      </c>
      <c r="F1382">
        <v>3643.5334240000002</v>
      </c>
      <c r="G1382">
        <v>109.656717</v>
      </c>
      <c r="H1382">
        <v>3643.5334240000002</v>
      </c>
      <c r="I1382">
        <v>108.905102</v>
      </c>
      <c r="J1382">
        <v>3643.5334240000002</v>
      </c>
      <c r="K1382">
        <v>109.70007099999999</v>
      </c>
      <c r="L1382">
        <v>3643.5334240000002</v>
      </c>
      <c r="M1382">
        <v>108.496611</v>
      </c>
    </row>
    <row r="1383" spans="2:13" x14ac:dyDescent="0.45">
      <c r="B1383">
        <v>3645.4622399999998</v>
      </c>
      <c r="C1383">
        <v>108.321551</v>
      </c>
      <c r="D1383">
        <v>3645.4622399999998</v>
      </c>
      <c r="E1383">
        <v>107.86811400000001</v>
      </c>
      <c r="F1383">
        <v>3645.4622399999998</v>
      </c>
      <c r="G1383">
        <v>109.48543100000001</v>
      </c>
      <c r="H1383">
        <v>3645.4622399999998</v>
      </c>
      <c r="I1383">
        <v>108.823438</v>
      </c>
      <c r="J1383">
        <v>3645.4622399999998</v>
      </c>
      <c r="K1383">
        <v>109.510824</v>
      </c>
      <c r="L1383">
        <v>3645.4622399999998</v>
      </c>
      <c r="M1383">
        <v>108.72557</v>
      </c>
    </row>
    <row r="1384" spans="2:13" x14ac:dyDescent="0.45">
      <c r="B1384">
        <v>3647.3910559999999</v>
      </c>
      <c r="C1384">
        <v>108.120823</v>
      </c>
      <c r="D1384">
        <v>3647.3910559999999</v>
      </c>
      <c r="E1384">
        <v>107.789444</v>
      </c>
      <c r="F1384">
        <v>3647.3910559999999</v>
      </c>
      <c r="G1384">
        <v>109.309178</v>
      </c>
      <c r="H1384">
        <v>3647.3910559999999</v>
      </c>
      <c r="I1384">
        <v>108.6264</v>
      </c>
      <c r="J1384">
        <v>3647.3910559999999</v>
      </c>
      <c r="K1384">
        <v>109.208005</v>
      </c>
      <c r="L1384">
        <v>3647.3910559999999</v>
      </c>
      <c r="M1384">
        <v>108.656723</v>
      </c>
    </row>
    <row r="1385" spans="2:13" x14ac:dyDescent="0.45">
      <c r="B1385">
        <v>3649.319872</v>
      </c>
      <c r="C1385">
        <v>107.765075</v>
      </c>
      <c r="D1385">
        <v>3649.319872</v>
      </c>
      <c r="E1385">
        <v>107.562922</v>
      </c>
      <c r="F1385">
        <v>3649.319872</v>
      </c>
      <c r="G1385">
        <v>109.52061500000001</v>
      </c>
      <c r="H1385">
        <v>3649.319872</v>
      </c>
      <c r="I1385">
        <v>108.70832900000001</v>
      </c>
      <c r="J1385">
        <v>3649.319872</v>
      </c>
      <c r="K1385">
        <v>109.343338</v>
      </c>
      <c r="L1385">
        <v>3649.319872</v>
      </c>
      <c r="M1385">
        <v>107.881011</v>
      </c>
    </row>
    <row r="1386" spans="2:13" x14ac:dyDescent="0.45">
      <c r="B1386">
        <v>3651.2486880000001</v>
      </c>
      <c r="C1386">
        <v>108.091854</v>
      </c>
      <c r="D1386">
        <v>3651.2486880000001</v>
      </c>
      <c r="E1386">
        <v>107.61679600000001</v>
      </c>
      <c r="F1386">
        <v>3651.2486880000001</v>
      </c>
      <c r="G1386">
        <v>109.815155</v>
      </c>
      <c r="H1386">
        <v>3651.2486880000001</v>
      </c>
      <c r="I1386">
        <v>108.96723900000001</v>
      </c>
      <c r="J1386">
        <v>3651.2486880000001</v>
      </c>
      <c r="K1386">
        <v>109.82977099999999</v>
      </c>
      <c r="L1386">
        <v>3651.2486880000001</v>
      </c>
      <c r="M1386">
        <v>107.494597</v>
      </c>
    </row>
    <row r="1387" spans="2:13" x14ac:dyDescent="0.45">
      <c r="B1387">
        <v>3653.1775040000002</v>
      </c>
      <c r="C1387">
        <v>108.462929</v>
      </c>
      <c r="D1387">
        <v>3653.1775040000002</v>
      </c>
      <c r="E1387">
        <v>107.69314</v>
      </c>
      <c r="F1387">
        <v>3653.1775040000002</v>
      </c>
      <c r="G1387">
        <v>109.604702</v>
      </c>
      <c r="H1387">
        <v>3653.1775040000002</v>
      </c>
      <c r="I1387">
        <v>108.95479899999999</v>
      </c>
      <c r="J1387">
        <v>3653.1775040000002</v>
      </c>
      <c r="K1387">
        <v>109.86508000000001</v>
      </c>
      <c r="L1387">
        <v>3653.1775040000002</v>
      </c>
      <c r="M1387">
        <v>108.187922</v>
      </c>
    </row>
    <row r="1388" spans="2:13" x14ac:dyDescent="0.45">
      <c r="B1388">
        <v>3655.1063199999999</v>
      </c>
      <c r="C1388">
        <v>108.39412</v>
      </c>
      <c r="D1388">
        <v>3655.1063199999999</v>
      </c>
      <c r="E1388">
        <v>107.734078</v>
      </c>
      <c r="F1388">
        <v>3655.1063199999999</v>
      </c>
      <c r="G1388">
        <v>109.572371</v>
      </c>
      <c r="H1388">
        <v>3655.1063199999999</v>
      </c>
      <c r="I1388">
        <v>108.781569</v>
      </c>
      <c r="J1388">
        <v>3655.1063199999999</v>
      </c>
      <c r="K1388">
        <v>109.85565800000001</v>
      </c>
      <c r="L1388">
        <v>3655.1063199999999</v>
      </c>
      <c r="M1388">
        <v>108.579922</v>
      </c>
    </row>
    <row r="1389" spans="2:13" x14ac:dyDescent="0.45">
      <c r="B1389">
        <v>3657.035136</v>
      </c>
      <c r="C1389">
        <v>108.325237</v>
      </c>
      <c r="D1389">
        <v>3657.035136</v>
      </c>
      <c r="E1389">
        <v>107.790899</v>
      </c>
      <c r="F1389">
        <v>3657.035136</v>
      </c>
      <c r="G1389">
        <v>109.79234</v>
      </c>
      <c r="H1389">
        <v>3657.035136</v>
      </c>
      <c r="I1389">
        <v>109.01957</v>
      </c>
      <c r="J1389">
        <v>3657.035136</v>
      </c>
      <c r="K1389">
        <v>109.939165</v>
      </c>
      <c r="L1389">
        <v>3657.035136</v>
      </c>
      <c r="M1389">
        <v>108.541535</v>
      </c>
    </row>
    <row r="1390" spans="2:13" x14ac:dyDescent="0.45">
      <c r="B1390">
        <v>3658.9639520000001</v>
      </c>
      <c r="C1390">
        <v>108.470727</v>
      </c>
      <c r="D1390">
        <v>3658.9639520000001</v>
      </c>
      <c r="E1390">
        <v>107.856314</v>
      </c>
      <c r="F1390">
        <v>3658.9639520000001</v>
      </c>
      <c r="G1390">
        <v>109.696744</v>
      </c>
      <c r="H1390">
        <v>3658.9639520000001</v>
      </c>
      <c r="I1390">
        <v>109.07462200000001</v>
      </c>
      <c r="J1390">
        <v>3658.9639520000001</v>
      </c>
      <c r="K1390">
        <v>109.863545</v>
      </c>
      <c r="L1390">
        <v>3658.9639520000001</v>
      </c>
      <c r="M1390">
        <v>108.693392</v>
      </c>
    </row>
    <row r="1391" spans="2:13" x14ac:dyDescent="0.45">
      <c r="B1391">
        <v>3660.8927680000002</v>
      </c>
      <c r="C1391">
        <v>108.501204</v>
      </c>
      <c r="D1391">
        <v>3660.8927680000002</v>
      </c>
      <c r="E1391">
        <v>107.912604</v>
      </c>
      <c r="F1391">
        <v>3660.8927680000002</v>
      </c>
      <c r="G1391">
        <v>109.742088</v>
      </c>
      <c r="H1391">
        <v>3660.8927680000002</v>
      </c>
      <c r="I1391">
        <v>109.026757</v>
      </c>
      <c r="J1391">
        <v>3660.8927680000002</v>
      </c>
      <c r="K1391">
        <v>109.919802</v>
      </c>
      <c r="L1391">
        <v>3660.8927680000002</v>
      </c>
      <c r="M1391">
        <v>108.80223599999999</v>
      </c>
    </row>
    <row r="1392" spans="2:13" x14ac:dyDescent="0.45">
      <c r="B1392">
        <v>3662.8215839999998</v>
      </c>
      <c r="C1392">
        <v>108.402021</v>
      </c>
      <c r="D1392">
        <v>3662.8215839999998</v>
      </c>
      <c r="E1392">
        <v>107.955522</v>
      </c>
      <c r="F1392">
        <v>3662.8215839999998</v>
      </c>
      <c r="G1392">
        <v>109.771871</v>
      </c>
      <c r="H1392">
        <v>3662.8215839999998</v>
      </c>
      <c r="I1392">
        <v>109.009545</v>
      </c>
      <c r="J1392">
        <v>3662.8215839999998</v>
      </c>
      <c r="K1392">
        <v>109.882059</v>
      </c>
      <c r="L1392">
        <v>3662.8215839999998</v>
      </c>
      <c r="M1392">
        <v>108.820167</v>
      </c>
    </row>
    <row r="1393" spans="2:13" x14ac:dyDescent="0.45">
      <c r="B1393">
        <v>3664.7503999999999</v>
      </c>
      <c r="C1393">
        <v>108.326393</v>
      </c>
      <c r="D1393">
        <v>3664.7503999999999</v>
      </c>
      <c r="E1393">
        <v>107.986948</v>
      </c>
      <c r="F1393">
        <v>3664.7503999999999</v>
      </c>
      <c r="G1393">
        <v>109.692151</v>
      </c>
      <c r="H1393">
        <v>3664.7503999999999</v>
      </c>
      <c r="I1393">
        <v>109.029844</v>
      </c>
      <c r="J1393">
        <v>3664.7503999999999</v>
      </c>
      <c r="K1393">
        <v>109.748234</v>
      </c>
      <c r="L1393">
        <v>3664.7503999999999</v>
      </c>
      <c r="M1393">
        <v>108.930224</v>
      </c>
    </row>
    <row r="1394" spans="2:13" x14ac:dyDescent="0.45">
      <c r="B1394">
        <v>3666.679216</v>
      </c>
      <c r="C1394">
        <v>108.348249</v>
      </c>
      <c r="D1394">
        <v>3666.679216</v>
      </c>
      <c r="E1394">
        <v>107.97839400000001</v>
      </c>
      <c r="F1394">
        <v>3666.679216</v>
      </c>
      <c r="G1394">
        <v>109.507611</v>
      </c>
      <c r="H1394">
        <v>3666.679216</v>
      </c>
      <c r="I1394">
        <v>108.93463300000001</v>
      </c>
      <c r="J1394">
        <v>3666.679216</v>
      </c>
      <c r="K1394">
        <v>109.591579</v>
      </c>
      <c r="L1394">
        <v>3666.679216</v>
      </c>
      <c r="M1394">
        <v>109.109662</v>
      </c>
    </row>
    <row r="1395" spans="2:13" x14ac:dyDescent="0.45">
      <c r="B1395">
        <v>3668.6080320000001</v>
      </c>
      <c r="C1395">
        <v>108.285635</v>
      </c>
      <c r="D1395">
        <v>3668.6080320000001</v>
      </c>
      <c r="E1395">
        <v>107.87897700000001</v>
      </c>
      <c r="F1395">
        <v>3668.6080320000001</v>
      </c>
      <c r="G1395">
        <v>109.479916</v>
      </c>
      <c r="H1395">
        <v>3668.6080320000001</v>
      </c>
      <c r="I1395">
        <v>108.81952699999999</v>
      </c>
      <c r="J1395">
        <v>3668.6080320000001</v>
      </c>
      <c r="K1395">
        <v>109.207059</v>
      </c>
      <c r="L1395">
        <v>3668.6080320000001</v>
      </c>
      <c r="M1395">
        <v>109.00460099999999</v>
      </c>
    </row>
    <row r="1396" spans="2:13" x14ac:dyDescent="0.45">
      <c r="B1396">
        <v>3670.5368480000002</v>
      </c>
      <c r="C1396">
        <v>108.19584500000001</v>
      </c>
      <c r="D1396">
        <v>3670.5368480000002</v>
      </c>
      <c r="E1396">
        <v>107.76429300000001</v>
      </c>
      <c r="F1396">
        <v>3670.5368480000002</v>
      </c>
      <c r="G1396">
        <v>109.835792</v>
      </c>
      <c r="H1396">
        <v>3670.5368480000002</v>
      </c>
      <c r="I1396">
        <v>108.854153</v>
      </c>
      <c r="J1396">
        <v>3670.5368480000002</v>
      </c>
      <c r="K1396">
        <v>109.11365499999999</v>
      </c>
      <c r="L1396">
        <v>3670.5368480000002</v>
      </c>
      <c r="M1396">
        <v>108.409103</v>
      </c>
    </row>
    <row r="1397" spans="2:13" x14ac:dyDescent="0.45">
      <c r="B1397">
        <v>3672.4656639999998</v>
      </c>
      <c r="C1397">
        <v>108.367424</v>
      </c>
      <c r="D1397">
        <v>3672.4656639999998</v>
      </c>
      <c r="E1397">
        <v>107.820553</v>
      </c>
      <c r="F1397">
        <v>3672.4656639999998</v>
      </c>
      <c r="G1397">
        <v>109.576812</v>
      </c>
      <c r="H1397">
        <v>3672.4656639999998</v>
      </c>
      <c r="I1397">
        <v>108.948994</v>
      </c>
      <c r="J1397">
        <v>3672.4656639999998</v>
      </c>
      <c r="K1397">
        <v>109.640473</v>
      </c>
      <c r="L1397">
        <v>3672.4656639999998</v>
      </c>
      <c r="M1397">
        <v>108.516659</v>
      </c>
    </row>
    <row r="1398" spans="2:13" x14ac:dyDescent="0.45">
      <c r="B1398">
        <v>3674.3944799999999</v>
      </c>
      <c r="C1398">
        <v>108.28161900000001</v>
      </c>
      <c r="D1398">
        <v>3674.3944799999999</v>
      </c>
      <c r="E1398">
        <v>107.730222</v>
      </c>
      <c r="F1398">
        <v>3674.3944799999999</v>
      </c>
      <c r="G1398">
        <v>109.464016</v>
      </c>
      <c r="H1398">
        <v>3674.3944799999999</v>
      </c>
      <c r="I1398">
        <v>108.541713</v>
      </c>
      <c r="J1398">
        <v>3674.3944799999999</v>
      </c>
      <c r="K1398">
        <v>109.63545999999999</v>
      </c>
      <c r="L1398">
        <v>3674.3944799999999</v>
      </c>
      <c r="M1398">
        <v>108.46240299999999</v>
      </c>
    </row>
    <row r="1399" spans="2:13" x14ac:dyDescent="0.45">
      <c r="B1399">
        <v>3676.323296</v>
      </c>
      <c r="C1399">
        <v>108.025811</v>
      </c>
      <c r="D1399">
        <v>3676.323296</v>
      </c>
      <c r="E1399">
        <v>107.579072</v>
      </c>
      <c r="F1399">
        <v>3676.323296</v>
      </c>
      <c r="G1399">
        <v>109.80126199999999</v>
      </c>
      <c r="H1399">
        <v>3676.323296</v>
      </c>
      <c r="I1399">
        <v>108.697456</v>
      </c>
      <c r="J1399">
        <v>3676.323296</v>
      </c>
      <c r="K1399">
        <v>109.725487</v>
      </c>
      <c r="L1399">
        <v>3676.323296</v>
      </c>
      <c r="M1399">
        <v>107.722628</v>
      </c>
    </row>
    <row r="1400" spans="2:13" x14ac:dyDescent="0.45">
      <c r="B1400">
        <v>3678.2521120000001</v>
      </c>
      <c r="C1400">
        <v>108.153665</v>
      </c>
      <c r="D1400">
        <v>3678.2521120000001</v>
      </c>
      <c r="E1400">
        <v>107.86013200000001</v>
      </c>
      <c r="F1400">
        <v>3678.2521120000001</v>
      </c>
      <c r="G1400">
        <v>109.670693</v>
      </c>
      <c r="H1400">
        <v>3678.2521120000001</v>
      </c>
      <c r="I1400">
        <v>109.011763</v>
      </c>
      <c r="J1400">
        <v>3678.2521120000001</v>
      </c>
      <c r="K1400">
        <v>109.85878700000001</v>
      </c>
      <c r="L1400">
        <v>3678.2521120000001</v>
      </c>
      <c r="M1400">
        <v>108.243629</v>
      </c>
    </row>
    <row r="1401" spans="2:13" x14ac:dyDescent="0.45">
      <c r="B1401">
        <v>3680.1809280000002</v>
      </c>
      <c r="C1401">
        <v>108.234829</v>
      </c>
      <c r="D1401">
        <v>3680.1809280000002</v>
      </c>
      <c r="E1401">
        <v>107.85972600000001</v>
      </c>
      <c r="F1401">
        <v>3680.1809280000002</v>
      </c>
      <c r="G1401">
        <v>109.864783</v>
      </c>
      <c r="H1401">
        <v>3680.1809280000002</v>
      </c>
      <c r="I1401">
        <v>109.09083699999999</v>
      </c>
      <c r="J1401">
        <v>3680.1809280000002</v>
      </c>
      <c r="K1401">
        <v>109.995971</v>
      </c>
      <c r="L1401">
        <v>3680.1809280000002</v>
      </c>
      <c r="M1401">
        <v>108.58049099999999</v>
      </c>
    </row>
    <row r="1402" spans="2:13" x14ac:dyDescent="0.45">
      <c r="B1402">
        <v>3682.1097439999999</v>
      </c>
      <c r="C1402">
        <v>108.367065</v>
      </c>
      <c r="D1402">
        <v>3682.1097439999999</v>
      </c>
      <c r="E1402">
        <v>107.847128</v>
      </c>
      <c r="F1402">
        <v>3682.1097439999999</v>
      </c>
      <c r="G1402">
        <v>109.903329</v>
      </c>
      <c r="H1402">
        <v>3682.1097439999999</v>
      </c>
      <c r="I1402">
        <v>109.03254699999999</v>
      </c>
      <c r="J1402">
        <v>3682.1097439999999</v>
      </c>
      <c r="K1402">
        <v>109.945926</v>
      </c>
      <c r="L1402">
        <v>3682.1097439999999</v>
      </c>
      <c r="M1402">
        <v>108.823784</v>
      </c>
    </row>
    <row r="1403" spans="2:13" x14ac:dyDescent="0.45">
      <c r="B1403">
        <v>3684.03856</v>
      </c>
      <c r="C1403">
        <v>108.483155</v>
      </c>
      <c r="D1403">
        <v>3684.03856</v>
      </c>
      <c r="E1403">
        <v>107.908332</v>
      </c>
      <c r="F1403">
        <v>3684.03856</v>
      </c>
      <c r="G1403">
        <v>109.81952099999999</v>
      </c>
      <c r="H1403">
        <v>3684.03856</v>
      </c>
      <c r="I1403">
        <v>109.04838599999999</v>
      </c>
      <c r="J1403">
        <v>3684.03856</v>
      </c>
      <c r="K1403">
        <v>109.83207299999999</v>
      </c>
      <c r="L1403">
        <v>3684.03856</v>
      </c>
      <c r="M1403">
        <v>108.95617</v>
      </c>
    </row>
    <row r="1404" spans="2:13" x14ac:dyDescent="0.45">
      <c r="B1404">
        <v>3685.9673760000001</v>
      </c>
      <c r="C1404">
        <v>108.537655</v>
      </c>
      <c r="D1404">
        <v>3685.9673760000001</v>
      </c>
      <c r="E1404">
        <v>107.947112</v>
      </c>
      <c r="F1404">
        <v>3685.9673760000001</v>
      </c>
      <c r="G1404">
        <v>109.63605099999999</v>
      </c>
      <c r="H1404">
        <v>3685.9673760000001</v>
      </c>
      <c r="I1404">
        <v>108.91824200000001</v>
      </c>
      <c r="J1404">
        <v>3685.9673760000001</v>
      </c>
      <c r="K1404">
        <v>109.74467300000001</v>
      </c>
      <c r="L1404">
        <v>3685.9673760000001</v>
      </c>
      <c r="M1404">
        <v>109.02555099999999</v>
      </c>
    </row>
    <row r="1405" spans="2:13" x14ac:dyDescent="0.45">
      <c r="B1405">
        <v>3687.8961920000002</v>
      </c>
      <c r="C1405">
        <v>108.455214</v>
      </c>
      <c r="D1405">
        <v>3687.8961920000002</v>
      </c>
      <c r="E1405">
        <v>107.909593</v>
      </c>
      <c r="F1405">
        <v>3687.8961920000002</v>
      </c>
      <c r="G1405">
        <v>109.66380700000001</v>
      </c>
      <c r="H1405">
        <v>3687.8961920000002</v>
      </c>
      <c r="I1405">
        <v>108.772931</v>
      </c>
      <c r="J1405">
        <v>3687.8961920000002</v>
      </c>
      <c r="K1405">
        <v>109.50976300000001</v>
      </c>
      <c r="L1405">
        <v>3687.8961920000002</v>
      </c>
      <c r="M1405">
        <v>108.858684</v>
      </c>
    </row>
    <row r="1406" spans="2:13" x14ac:dyDescent="0.45">
      <c r="B1406">
        <v>3689.8250079999998</v>
      </c>
      <c r="C1406">
        <v>108.308008</v>
      </c>
      <c r="D1406">
        <v>3689.8250079999998</v>
      </c>
      <c r="E1406">
        <v>107.845298</v>
      </c>
      <c r="F1406">
        <v>3689.8250079999998</v>
      </c>
      <c r="G1406">
        <v>110.069228</v>
      </c>
      <c r="H1406">
        <v>3689.8250079999998</v>
      </c>
      <c r="I1406">
        <v>109.041845</v>
      </c>
      <c r="J1406">
        <v>3689.8250079999998</v>
      </c>
      <c r="K1406">
        <v>109.542456</v>
      </c>
      <c r="L1406">
        <v>3689.8250079999998</v>
      </c>
      <c r="M1406">
        <v>108.457588</v>
      </c>
    </row>
    <row r="1407" spans="2:13" x14ac:dyDescent="0.45">
      <c r="B1407">
        <v>3691.7538239999999</v>
      </c>
      <c r="C1407">
        <v>108.182686</v>
      </c>
      <c r="D1407">
        <v>3691.7538239999999</v>
      </c>
      <c r="E1407">
        <v>107.822423</v>
      </c>
      <c r="F1407">
        <v>3691.7538239999999</v>
      </c>
      <c r="G1407">
        <v>110.002796</v>
      </c>
      <c r="H1407">
        <v>3691.7538239999999</v>
      </c>
      <c r="I1407">
        <v>109.329165</v>
      </c>
      <c r="J1407">
        <v>3691.7538239999999</v>
      </c>
      <c r="K1407">
        <v>109.848663</v>
      </c>
      <c r="L1407">
        <v>3691.7538239999999</v>
      </c>
      <c r="M1407">
        <v>108.583399</v>
      </c>
    </row>
    <row r="1408" spans="2:13" x14ac:dyDescent="0.45">
      <c r="B1408">
        <v>3693.68264</v>
      </c>
      <c r="C1408">
        <v>108.34392099999999</v>
      </c>
      <c r="D1408">
        <v>3693.68264</v>
      </c>
      <c r="E1408">
        <v>107.908102</v>
      </c>
      <c r="F1408">
        <v>3693.68264</v>
      </c>
      <c r="G1408">
        <v>109.839646</v>
      </c>
      <c r="H1408">
        <v>3693.68264</v>
      </c>
      <c r="I1408">
        <v>109.225002</v>
      </c>
      <c r="J1408">
        <v>3693.68264</v>
      </c>
      <c r="K1408">
        <v>109.94588299999999</v>
      </c>
      <c r="L1408">
        <v>3693.68264</v>
      </c>
      <c r="M1408">
        <v>108.800076</v>
      </c>
    </row>
    <row r="1409" spans="2:13" x14ac:dyDescent="0.45">
      <c r="B1409">
        <v>3695.6114560000001</v>
      </c>
      <c r="C1409">
        <v>108.47844499999999</v>
      </c>
      <c r="D1409">
        <v>3695.6114560000001</v>
      </c>
      <c r="E1409">
        <v>108.00909800000001</v>
      </c>
      <c r="F1409">
        <v>3695.6114560000001</v>
      </c>
      <c r="G1409">
        <v>109.86909300000001</v>
      </c>
      <c r="H1409">
        <v>3695.6114560000001</v>
      </c>
      <c r="I1409">
        <v>109.04974900000001</v>
      </c>
      <c r="J1409">
        <v>3695.6114560000001</v>
      </c>
      <c r="K1409">
        <v>109.79840299999999</v>
      </c>
      <c r="L1409">
        <v>3695.6114560000001</v>
      </c>
      <c r="M1409">
        <v>108.937326</v>
      </c>
    </row>
    <row r="1410" spans="2:13" x14ac:dyDescent="0.45">
      <c r="B1410">
        <v>3697.5402720000002</v>
      </c>
      <c r="C1410">
        <v>108.41283199999999</v>
      </c>
      <c r="D1410">
        <v>3697.5402720000002</v>
      </c>
      <c r="E1410">
        <v>108.149029</v>
      </c>
      <c r="F1410">
        <v>3697.5402720000002</v>
      </c>
      <c r="G1410">
        <v>109.95750099999999</v>
      </c>
      <c r="H1410">
        <v>3697.5402720000002</v>
      </c>
      <c r="I1410">
        <v>108.92031799999999</v>
      </c>
      <c r="J1410">
        <v>3697.5402720000002</v>
      </c>
      <c r="K1410">
        <v>109.784076</v>
      </c>
      <c r="L1410">
        <v>3697.5402720000002</v>
      </c>
      <c r="M1410">
        <v>108.94476</v>
      </c>
    </row>
    <row r="1411" spans="2:13" x14ac:dyDescent="0.45">
      <c r="B1411">
        <v>3699.4690879999998</v>
      </c>
      <c r="C1411">
        <v>108.345287</v>
      </c>
      <c r="D1411">
        <v>3699.4690879999998</v>
      </c>
      <c r="E1411">
        <v>108.203272</v>
      </c>
      <c r="F1411">
        <v>3699.4690879999998</v>
      </c>
      <c r="G1411">
        <v>109.894845</v>
      </c>
      <c r="H1411">
        <v>3699.4690879999998</v>
      </c>
      <c r="I1411">
        <v>108.92278</v>
      </c>
      <c r="J1411">
        <v>3699.4690879999998</v>
      </c>
      <c r="K1411">
        <v>109.740739</v>
      </c>
      <c r="L1411">
        <v>3699.4690879999998</v>
      </c>
      <c r="M1411">
        <v>108.94842800000001</v>
      </c>
    </row>
    <row r="1412" spans="2:13" x14ac:dyDescent="0.45">
      <c r="B1412">
        <v>3701.3979039999999</v>
      </c>
      <c r="C1412">
        <v>108.328014</v>
      </c>
      <c r="D1412">
        <v>3701.3979039999999</v>
      </c>
      <c r="E1412">
        <v>108.11649200000001</v>
      </c>
      <c r="F1412">
        <v>3701.3979039999999</v>
      </c>
      <c r="G1412">
        <v>109.958607</v>
      </c>
      <c r="H1412">
        <v>3701.3979039999999</v>
      </c>
      <c r="I1412">
        <v>108.959765</v>
      </c>
      <c r="J1412">
        <v>3701.3979039999999</v>
      </c>
      <c r="K1412">
        <v>109.69953599999999</v>
      </c>
      <c r="L1412">
        <v>3701.3979039999999</v>
      </c>
      <c r="M1412">
        <v>108.90473</v>
      </c>
    </row>
    <row r="1413" spans="2:13" x14ac:dyDescent="0.45">
      <c r="B1413">
        <v>3703.32672</v>
      </c>
      <c r="C1413">
        <v>108.364632</v>
      </c>
      <c r="D1413">
        <v>3703.32672</v>
      </c>
      <c r="E1413">
        <v>107.973049</v>
      </c>
      <c r="F1413">
        <v>3703.32672</v>
      </c>
      <c r="G1413">
        <v>109.98140600000001</v>
      </c>
      <c r="H1413">
        <v>3703.32672</v>
      </c>
      <c r="I1413">
        <v>109.052823</v>
      </c>
      <c r="J1413">
        <v>3703.32672</v>
      </c>
      <c r="K1413">
        <v>109.797844</v>
      </c>
      <c r="L1413">
        <v>3703.32672</v>
      </c>
      <c r="M1413">
        <v>108.838815</v>
      </c>
    </row>
    <row r="1414" spans="2:13" x14ac:dyDescent="0.45">
      <c r="B1414">
        <v>3705.2555360000001</v>
      </c>
      <c r="C1414">
        <v>108.407639</v>
      </c>
      <c r="D1414">
        <v>3705.2555360000001</v>
      </c>
      <c r="E1414">
        <v>108.04088800000001</v>
      </c>
      <c r="F1414">
        <v>3705.2555360000001</v>
      </c>
      <c r="G1414">
        <v>109.837695</v>
      </c>
      <c r="H1414">
        <v>3705.2555360000001</v>
      </c>
      <c r="I1414">
        <v>108.977298</v>
      </c>
      <c r="J1414">
        <v>3705.2555360000001</v>
      </c>
      <c r="K1414">
        <v>109.754993</v>
      </c>
      <c r="L1414">
        <v>3705.2555360000001</v>
      </c>
      <c r="M1414">
        <v>108.91956500000001</v>
      </c>
    </row>
    <row r="1415" spans="2:13" x14ac:dyDescent="0.45">
      <c r="B1415">
        <v>3707.1843520000002</v>
      </c>
      <c r="C1415">
        <v>108.406064</v>
      </c>
      <c r="D1415">
        <v>3707.1843520000002</v>
      </c>
      <c r="E1415">
        <v>108.05622700000001</v>
      </c>
      <c r="F1415">
        <v>3707.1843520000002</v>
      </c>
      <c r="G1415">
        <v>109.756291</v>
      </c>
      <c r="H1415">
        <v>3707.1843520000002</v>
      </c>
      <c r="I1415">
        <v>108.939161</v>
      </c>
      <c r="J1415">
        <v>3707.1843520000002</v>
      </c>
      <c r="K1415">
        <v>109.709818</v>
      </c>
      <c r="L1415">
        <v>3707.1843520000002</v>
      </c>
      <c r="M1415">
        <v>108.89192300000001</v>
      </c>
    </row>
    <row r="1416" spans="2:13" x14ac:dyDescent="0.45">
      <c r="B1416">
        <v>3709.1131679999999</v>
      </c>
      <c r="C1416">
        <v>108.40640999999999</v>
      </c>
      <c r="D1416">
        <v>3709.1131679999999</v>
      </c>
      <c r="E1416">
        <v>108.101344</v>
      </c>
      <c r="F1416">
        <v>3709.1131679999999</v>
      </c>
      <c r="G1416">
        <v>109.627914</v>
      </c>
      <c r="H1416">
        <v>3709.1131679999999</v>
      </c>
      <c r="I1416">
        <v>108.828896</v>
      </c>
      <c r="J1416">
        <v>3709.1131679999999</v>
      </c>
      <c r="K1416">
        <v>109.525583</v>
      </c>
      <c r="L1416">
        <v>3709.1131679999999</v>
      </c>
      <c r="M1416">
        <v>108.781976</v>
      </c>
    </row>
    <row r="1417" spans="2:13" x14ac:dyDescent="0.45">
      <c r="B1417">
        <v>3711.041984</v>
      </c>
      <c r="C1417">
        <v>108.293762</v>
      </c>
      <c r="D1417">
        <v>3711.041984</v>
      </c>
      <c r="E1417">
        <v>108.020664</v>
      </c>
      <c r="F1417">
        <v>3711.041984</v>
      </c>
      <c r="G1417">
        <v>109.66506800000001</v>
      </c>
      <c r="H1417">
        <v>3711.041984</v>
      </c>
      <c r="I1417">
        <v>108.86301899999999</v>
      </c>
      <c r="J1417">
        <v>3711.041984</v>
      </c>
      <c r="K1417">
        <v>109.336488</v>
      </c>
      <c r="L1417">
        <v>3711.041984</v>
      </c>
      <c r="M1417">
        <v>108.652512</v>
      </c>
    </row>
    <row r="1418" spans="2:13" x14ac:dyDescent="0.45">
      <c r="B1418">
        <v>3712.9708000000001</v>
      </c>
      <c r="C1418">
        <v>108.31149499999999</v>
      </c>
      <c r="D1418">
        <v>3712.9708000000001</v>
      </c>
      <c r="E1418">
        <v>107.906476</v>
      </c>
      <c r="F1418">
        <v>3712.9708000000001</v>
      </c>
      <c r="G1418">
        <v>109.92482099999999</v>
      </c>
      <c r="H1418">
        <v>3712.9708000000001</v>
      </c>
      <c r="I1418">
        <v>109.082021</v>
      </c>
      <c r="J1418">
        <v>3712.9708000000001</v>
      </c>
      <c r="K1418">
        <v>109.705124</v>
      </c>
      <c r="L1418">
        <v>3712.9708000000001</v>
      </c>
      <c r="M1418">
        <v>108.725469</v>
      </c>
    </row>
    <row r="1419" spans="2:13" x14ac:dyDescent="0.45">
      <c r="B1419">
        <v>3714.8996160000002</v>
      </c>
      <c r="C1419">
        <v>108.427384</v>
      </c>
      <c r="D1419">
        <v>3714.8996160000002</v>
      </c>
      <c r="E1419">
        <v>107.943484</v>
      </c>
      <c r="F1419">
        <v>3714.8996160000002</v>
      </c>
      <c r="G1419">
        <v>109.847945</v>
      </c>
      <c r="H1419">
        <v>3714.8996160000002</v>
      </c>
      <c r="I1419">
        <v>109.092736</v>
      </c>
      <c r="J1419">
        <v>3714.8996160000002</v>
      </c>
      <c r="K1419">
        <v>109.89224400000001</v>
      </c>
      <c r="L1419">
        <v>3714.8996160000002</v>
      </c>
      <c r="M1419">
        <v>108.930397</v>
      </c>
    </row>
    <row r="1420" spans="2:13" x14ac:dyDescent="0.45">
      <c r="B1420">
        <v>3716.8284319999998</v>
      </c>
      <c r="C1420">
        <v>108.38081699999999</v>
      </c>
      <c r="D1420">
        <v>3716.8284319999998</v>
      </c>
      <c r="E1420">
        <v>108.034113</v>
      </c>
      <c r="F1420">
        <v>3716.8284319999998</v>
      </c>
      <c r="G1420">
        <v>109.74718</v>
      </c>
      <c r="H1420">
        <v>3716.8284319999998</v>
      </c>
      <c r="I1420">
        <v>108.942967</v>
      </c>
      <c r="J1420">
        <v>3716.8284319999998</v>
      </c>
      <c r="K1420">
        <v>109.81271599999999</v>
      </c>
      <c r="L1420">
        <v>3716.8284319999998</v>
      </c>
      <c r="M1420">
        <v>109.009691</v>
      </c>
    </row>
    <row r="1421" spans="2:13" x14ac:dyDescent="0.45">
      <c r="B1421">
        <v>3718.7572479999999</v>
      </c>
      <c r="C1421">
        <v>108.431066</v>
      </c>
      <c r="D1421">
        <v>3718.7572479999999</v>
      </c>
      <c r="E1421">
        <v>108.10570200000001</v>
      </c>
      <c r="F1421">
        <v>3718.7572479999999</v>
      </c>
      <c r="G1421">
        <v>109.76229600000001</v>
      </c>
      <c r="H1421">
        <v>3718.7572479999999</v>
      </c>
      <c r="I1421">
        <v>108.880077</v>
      </c>
      <c r="J1421">
        <v>3718.7572479999999</v>
      </c>
      <c r="K1421">
        <v>109.771433</v>
      </c>
      <c r="L1421">
        <v>3718.7572479999999</v>
      </c>
      <c r="M1421">
        <v>108.863285</v>
      </c>
    </row>
    <row r="1422" spans="2:13" x14ac:dyDescent="0.45">
      <c r="B1422">
        <v>3720.686064</v>
      </c>
      <c r="C1422">
        <v>108.467028</v>
      </c>
      <c r="D1422">
        <v>3720.686064</v>
      </c>
      <c r="E1422">
        <v>108.08859</v>
      </c>
      <c r="F1422">
        <v>3720.686064</v>
      </c>
      <c r="G1422">
        <v>109.694743</v>
      </c>
      <c r="H1422">
        <v>3720.686064</v>
      </c>
      <c r="I1422">
        <v>108.784356</v>
      </c>
      <c r="J1422">
        <v>3720.686064</v>
      </c>
      <c r="K1422">
        <v>109.66802300000001</v>
      </c>
      <c r="L1422">
        <v>3720.686064</v>
      </c>
      <c r="M1422">
        <v>108.868932</v>
      </c>
    </row>
    <row r="1423" spans="2:13" x14ac:dyDescent="0.45">
      <c r="B1423">
        <v>3722.6148800000001</v>
      </c>
      <c r="C1423">
        <v>108.427724</v>
      </c>
      <c r="D1423">
        <v>3722.6148800000001</v>
      </c>
      <c r="E1423">
        <v>107.987977</v>
      </c>
      <c r="F1423">
        <v>3722.6148800000001</v>
      </c>
      <c r="G1423">
        <v>109.737154</v>
      </c>
      <c r="H1423">
        <v>3722.6148800000001</v>
      </c>
      <c r="I1423">
        <v>108.91300200000001</v>
      </c>
      <c r="J1423">
        <v>3722.6148800000001</v>
      </c>
      <c r="K1423">
        <v>109.69331699999999</v>
      </c>
      <c r="L1423">
        <v>3722.6148800000001</v>
      </c>
      <c r="M1423">
        <v>108.93809299999999</v>
      </c>
    </row>
    <row r="1424" spans="2:13" x14ac:dyDescent="0.45">
      <c r="B1424">
        <v>3724.5436960000002</v>
      </c>
      <c r="C1424">
        <v>108.33167899999999</v>
      </c>
      <c r="D1424">
        <v>3724.5436960000002</v>
      </c>
      <c r="E1424">
        <v>107.94149400000001</v>
      </c>
      <c r="F1424">
        <v>3724.5436960000002</v>
      </c>
      <c r="G1424">
        <v>109.807699</v>
      </c>
      <c r="H1424">
        <v>3724.5436960000002</v>
      </c>
      <c r="I1424">
        <v>109.027551</v>
      </c>
      <c r="J1424">
        <v>3724.5436960000002</v>
      </c>
      <c r="K1424">
        <v>109.79400200000001</v>
      </c>
      <c r="L1424">
        <v>3724.5436960000002</v>
      </c>
      <c r="M1424">
        <v>109.019216</v>
      </c>
    </row>
    <row r="1425" spans="2:13" x14ac:dyDescent="0.45">
      <c r="B1425">
        <v>3726.4725119999998</v>
      </c>
      <c r="C1425">
        <v>108.343351</v>
      </c>
      <c r="D1425">
        <v>3726.4725119999998</v>
      </c>
      <c r="E1425">
        <v>107.883353</v>
      </c>
      <c r="F1425">
        <v>3726.4725119999998</v>
      </c>
      <c r="G1425">
        <v>109.86031199999999</v>
      </c>
      <c r="H1425">
        <v>3726.4725119999998</v>
      </c>
      <c r="I1425">
        <v>109.11257500000001</v>
      </c>
      <c r="J1425">
        <v>3726.4725119999998</v>
      </c>
      <c r="K1425">
        <v>109.75978600000001</v>
      </c>
      <c r="L1425">
        <v>3726.4725119999998</v>
      </c>
      <c r="M1425">
        <v>108.974757</v>
      </c>
    </row>
    <row r="1426" spans="2:13" x14ac:dyDescent="0.45">
      <c r="B1426">
        <v>3728.4013279999999</v>
      </c>
      <c r="C1426">
        <v>108.41392999999999</v>
      </c>
      <c r="D1426">
        <v>3728.4013279999999</v>
      </c>
      <c r="E1426">
        <v>107.900285</v>
      </c>
      <c r="F1426">
        <v>3728.4013279999999</v>
      </c>
      <c r="G1426">
        <v>109.81983200000001</v>
      </c>
      <c r="H1426">
        <v>3728.4013279999999</v>
      </c>
      <c r="I1426">
        <v>109.103419</v>
      </c>
      <c r="J1426">
        <v>3728.4013279999999</v>
      </c>
      <c r="K1426">
        <v>109.72596</v>
      </c>
      <c r="L1426">
        <v>3728.4013279999999</v>
      </c>
      <c r="M1426">
        <v>108.99665400000001</v>
      </c>
    </row>
    <row r="1427" spans="2:13" x14ac:dyDescent="0.45">
      <c r="B1427">
        <v>3730.330144</v>
      </c>
      <c r="C1427">
        <v>108.36396000000001</v>
      </c>
      <c r="D1427">
        <v>3730.330144</v>
      </c>
      <c r="E1427">
        <v>107.888514</v>
      </c>
      <c r="F1427">
        <v>3730.330144</v>
      </c>
      <c r="G1427">
        <v>109.616376</v>
      </c>
      <c r="H1427">
        <v>3730.330144</v>
      </c>
      <c r="I1427">
        <v>108.89818699999999</v>
      </c>
      <c r="J1427">
        <v>3730.330144</v>
      </c>
      <c r="K1427">
        <v>109.540969</v>
      </c>
      <c r="L1427">
        <v>3730.330144</v>
      </c>
      <c r="M1427">
        <v>109.18132300000001</v>
      </c>
    </row>
    <row r="1428" spans="2:13" x14ac:dyDescent="0.45">
      <c r="B1428">
        <v>3732.2589600000001</v>
      </c>
      <c r="C1428">
        <v>108.221999</v>
      </c>
      <c r="D1428">
        <v>3732.2589600000001</v>
      </c>
      <c r="E1428">
        <v>107.717387</v>
      </c>
      <c r="F1428">
        <v>3732.2589600000001</v>
      </c>
      <c r="G1428">
        <v>109.56144</v>
      </c>
      <c r="H1428">
        <v>3732.2589600000001</v>
      </c>
      <c r="I1428">
        <v>108.898867</v>
      </c>
      <c r="J1428">
        <v>3732.2589600000001</v>
      </c>
      <c r="K1428">
        <v>109.44518600000001</v>
      </c>
      <c r="L1428">
        <v>3732.2589600000001</v>
      </c>
      <c r="M1428">
        <v>108.889461</v>
      </c>
    </row>
    <row r="1429" spans="2:13" x14ac:dyDescent="0.45">
      <c r="B1429">
        <v>3734.1877760000002</v>
      </c>
      <c r="C1429">
        <v>108.143114</v>
      </c>
      <c r="D1429">
        <v>3734.1877760000002</v>
      </c>
      <c r="E1429">
        <v>107.60207100000001</v>
      </c>
      <c r="F1429">
        <v>3734.1877760000002</v>
      </c>
      <c r="G1429">
        <v>109.61866000000001</v>
      </c>
      <c r="H1429">
        <v>3734.1877760000002</v>
      </c>
      <c r="I1429">
        <v>109.14491200000001</v>
      </c>
      <c r="J1429">
        <v>3734.1877760000002</v>
      </c>
      <c r="K1429">
        <v>109.56539100000001</v>
      </c>
      <c r="L1429">
        <v>3734.1877760000002</v>
      </c>
      <c r="M1429">
        <v>108.41727299999999</v>
      </c>
    </row>
    <row r="1430" spans="2:13" x14ac:dyDescent="0.45">
      <c r="B1430">
        <v>3736.1165919999999</v>
      </c>
      <c r="C1430">
        <v>107.938024</v>
      </c>
      <c r="D1430">
        <v>3736.1165919999999</v>
      </c>
      <c r="E1430">
        <v>107.515872</v>
      </c>
      <c r="F1430">
        <v>3736.1165919999999</v>
      </c>
      <c r="G1430">
        <v>109.983054</v>
      </c>
      <c r="H1430">
        <v>3736.1165919999999</v>
      </c>
      <c r="I1430">
        <v>109.16701</v>
      </c>
      <c r="J1430">
        <v>3736.1165919999999</v>
      </c>
      <c r="K1430">
        <v>109.88311</v>
      </c>
      <c r="L1430">
        <v>3736.1165919999999</v>
      </c>
      <c r="M1430">
        <v>108.17931400000001</v>
      </c>
    </row>
    <row r="1431" spans="2:13" x14ac:dyDescent="0.45">
      <c r="B1431">
        <v>3738.045408</v>
      </c>
      <c r="C1431">
        <v>108.12168800000001</v>
      </c>
      <c r="D1431">
        <v>3738.045408</v>
      </c>
      <c r="E1431">
        <v>107.79013</v>
      </c>
      <c r="F1431">
        <v>3738.045408</v>
      </c>
      <c r="G1431">
        <v>110.06537299999999</v>
      </c>
      <c r="H1431">
        <v>3738.045408</v>
      </c>
      <c r="I1431">
        <v>109.16557400000001</v>
      </c>
      <c r="J1431">
        <v>3738.045408</v>
      </c>
      <c r="K1431">
        <v>110.020645</v>
      </c>
      <c r="L1431">
        <v>3738.045408</v>
      </c>
      <c r="M1431">
        <v>108.559226</v>
      </c>
    </row>
    <row r="1432" spans="2:13" x14ac:dyDescent="0.45">
      <c r="B1432">
        <v>3739.974224</v>
      </c>
      <c r="C1432">
        <v>108.317162</v>
      </c>
      <c r="D1432">
        <v>3739.974224</v>
      </c>
      <c r="E1432">
        <v>107.91673400000001</v>
      </c>
      <c r="F1432">
        <v>3739.974224</v>
      </c>
      <c r="G1432">
        <v>109.895543</v>
      </c>
      <c r="H1432">
        <v>3739.974224</v>
      </c>
      <c r="I1432">
        <v>109.05906400000001</v>
      </c>
      <c r="J1432">
        <v>3739.974224</v>
      </c>
      <c r="K1432">
        <v>109.896101</v>
      </c>
      <c r="L1432">
        <v>3739.974224</v>
      </c>
      <c r="M1432">
        <v>108.768967</v>
      </c>
    </row>
    <row r="1433" spans="2:13" x14ac:dyDescent="0.45">
      <c r="B1433">
        <v>3741.9030400000001</v>
      </c>
      <c r="C1433">
        <v>108.374077</v>
      </c>
      <c r="D1433">
        <v>3741.9030400000001</v>
      </c>
      <c r="E1433">
        <v>107.870974</v>
      </c>
      <c r="F1433">
        <v>3741.9030400000001</v>
      </c>
      <c r="G1433">
        <v>109.659672</v>
      </c>
      <c r="H1433">
        <v>3741.9030400000001</v>
      </c>
      <c r="I1433">
        <v>108.93128400000001</v>
      </c>
      <c r="J1433">
        <v>3741.9030400000001</v>
      </c>
      <c r="K1433">
        <v>109.684054</v>
      </c>
      <c r="L1433">
        <v>3741.9030400000001</v>
      </c>
      <c r="M1433">
        <v>108.84345500000001</v>
      </c>
    </row>
    <row r="1434" spans="2:13" x14ac:dyDescent="0.45">
      <c r="B1434">
        <v>3743.8318559999998</v>
      </c>
      <c r="C1434">
        <v>108.015432</v>
      </c>
      <c r="D1434">
        <v>3743.8318559999998</v>
      </c>
      <c r="E1434">
        <v>107.79757000000001</v>
      </c>
      <c r="F1434">
        <v>3743.8318559999998</v>
      </c>
      <c r="G1434">
        <v>109.71056299999999</v>
      </c>
      <c r="H1434">
        <v>3743.8318559999998</v>
      </c>
      <c r="I1434">
        <v>108.623075</v>
      </c>
      <c r="J1434">
        <v>3743.8318559999998</v>
      </c>
      <c r="K1434">
        <v>109.26095599999999</v>
      </c>
      <c r="L1434">
        <v>3743.8318559999998</v>
      </c>
      <c r="M1434">
        <v>108.54858299999999</v>
      </c>
    </row>
    <row r="1435" spans="2:13" x14ac:dyDescent="0.45">
      <c r="B1435">
        <v>3745.7606719999999</v>
      </c>
      <c r="C1435">
        <v>107.68423199999999</v>
      </c>
      <c r="D1435">
        <v>3745.7606719999999</v>
      </c>
      <c r="E1435">
        <v>107.936941</v>
      </c>
      <c r="F1435">
        <v>3745.7606719999999</v>
      </c>
      <c r="G1435">
        <v>109.985647</v>
      </c>
      <c r="H1435">
        <v>3745.7606719999999</v>
      </c>
      <c r="I1435">
        <v>108.864709</v>
      </c>
      <c r="J1435">
        <v>3745.7606719999999</v>
      </c>
      <c r="K1435">
        <v>109.56943800000001</v>
      </c>
      <c r="L1435">
        <v>3745.7606719999999</v>
      </c>
      <c r="M1435">
        <v>108.277255</v>
      </c>
    </row>
    <row r="1436" spans="2:13" x14ac:dyDescent="0.45">
      <c r="B1436">
        <v>3747.689488</v>
      </c>
      <c r="C1436">
        <v>107.886523</v>
      </c>
      <c r="D1436">
        <v>3747.689488</v>
      </c>
      <c r="E1436">
        <v>108.041</v>
      </c>
      <c r="F1436">
        <v>3747.689488</v>
      </c>
      <c r="G1436">
        <v>109.54006800000001</v>
      </c>
      <c r="H1436">
        <v>3747.689488</v>
      </c>
      <c r="I1436">
        <v>108.690144</v>
      </c>
      <c r="J1436">
        <v>3747.689488</v>
      </c>
      <c r="K1436">
        <v>109.723416</v>
      </c>
      <c r="L1436">
        <v>3747.689488</v>
      </c>
      <c r="M1436">
        <v>108.815839</v>
      </c>
    </row>
    <row r="1437" spans="2:13" x14ac:dyDescent="0.45">
      <c r="B1437">
        <v>3749.6183040000001</v>
      </c>
      <c r="C1437">
        <v>107.861639</v>
      </c>
      <c r="D1437">
        <v>3749.6183040000001</v>
      </c>
      <c r="E1437">
        <v>107.774192</v>
      </c>
      <c r="F1437">
        <v>3749.6183040000001</v>
      </c>
      <c r="G1437">
        <v>109.256191</v>
      </c>
      <c r="H1437">
        <v>3749.6183040000001</v>
      </c>
      <c r="I1437">
        <v>108.71433</v>
      </c>
      <c r="J1437">
        <v>3749.6183040000001</v>
      </c>
      <c r="K1437">
        <v>109.549165</v>
      </c>
      <c r="L1437">
        <v>3749.6183040000001</v>
      </c>
      <c r="M1437">
        <v>108.93377599999999</v>
      </c>
    </row>
    <row r="1438" spans="2:13" x14ac:dyDescent="0.45">
      <c r="B1438">
        <v>3751.5471200000002</v>
      </c>
      <c r="C1438">
        <v>107.991567</v>
      </c>
      <c r="D1438">
        <v>3751.5471200000002</v>
      </c>
      <c r="E1438">
        <v>107.50845600000001</v>
      </c>
      <c r="F1438">
        <v>3751.5471200000002</v>
      </c>
      <c r="G1438">
        <v>109.50899800000001</v>
      </c>
      <c r="H1438">
        <v>3751.5471200000002</v>
      </c>
      <c r="I1438">
        <v>108.88166</v>
      </c>
      <c r="J1438">
        <v>3751.5471200000002</v>
      </c>
      <c r="K1438">
        <v>109.440198</v>
      </c>
      <c r="L1438">
        <v>3751.5471200000002</v>
      </c>
      <c r="M1438">
        <v>108.62795199999999</v>
      </c>
    </row>
    <row r="1439" spans="2:13" x14ac:dyDescent="0.45">
      <c r="B1439">
        <v>3753.4759359999998</v>
      </c>
      <c r="C1439">
        <v>108.122417</v>
      </c>
      <c r="D1439">
        <v>3753.4759359999998</v>
      </c>
      <c r="E1439">
        <v>107.763116</v>
      </c>
      <c r="F1439">
        <v>3753.4759359999998</v>
      </c>
      <c r="G1439">
        <v>109.85086</v>
      </c>
      <c r="H1439">
        <v>3753.4759359999998</v>
      </c>
      <c r="I1439">
        <v>109.003022</v>
      </c>
      <c r="J1439">
        <v>3753.4759359999998</v>
      </c>
      <c r="K1439">
        <v>109.82156500000001</v>
      </c>
      <c r="L1439">
        <v>3753.4759359999998</v>
      </c>
      <c r="M1439">
        <v>108.49461100000001</v>
      </c>
    </row>
    <row r="1440" spans="2:13" x14ac:dyDescent="0.45">
      <c r="B1440">
        <v>3755.4047519999999</v>
      </c>
      <c r="C1440">
        <v>108.309011</v>
      </c>
      <c r="D1440">
        <v>3755.4047519999999</v>
      </c>
      <c r="E1440">
        <v>108.02613100000001</v>
      </c>
      <c r="F1440">
        <v>3755.4047519999999</v>
      </c>
      <c r="G1440">
        <v>109.68451399999999</v>
      </c>
      <c r="H1440">
        <v>3755.4047519999999</v>
      </c>
      <c r="I1440">
        <v>108.95739</v>
      </c>
      <c r="J1440">
        <v>3755.4047519999999</v>
      </c>
      <c r="K1440">
        <v>109.87667399999999</v>
      </c>
      <c r="L1440">
        <v>3755.4047519999999</v>
      </c>
      <c r="M1440">
        <v>108.75124099999999</v>
      </c>
    </row>
    <row r="1441" spans="2:13" x14ac:dyDescent="0.45">
      <c r="B1441">
        <v>3757.333568</v>
      </c>
      <c r="C1441">
        <v>108.39824299999999</v>
      </c>
      <c r="D1441">
        <v>3757.333568</v>
      </c>
      <c r="E1441">
        <v>108.01636500000001</v>
      </c>
      <c r="F1441">
        <v>3757.333568</v>
      </c>
      <c r="G1441">
        <v>109.64218200000001</v>
      </c>
      <c r="H1441">
        <v>3757.333568</v>
      </c>
      <c r="I1441">
        <v>108.89795700000001</v>
      </c>
      <c r="J1441">
        <v>3757.333568</v>
      </c>
      <c r="K1441">
        <v>109.736723</v>
      </c>
      <c r="L1441">
        <v>3757.333568</v>
      </c>
      <c r="M1441">
        <v>108.87223</v>
      </c>
    </row>
    <row r="1442" spans="2:13" x14ac:dyDescent="0.45">
      <c r="B1442">
        <v>3759.2623840000001</v>
      </c>
      <c r="C1442">
        <v>108.338379</v>
      </c>
      <c r="D1442">
        <v>3759.2623840000001</v>
      </c>
      <c r="E1442">
        <v>107.98359600000001</v>
      </c>
      <c r="F1442">
        <v>3759.2623840000001</v>
      </c>
      <c r="G1442">
        <v>109.680527</v>
      </c>
      <c r="H1442">
        <v>3759.2623840000001</v>
      </c>
      <c r="I1442">
        <v>108.83417900000001</v>
      </c>
      <c r="J1442">
        <v>3759.2623840000001</v>
      </c>
      <c r="K1442">
        <v>109.666504</v>
      </c>
      <c r="L1442">
        <v>3759.2623840000001</v>
      </c>
      <c r="M1442">
        <v>108.884345</v>
      </c>
    </row>
    <row r="1443" spans="2:13" x14ac:dyDescent="0.45">
      <c r="B1443">
        <v>3761.1912000000002</v>
      </c>
      <c r="C1443">
        <v>108.34242</v>
      </c>
      <c r="D1443">
        <v>3761.1912000000002</v>
      </c>
      <c r="E1443">
        <v>108.05385</v>
      </c>
      <c r="F1443">
        <v>3761.1912000000002</v>
      </c>
      <c r="G1443">
        <v>109.795124</v>
      </c>
      <c r="H1443">
        <v>3761.1912000000002</v>
      </c>
      <c r="I1443">
        <v>108.91360299999999</v>
      </c>
      <c r="J1443">
        <v>3761.1912000000002</v>
      </c>
      <c r="K1443">
        <v>109.75583</v>
      </c>
      <c r="L1443">
        <v>3761.1912000000002</v>
      </c>
      <c r="M1443">
        <v>108.95916099999999</v>
      </c>
    </row>
    <row r="1444" spans="2:13" x14ac:dyDescent="0.45">
      <c r="B1444">
        <v>3763.1200159999999</v>
      </c>
      <c r="C1444">
        <v>108.45072399999999</v>
      </c>
      <c r="D1444">
        <v>3763.1200159999999</v>
      </c>
      <c r="E1444">
        <v>108.12062400000001</v>
      </c>
      <c r="F1444">
        <v>3763.1200159999999</v>
      </c>
      <c r="G1444">
        <v>109.727801</v>
      </c>
      <c r="H1444">
        <v>3763.1200159999999</v>
      </c>
      <c r="I1444">
        <v>108.825267</v>
      </c>
      <c r="J1444">
        <v>3763.1200159999999</v>
      </c>
      <c r="K1444">
        <v>109.69622200000001</v>
      </c>
      <c r="L1444">
        <v>3763.1200159999999</v>
      </c>
      <c r="M1444">
        <v>109.20047</v>
      </c>
    </row>
    <row r="1445" spans="2:13" x14ac:dyDescent="0.45">
      <c r="B1445">
        <v>3765.0488319999999</v>
      </c>
      <c r="C1445">
        <v>108.361902</v>
      </c>
      <c r="D1445">
        <v>3765.0488319999999</v>
      </c>
      <c r="E1445">
        <v>108.070887</v>
      </c>
      <c r="F1445">
        <v>3765.0488319999999</v>
      </c>
      <c r="G1445">
        <v>109.816568</v>
      </c>
      <c r="H1445">
        <v>3765.0488319999999</v>
      </c>
      <c r="I1445">
        <v>108.899362</v>
      </c>
      <c r="J1445">
        <v>3765.0488319999999</v>
      </c>
      <c r="K1445">
        <v>109.565865</v>
      </c>
      <c r="L1445">
        <v>3765.0488319999999</v>
      </c>
      <c r="M1445">
        <v>109.232288</v>
      </c>
    </row>
    <row r="1446" spans="2:13" x14ac:dyDescent="0.45">
      <c r="B1446">
        <v>3766.977648</v>
      </c>
      <c r="C1446">
        <v>108.38829200000001</v>
      </c>
      <c r="D1446">
        <v>3766.977648</v>
      </c>
      <c r="E1446">
        <v>108.08931700000001</v>
      </c>
      <c r="F1446">
        <v>3766.977648</v>
      </c>
      <c r="G1446">
        <v>109.757316</v>
      </c>
      <c r="H1446">
        <v>3766.977648</v>
      </c>
      <c r="I1446">
        <v>109.00663299999999</v>
      </c>
      <c r="J1446">
        <v>3766.977648</v>
      </c>
      <c r="K1446">
        <v>109.62839700000001</v>
      </c>
      <c r="L1446">
        <v>3766.977648</v>
      </c>
      <c r="M1446">
        <v>109.19658</v>
      </c>
    </row>
    <row r="1447" spans="2:13" x14ac:dyDescent="0.45">
      <c r="B1447">
        <v>3768.9064640000001</v>
      </c>
      <c r="C1447">
        <v>108.447964</v>
      </c>
      <c r="D1447">
        <v>3768.9064640000001</v>
      </c>
      <c r="E1447">
        <v>108.05956</v>
      </c>
      <c r="F1447">
        <v>3768.9064640000001</v>
      </c>
      <c r="G1447">
        <v>109.619899</v>
      </c>
      <c r="H1447">
        <v>3768.9064640000001</v>
      </c>
      <c r="I1447">
        <v>108.909628</v>
      </c>
      <c r="J1447">
        <v>3768.9064640000001</v>
      </c>
      <c r="K1447">
        <v>109.609054</v>
      </c>
      <c r="L1447">
        <v>3768.9064640000001</v>
      </c>
      <c r="M1447">
        <v>109.19942399999999</v>
      </c>
    </row>
    <row r="1448" spans="2:13" x14ac:dyDescent="0.45">
      <c r="B1448">
        <v>3770.8352799999998</v>
      </c>
      <c r="C1448">
        <v>108.494579</v>
      </c>
      <c r="D1448">
        <v>3770.8352799999998</v>
      </c>
      <c r="E1448">
        <v>107.933896</v>
      </c>
      <c r="F1448">
        <v>3770.8352799999998</v>
      </c>
      <c r="G1448">
        <v>109.803583</v>
      </c>
      <c r="H1448">
        <v>3770.8352799999998</v>
      </c>
      <c r="I1448">
        <v>108.94543400000001</v>
      </c>
      <c r="J1448">
        <v>3770.8352799999998</v>
      </c>
      <c r="K1448">
        <v>109.80661000000001</v>
      </c>
      <c r="L1448">
        <v>3770.8352799999998</v>
      </c>
      <c r="M1448">
        <v>108.999742</v>
      </c>
    </row>
    <row r="1449" spans="2:13" x14ac:dyDescent="0.45">
      <c r="B1449">
        <v>3772.7640959999999</v>
      </c>
      <c r="C1449">
        <v>108.511465</v>
      </c>
      <c r="D1449">
        <v>3772.7640959999999</v>
      </c>
      <c r="E1449">
        <v>107.92465</v>
      </c>
      <c r="F1449">
        <v>3772.7640959999999</v>
      </c>
      <c r="G1449">
        <v>109.76754099999999</v>
      </c>
      <c r="H1449">
        <v>3772.7640959999999</v>
      </c>
      <c r="I1449">
        <v>108.932877</v>
      </c>
      <c r="J1449">
        <v>3772.7640959999999</v>
      </c>
      <c r="K1449">
        <v>109.88688500000001</v>
      </c>
      <c r="L1449">
        <v>3772.7640959999999</v>
      </c>
      <c r="M1449">
        <v>109.061145</v>
      </c>
    </row>
    <row r="1450" spans="2:13" x14ac:dyDescent="0.45">
      <c r="B1450">
        <v>3774.692912</v>
      </c>
      <c r="C1450">
        <v>108.49571400000001</v>
      </c>
      <c r="D1450">
        <v>3774.692912</v>
      </c>
      <c r="E1450">
        <v>107.963019</v>
      </c>
      <c r="F1450">
        <v>3774.692912</v>
      </c>
      <c r="G1450">
        <v>109.68176099999999</v>
      </c>
      <c r="H1450">
        <v>3774.692912</v>
      </c>
      <c r="I1450">
        <v>108.904355</v>
      </c>
      <c r="J1450">
        <v>3774.692912</v>
      </c>
      <c r="K1450">
        <v>109.73381000000001</v>
      </c>
      <c r="L1450">
        <v>3774.692912</v>
      </c>
      <c r="M1450">
        <v>109.17415800000001</v>
      </c>
    </row>
    <row r="1451" spans="2:13" x14ac:dyDescent="0.45">
      <c r="B1451">
        <v>3776.6217280000001</v>
      </c>
      <c r="C1451">
        <v>108.58744799999999</v>
      </c>
      <c r="D1451">
        <v>3776.6217280000001</v>
      </c>
      <c r="E1451">
        <v>107.991006</v>
      </c>
      <c r="F1451">
        <v>3776.6217280000001</v>
      </c>
      <c r="G1451">
        <v>109.625072</v>
      </c>
      <c r="H1451">
        <v>3776.6217280000001</v>
      </c>
      <c r="I1451">
        <v>108.974324</v>
      </c>
      <c r="J1451">
        <v>3776.6217280000001</v>
      </c>
      <c r="K1451">
        <v>109.65046</v>
      </c>
      <c r="L1451">
        <v>3776.6217280000001</v>
      </c>
      <c r="M1451">
        <v>109.249898</v>
      </c>
    </row>
    <row r="1452" spans="2:13" x14ac:dyDescent="0.45">
      <c r="B1452">
        <v>3778.5505440000002</v>
      </c>
      <c r="C1452">
        <v>108.61174099999999</v>
      </c>
      <c r="D1452">
        <v>3778.5505440000002</v>
      </c>
      <c r="E1452">
        <v>108.004346</v>
      </c>
      <c r="F1452">
        <v>3778.5505440000002</v>
      </c>
      <c r="G1452">
        <v>109.657551</v>
      </c>
      <c r="H1452">
        <v>3778.5505440000002</v>
      </c>
      <c r="I1452">
        <v>108.852011</v>
      </c>
      <c r="J1452">
        <v>3778.5505440000002</v>
      </c>
      <c r="K1452">
        <v>109.66556300000001</v>
      </c>
      <c r="L1452">
        <v>3778.5505440000002</v>
      </c>
      <c r="M1452">
        <v>109.213168</v>
      </c>
    </row>
    <row r="1453" spans="2:13" x14ac:dyDescent="0.45">
      <c r="B1453">
        <v>3780.4793599999998</v>
      </c>
      <c r="C1453">
        <v>108.592052</v>
      </c>
      <c r="D1453">
        <v>3780.4793599999998</v>
      </c>
      <c r="E1453">
        <v>107.908714</v>
      </c>
      <c r="F1453">
        <v>3780.4793599999998</v>
      </c>
      <c r="G1453">
        <v>109.740312</v>
      </c>
      <c r="H1453">
        <v>3780.4793599999998</v>
      </c>
      <c r="I1453">
        <v>108.901487</v>
      </c>
      <c r="J1453">
        <v>3780.4793599999998</v>
      </c>
      <c r="K1453">
        <v>109.81585699999999</v>
      </c>
      <c r="L1453">
        <v>3780.4793599999998</v>
      </c>
      <c r="M1453">
        <v>109.062741</v>
      </c>
    </row>
    <row r="1454" spans="2:13" x14ac:dyDescent="0.45">
      <c r="B1454">
        <v>3782.4081759999999</v>
      </c>
      <c r="C1454">
        <v>108.647019</v>
      </c>
      <c r="D1454">
        <v>3782.4081759999999</v>
      </c>
      <c r="E1454">
        <v>107.940848</v>
      </c>
      <c r="F1454">
        <v>3782.4081759999999</v>
      </c>
      <c r="G1454">
        <v>109.604641</v>
      </c>
      <c r="H1454">
        <v>3782.4081759999999</v>
      </c>
      <c r="I1454">
        <v>108.97254</v>
      </c>
      <c r="J1454">
        <v>3782.4081759999999</v>
      </c>
      <c r="K1454">
        <v>109.826877</v>
      </c>
      <c r="L1454">
        <v>3782.4081759999999</v>
      </c>
      <c r="M1454">
        <v>109.163797</v>
      </c>
    </row>
    <row r="1455" spans="2:13" x14ac:dyDescent="0.45">
      <c r="B1455">
        <v>3784.336992</v>
      </c>
      <c r="C1455">
        <v>108.557157</v>
      </c>
      <c r="D1455">
        <v>3784.336992</v>
      </c>
      <c r="E1455">
        <v>107.974996</v>
      </c>
      <c r="F1455">
        <v>3784.336992</v>
      </c>
      <c r="G1455">
        <v>109.56125900000001</v>
      </c>
      <c r="H1455">
        <v>3784.336992</v>
      </c>
      <c r="I1455">
        <v>108.95780999999999</v>
      </c>
      <c r="J1455">
        <v>3784.336992</v>
      </c>
      <c r="K1455">
        <v>109.842167</v>
      </c>
      <c r="L1455">
        <v>3784.336992</v>
      </c>
      <c r="M1455">
        <v>109.194239</v>
      </c>
    </row>
    <row r="1456" spans="2:13" x14ac:dyDescent="0.45">
      <c r="B1456">
        <v>3786.2658080000001</v>
      </c>
      <c r="C1456">
        <v>108.468784</v>
      </c>
      <c r="D1456">
        <v>3786.2658080000001</v>
      </c>
      <c r="E1456">
        <v>107.949048</v>
      </c>
      <c r="F1456">
        <v>3786.2658080000001</v>
      </c>
      <c r="G1456">
        <v>109.62491199999999</v>
      </c>
      <c r="H1456">
        <v>3786.2658080000001</v>
      </c>
      <c r="I1456">
        <v>108.897918</v>
      </c>
      <c r="J1456">
        <v>3786.2658080000001</v>
      </c>
      <c r="K1456">
        <v>109.83534299999999</v>
      </c>
      <c r="L1456">
        <v>3786.2658080000001</v>
      </c>
      <c r="M1456">
        <v>109.166459</v>
      </c>
    </row>
    <row r="1457" spans="2:13" x14ac:dyDescent="0.45">
      <c r="B1457">
        <v>3788.1946240000002</v>
      </c>
      <c r="C1457">
        <v>108.47496700000001</v>
      </c>
      <c r="D1457">
        <v>3788.1946240000002</v>
      </c>
      <c r="E1457">
        <v>107.92266600000001</v>
      </c>
      <c r="F1457">
        <v>3788.1946240000002</v>
      </c>
      <c r="G1457">
        <v>109.65168300000001</v>
      </c>
      <c r="H1457">
        <v>3788.1946240000002</v>
      </c>
      <c r="I1457">
        <v>108.86153400000001</v>
      </c>
      <c r="J1457">
        <v>3788.1946240000002</v>
      </c>
      <c r="K1457">
        <v>109.773422</v>
      </c>
      <c r="L1457">
        <v>3788.1946240000002</v>
      </c>
      <c r="M1457">
        <v>109.198921</v>
      </c>
    </row>
    <row r="1458" spans="2:13" x14ac:dyDescent="0.45">
      <c r="B1458">
        <v>3790.1234399999998</v>
      </c>
      <c r="C1458">
        <v>108.52562</v>
      </c>
      <c r="D1458">
        <v>3790.1234399999998</v>
      </c>
      <c r="E1458">
        <v>107.91350800000001</v>
      </c>
      <c r="F1458">
        <v>3790.1234399999998</v>
      </c>
      <c r="G1458">
        <v>109.627807</v>
      </c>
      <c r="H1458">
        <v>3790.1234399999998</v>
      </c>
      <c r="I1458">
        <v>108.87380899999999</v>
      </c>
      <c r="J1458">
        <v>3790.1234399999998</v>
      </c>
      <c r="K1458">
        <v>109.769037</v>
      </c>
      <c r="L1458">
        <v>3790.1234399999998</v>
      </c>
      <c r="M1458">
        <v>109.219047</v>
      </c>
    </row>
    <row r="1459" spans="2:13" x14ac:dyDescent="0.45">
      <c r="B1459">
        <v>3792.0522559999999</v>
      </c>
      <c r="C1459">
        <v>108.49449300000001</v>
      </c>
      <c r="D1459">
        <v>3792.0522559999999</v>
      </c>
      <c r="E1459">
        <v>107.94199400000001</v>
      </c>
      <c r="F1459">
        <v>3792.0522559999999</v>
      </c>
      <c r="G1459">
        <v>109.600416</v>
      </c>
      <c r="H1459">
        <v>3792.0522559999999</v>
      </c>
      <c r="I1459">
        <v>108.907977</v>
      </c>
      <c r="J1459">
        <v>3792.0522559999999</v>
      </c>
      <c r="K1459">
        <v>109.718447</v>
      </c>
      <c r="L1459">
        <v>3792.0522559999999</v>
      </c>
      <c r="M1459">
        <v>109.214203</v>
      </c>
    </row>
    <row r="1460" spans="2:13" x14ac:dyDescent="0.45">
      <c r="B1460">
        <v>3793.981072</v>
      </c>
      <c r="C1460">
        <v>108.507159</v>
      </c>
      <c r="D1460">
        <v>3793.981072</v>
      </c>
      <c r="E1460">
        <v>107.983546</v>
      </c>
      <c r="F1460">
        <v>3793.981072</v>
      </c>
      <c r="G1460">
        <v>109.590649</v>
      </c>
      <c r="H1460">
        <v>3793.981072</v>
      </c>
      <c r="I1460">
        <v>108.821055</v>
      </c>
      <c r="J1460">
        <v>3793.981072</v>
      </c>
      <c r="K1460">
        <v>109.63461</v>
      </c>
      <c r="L1460">
        <v>3793.981072</v>
      </c>
      <c r="M1460">
        <v>109.26846500000001</v>
      </c>
    </row>
    <row r="1461" spans="2:13" x14ac:dyDescent="0.45">
      <c r="B1461">
        <v>3795.9098880000001</v>
      </c>
      <c r="C1461">
        <v>108.47396999999999</v>
      </c>
      <c r="D1461">
        <v>3795.9098880000001</v>
      </c>
      <c r="E1461">
        <v>107.90312400000001</v>
      </c>
      <c r="F1461">
        <v>3795.9098880000001</v>
      </c>
      <c r="G1461">
        <v>109.664287</v>
      </c>
      <c r="H1461">
        <v>3795.9098880000001</v>
      </c>
      <c r="I1461">
        <v>108.74426200000001</v>
      </c>
      <c r="J1461">
        <v>3795.9098880000001</v>
      </c>
      <c r="K1461">
        <v>109.515964</v>
      </c>
      <c r="L1461">
        <v>3795.9098880000001</v>
      </c>
      <c r="M1461">
        <v>109.249934</v>
      </c>
    </row>
    <row r="1462" spans="2:13" x14ac:dyDescent="0.45">
      <c r="B1462">
        <v>3797.8387039999998</v>
      </c>
      <c r="C1462">
        <v>108.54085600000001</v>
      </c>
      <c r="D1462">
        <v>3797.8387039999998</v>
      </c>
      <c r="E1462">
        <v>107.91491600000001</v>
      </c>
      <c r="F1462">
        <v>3797.8387039999998</v>
      </c>
      <c r="G1462">
        <v>109.75174699999999</v>
      </c>
      <c r="H1462">
        <v>3797.8387039999998</v>
      </c>
      <c r="I1462">
        <v>108.796623</v>
      </c>
      <c r="J1462">
        <v>3797.8387039999998</v>
      </c>
      <c r="K1462">
        <v>109.643411</v>
      </c>
      <c r="L1462">
        <v>3797.8387039999998</v>
      </c>
      <c r="M1462">
        <v>109.249449</v>
      </c>
    </row>
    <row r="1463" spans="2:13" x14ac:dyDescent="0.45">
      <c r="B1463">
        <v>3799.7675199999999</v>
      </c>
      <c r="C1463">
        <v>108.534982</v>
      </c>
      <c r="D1463">
        <v>3799.7675199999999</v>
      </c>
      <c r="E1463">
        <v>107.92562600000001</v>
      </c>
      <c r="F1463">
        <v>3799.7675199999999</v>
      </c>
      <c r="G1463">
        <v>109.543072</v>
      </c>
      <c r="H1463">
        <v>3799.7675199999999</v>
      </c>
      <c r="I1463">
        <v>108.73162499999999</v>
      </c>
      <c r="J1463">
        <v>3799.7675199999999</v>
      </c>
      <c r="K1463">
        <v>109.626932</v>
      </c>
      <c r="L1463">
        <v>3799.7675199999999</v>
      </c>
      <c r="M1463">
        <v>109.35033199999999</v>
      </c>
    </row>
    <row r="1464" spans="2:13" x14ac:dyDescent="0.45">
      <c r="B1464">
        <v>3801.696336</v>
      </c>
      <c r="C1464">
        <v>108.32759</v>
      </c>
      <c r="D1464">
        <v>3801.696336</v>
      </c>
      <c r="E1464">
        <v>107.704888</v>
      </c>
      <c r="F1464">
        <v>3801.696336</v>
      </c>
      <c r="G1464">
        <v>109.80335100000001</v>
      </c>
      <c r="H1464">
        <v>3801.696336</v>
      </c>
      <c r="I1464">
        <v>108.721754</v>
      </c>
      <c r="J1464">
        <v>3801.696336</v>
      </c>
      <c r="K1464">
        <v>109.677201</v>
      </c>
      <c r="L1464">
        <v>3801.696336</v>
      </c>
      <c r="M1464">
        <v>108.824488</v>
      </c>
    </row>
    <row r="1465" spans="2:13" x14ac:dyDescent="0.45">
      <c r="B1465">
        <v>3803.6251520000001</v>
      </c>
      <c r="C1465">
        <v>108.504598</v>
      </c>
      <c r="D1465">
        <v>3803.6251520000001</v>
      </c>
      <c r="E1465">
        <v>107.82916300000001</v>
      </c>
      <c r="F1465">
        <v>3803.6251520000001</v>
      </c>
      <c r="G1465">
        <v>109.820199</v>
      </c>
      <c r="H1465">
        <v>3803.6251520000001</v>
      </c>
      <c r="I1465">
        <v>108.953745</v>
      </c>
      <c r="J1465">
        <v>3803.6251520000001</v>
      </c>
      <c r="K1465">
        <v>109.859829</v>
      </c>
      <c r="L1465">
        <v>3803.6251520000001</v>
      </c>
      <c r="M1465">
        <v>108.705979</v>
      </c>
    </row>
    <row r="1466" spans="2:13" x14ac:dyDescent="0.45">
      <c r="B1466">
        <v>3805.5539680000002</v>
      </c>
      <c r="C1466">
        <v>108.550847</v>
      </c>
      <c r="D1466">
        <v>3805.5539680000002</v>
      </c>
      <c r="E1466">
        <v>107.86204600000001</v>
      </c>
      <c r="F1466">
        <v>3805.5539680000002</v>
      </c>
      <c r="G1466">
        <v>109.57602199999999</v>
      </c>
      <c r="H1466">
        <v>3805.5539680000002</v>
      </c>
      <c r="I1466">
        <v>108.81600899999999</v>
      </c>
      <c r="J1466">
        <v>3805.5539680000002</v>
      </c>
      <c r="K1466">
        <v>109.725431</v>
      </c>
      <c r="L1466">
        <v>3805.5539680000002</v>
      </c>
      <c r="M1466">
        <v>109.073337</v>
      </c>
    </row>
    <row r="1467" spans="2:13" x14ac:dyDescent="0.45">
      <c r="B1467">
        <v>3807.4827839999998</v>
      </c>
      <c r="C1467">
        <v>108.413673</v>
      </c>
      <c r="D1467">
        <v>3807.4827839999998</v>
      </c>
      <c r="E1467">
        <v>107.72750500000001</v>
      </c>
      <c r="F1467">
        <v>3807.4827839999998</v>
      </c>
      <c r="G1467">
        <v>109.79433299999999</v>
      </c>
      <c r="H1467">
        <v>3807.4827839999998</v>
      </c>
      <c r="I1467">
        <v>109.009294</v>
      </c>
      <c r="J1467">
        <v>3807.4827839999998</v>
      </c>
      <c r="K1467">
        <v>109.800381</v>
      </c>
      <c r="L1467">
        <v>3807.4827839999998</v>
      </c>
      <c r="M1467">
        <v>109.025199</v>
      </c>
    </row>
    <row r="1468" spans="2:13" x14ac:dyDescent="0.45">
      <c r="B1468">
        <v>3809.4115999999999</v>
      </c>
      <c r="C1468">
        <v>108.551562</v>
      </c>
      <c r="D1468">
        <v>3809.4115999999999</v>
      </c>
      <c r="E1468">
        <v>107.814891</v>
      </c>
      <c r="F1468">
        <v>3809.4115999999999</v>
      </c>
      <c r="G1468">
        <v>109.71527500000001</v>
      </c>
      <c r="H1468">
        <v>3809.4115999999999</v>
      </c>
      <c r="I1468">
        <v>108.993332</v>
      </c>
      <c r="J1468">
        <v>3809.4115999999999</v>
      </c>
      <c r="K1468">
        <v>109.760026</v>
      </c>
      <c r="L1468">
        <v>3809.4115999999999</v>
      </c>
      <c r="M1468">
        <v>109.05087</v>
      </c>
    </row>
    <row r="1469" spans="2:13" x14ac:dyDescent="0.45">
      <c r="B1469">
        <v>3811.340416</v>
      </c>
      <c r="C1469">
        <v>108.596761</v>
      </c>
      <c r="D1469">
        <v>3811.340416</v>
      </c>
      <c r="E1469">
        <v>107.88436400000001</v>
      </c>
      <c r="F1469">
        <v>3811.340416</v>
      </c>
      <c r="G1469">
        <v>109.629704</v>
      </c>
      <c r="H1469">
        <v>3811.340416</v>
      </c>
      <c r="I1469">
        <v>108.885082</v>
      </c>
      <c r="J1469">
        <v>3811.340416</v>
      </c>
      <c r="K1469">
        <v>109.678256</v>
      </c>
      <c r="L1469">
        <v>3811.340416</v>
      </c>
      <c r="M1469">
        <v>109.10760999999999</v>
      </c>
    </row>
    <row r="1470" spans="2:13" x14ac:dyDescent="0.45">
      <c r="B1470">
        <v>3813.2692320000001</v>
      </c>
      <c r="C1470">
        <v>108.527728</v>
      </c>
      <c r="D1470">
        <v>3813.2692320000001</v>
      </c>
      <c r="E1470">
        <v>107.931557</v>
      </c>
      <c r="F1470">
        <v>3813.2692320000001</v>
      </c>
      <c r="G1470">
        <v>109.481424</v>
      </c>
      <c r="H1470">
        <v>3813.2692320000001</v>
      </c>
      <c r="I1470">
        <v>108.807472</v>
      </c>
      <c r="J1470">
        <v>3813.2692320000001</v>
      </c>
      <c r="K1470">
        <v>109.601163</v>
      </c>
      <c r="L1470">
        <v>3813.2692320000001</v>
      </c>
      <c r="M1470">
        <v>109.23052800000001</v>
      </c>
    </row>
    <row r="1471" spans="2:13" x14ac:dyDescent="0.45">
      <c r="B1471">
        <v>3815.1980480000002</v>
      </c>
      <c r="C1471">
        <v>108.352572</v>
      </c>
      <c r="D1471">
        <v>3815.1980480000002</v>
      </c>
      <c r="E1471">
        <v>107.94974400000001</v>
      </c>
      <c r="F1471">
        <v>3815.1980480000002</v>
      </c>
      <c r="G1471">
        <v>109.46428400000001</v>
      </c>
      <c r="H1471">
        <v>3815.1980480000002</v>
      </c>
      <c r="I1471">
        <v>108.685275</v>
      </c>
      <c r="J1471">
        <v>3815.1980480000002</v>
      </c>
      <c r="K1471">
        <v>109.31539600000001</v>
      </c>
      <c r="L1471">
        <v>3815.1980480000002</v>
      </c>
      <c r="M1471">
        <v>109.30094699999999</v>
      </c>
    </row>
    <row r="1472" spans="2:13" x14ac:dyDescent="0.45">
      <c r="B1472">
        <v>3817.1268639999998</v>
      </c>
      <c r="C1472">
        <v>108.359944</v>
      </c>
      <c r="D1472">
        <v>3817.1268639999998</v>
      </c>
      <c r="E1472">
        <v>108.05832000000001</v>
      </c>
      <c r="F1472">
        <v>3817.1268639999998</v>
      </c>
      <c r="G1472">
        <v>109.60617000000001</v>
      </c>
      <c r="H1472">
        <v>3817.1268639999998</v>
      </c>
      <c r="I1472">
        <v>108.805346</v>
      </c>
      <c r="J1472">
        <v>3817.1268639999998</v>
      </c>
      <c r="K1472">
        <v>109.496325</v>
      </c>
      <c r="L1472">
        <v>3817.1268639999998</v>
      </c>
      <c r="M1472">
        <v>109.151832</v>
      </c>
    </row>
    <row r="1473" spans="2:13" x14ac:dyDescent="0.45">
      <c r="B1473">
        <v>3819.0556799999999</v>
      </c>
      <c r="C1473">
        <v>108.54065199999999</v>
      </c>
      <c r="D1473">
        <v>3819.0556799999999</v>
      </c>
      <c r="E1473">
        <v>108.073457</v>
      </c>
      <c r="F1473">
        <v>3819.0556799999999</v>
      </c>
      <c r="G1473">
        <v>109.295604</v>
      </c>
      <c r="H1473">
        <v>3819.0556799999999</v>
      </c>
      <c r="I1473">
        <v>108.77970000000001</v>
      </c>
      <c r="J1473">
        <v>3819.0556799999999</v>
      </c>
      <c r="K1473">
        <v>109.570831</v>
      </c>
      <c r="L1473">
        <v>3819.0556799999999</v>
      </c>
      <c r="M1473">
        <v>109.247984</v>
      </c>
    </row>
    <row r="1474" spans="2:13" x14ac:dyDescent="0.45">
      <c r="B1474">
        <v>3820.984496</v>
      </c>
      <c r="C1474">
        <v>108.413786</v>
      </c>
      <c r="D1474">
        <v>3820.984496</v>
      </c>
      <c r="E1474">
        <v>107.63366500000001</v>
      </c>
      <c r="F1474">
        <v>3820.984496</v>
      </c>
      <c r="G1474">
        <v>109.41796100000001</v>
      </c>
      <c r="H1474">
        <v>3820.984496</v>
      </c>
      <c r="I1474">
        <v>108.687061</v>
      </c>
      <c r="J1474">
        <v>3820.984496</v>
      </c>
      <c r="K1474">
        <v>109.54115899999999</v>
      </c>
      <c r="L1474">
        <v>3820.984496</v>
      </c>
      <c r="M1474">
        <v>109.026021</v>
      </c>
    </row>
    <row r="1475" spans="2:13" x14ac:dyDescent="0.45">
      <c r="B1475">
        <v>3822.9133120000001</v>
      </c>
      <c r="C1475">
        <v>108.386235</v>
      </c>
      <c r="D1475">
        <v>3822.9133120000001</v>
      </c>
      <c r="E1475">
        <v>107.59561100000001</v>
      </c>
      <c r="F1475">
        <v>3822.9133120000001</v>
      </c>
      <c r="G1475">
        <v>109.750624</v>
      </c>
      <c r="H1475">
        <v>3822.9133120000001</v>
      </c>
      <c r="I1475">
        <v>108.96627100000001</v>
      </c>
      <c r="J1475">
        <v>3822.9133120000001</v>
      </c>
      <c r="K1475">
        <v>109.76314499999999</v>
      </c>
      <c r="L1475">
        <v>3822.9133120000001</v>
      </c>
      <c r="M1475">
        <v>108.917933</v>
      </c>
    </row>
    <row r="1476" spans="2:13" x14ac:dyDescent="0.45">
      <c r="B1476">
        <v>3824.8421279999998</v>
      </c>
      <c r="C1476">
        <v>108.523605</v>
      </c>
      <c r="D1476">
        <v>3824.8421279999998</v>
      </c>
      <c r="E1476">
        <v>107.80507300000001</v>
      </c>
      <c r="F1476">
        <v>3824.8421279999998</v>
      </c>
      <c r="G1476">
        <v>109.656318</v>
      </c>
      <c r="H1476">
        <v>3824.8421279999998</v>
      </c>
      <c r="I1476">
        <v>108.86752300000001</v>
      </c>
      <c r="J1476">
        <v>3824.8421279999998</v>
      </c>
      <c r="K1476">
        <v>109.731567</v>
      </c>
      <c r="L1476">
        <v>3824.8421279999998</v>
      </c>
      <c r="M1476">
        <v>109.137711</v>
      </c>
    </row>
    <row r="1477" spans="2:13" x14ac:dyDescent="0.45">
      <c r="B1477">
        <v>3826.7709439999999</v>
      </c>
      <c r="C1477">
        <v>108.473378</v>
      </c>
      <c r="D1477">
        <v>3826.7709439999999</v>
      </c>
      <c r="E1477">
        <v>107.87486700000001</v>
      </c>
      <c r="F1477">
        <v>3826.7709439999999</v>
      </c>
      <c r="G1477">
        <v>109.73123699999999</v>
      </c>
      <c r="H1477">
        <v>3826.7709439999999</v>
      </c>
      <c r="I1477">
        <v>108.930747</v>
      </c>
      <c r="J1477">
        <v>3826.7709439999999</v>
      </c>
      <c r="K1477">
        <v>109.662424</v>
      </c>
      <c r="L1477">
        <v>3826.7709439999999</v>
      </c>
      <c r="M1477">
        <v>109.10112700000001</v>
      </c>
    </row>
    <row r="1478" spans="2:13" x14ac:dyDescent="0.45">
      <c r="B1478">
        <v>3828.69976</v>
      </c>
      <c r="C1478">
        <v>108.464254</v>
      </c>
      <c r="D1478">
        <v>3828.69976</v>
      </c>
      <c r="E1478">
        <v>107.921009</v>
      </c>
      <c r="F1478">
        <v>3828.69976</v>
      </c>
      <c r="G1478">
        <v>109.665353</v>
      </c>
      <c r="H1478">
        <v>3828.69976</v>
      </c>
      <c r="I1478">
        <v>108.95377000000001</v>
      </c>
      <c r="J1478">
        <v>3828.69976</v>
      </c>
      <c r="K1478">
        <v>109.645264</v>
      </c>
      <c r="L1478">
        <v>3828.69976</v>
      </c>
      <c r="M1478">
        <v>109.110542</v>
      </c>
    </row>
    <row r="1479" spans="2:13" x14ac:dyDescent="0.45">
      <c r="B1479">
        <v>3830.6285760000001</v>
      </c>
      <c r="C1479">
        <v>108.44996</v>
      </c>
      <c r="D1479">
        <v>3830.6285760000001</v>
      </c>
      <c r="E1479">
        <v>107.884145</v>
      </c>
      <c r="F1479">
        <v>3830.6285760000001</v>
      </c>
      <c r="G1479">
        <v>109.552837</v>
      </c>
      <c r="H1479">
        <v>3830.6285760000001</v>
      </c>
      <c r="I1479">
        <v>108.848826</v>
      </c>
      <c r="J1479">
        <v>3830.6285760000001</v>
      </c>
      <c r="K1479">
        <v>109.494502</v>
      </c>
      <c r="L1479">
        <v>3830.6285760000001</v>
      </c>
      <c r="M1479">
        <v>109.133398</v>
      </c>
    </row>
    <row r="1480" spans="2:13" x14ac:dyDescent="0.45">
      <c r="B1480">
        <v>3832.5573920000002</v>
      </c>
      <c r="C1480">
        <v>108.487635</v>
      </c>
      <c r="D1480">
        <v>3832.5573920000002</v>
      </c>
      <c r="E1480">
        <v>107.84806900000001</v>
      </c>
      <c r="F1480">
        <v>3832.5573920000002</v>
      </c>
      <c r="G1480">
        <v>109.57833100000001</v>
      </c>
      <c r="H1480">
        <v>3832.5573920000002</v>
      </c>
      <c r="I1480">
        <v>108.872592</v>
      </c>
      <c r="J1480">
        <v>3832.5573920000002</v>
      </c>
      <c r="K1480">
        <v>109.43875300000001</v>
      </c>
      <c r="L1480">
        <v>3832.5573920000002</v>
      </c>
      <c r="M1480">
        <v>109.160612</v>
      </c>
    </row>
    <row r="1481" spans="2:13" x14ac:dyDescent="0.45">
      <c r="B1481">
        <v>3834.4862079999998</v>
      </c>
      <c r="C1481">
        <v>108.540741</v>
      </c>
      <c r="D1481">
        <v>3834.4862079999998</v>
      </c>
      <c r="E1481">
        <v>107.913235</v>
      </c>
      <c r="F1481">
        <v>3834.4862079999998</v>
      </c>
      <c r="G1481">
        <v>109.472413</v>
      </c>
      <c r="H1481">
        <v>3834.4862079999998</v>
      </c>
      <c r="I1481">
        <v>108.920372</v>
      </c>
      <c r="J1481">
        <v>3834.4862079999998</v>
      </c>
      <c r="K1481">
        <v>109.483481</v>
      </c>
      <c r="L1481">
        <v>3834.4862079999998</v>
      </c>
      <c r="M1481">
        <v>109.237297</v>
      </c>
    </row>
    <row r="1482" spans="2:13" x14ac:dyDescent="0.45">
      <c r="B1482">
        <v>3836.4150239999999</v>
      </c>
      <c r="C1482">
        <v>108.437523</v>
      </c>
      <c r="D1482">
        <v>3836.4150239999999</v>
      </c>
      <c r="E1482">
        <v>107.802682</v>
      </c>
      <c r="F1482">
        <v>3836.4150239999999</v>
      </c>
      <c r="G1482">
        <v>109.440394</v>
      </c>
      <c r="H1482">
        <v>3836.4150239999999</v>
      </c>
      <c r="I1482">
        <v>108.760372</v>
      </c>
      <c r="J1482">
        <v>3836.4150239999999</v>
      </c>
      <c r="K1482">
        <v>109.52543</v>
      </c>
      <c r="L1482">
        <v>3836.4150239999999</v>
      </c>
      <c r="M1482">
        <v>109.15594</v>
      </c>
    </row>
    <row r="1483" spans="2:13" x14ac:dyDescent="0.45">
      <c r="B1483">
        <v>3838.34384</v>
      </c>
      <c r="C1483">
        <v>108.305671</v>
      </c>
      <c r="D1483">
        <v>3838.34384</v>
      </c>
      <c r="E1483">
        <v>107.55015400000001</v>
      </c>
      <c r="F1483">
        <v>3838.34384</v>
      </c>
      <c r="G1483">
        <v>109.537249</v>
      </c>
      <c r="H1483">
        <v>3838.34384</v>
      </c>
      <c r="I1483">
        <v>108.652114</v>
      </c>
      <c r="J1483">
        <v>3838.34384</v>
      </c>
      <c r="K1483">
        <v>109.63182</v>
      </c>
      <c r="L1483">
        <v>3838.34384</v>
      </c>
      <c r="M1483">
        <v>109.032854</v>
      </c>
    </row>
    <row r="1484" spans="2:13" x14ac:dyDescent="0.45">
      <c r="B1484">
        <v>3840.2726560000001</v>
      </c>
      <c r="C1484">
        <v>108.329847</v>
      </c>
      <c r="D1484">
        <v>3840.2726560000001</v>
      </c>
      <c r="E1484">
        <v>107.664123</v>
      </c>
      <c r="F1484">
        <v>3840.2726560000001</v>
      </c>
      <c r="G1484">
        <v>109.50975200000001</v>
      </c>
      <c r="H1484">
        <v>3840.2726560000001</v>
      </c>
      <c r="I1484">
        <v>108.729731</v>
      </c>
      <c r="J1484">
        <v>3840.2726560000001</v>
      </c>
      <c r="K1484">
        <v>109.69338</v>
      </c>
      <c r="L1484">
        <v>3840.2726560000001</v>
      </c>
      <c r="M1484">
        <v>108.93586500000001</v>
      </c>
    </row>
    <row r="1485" spans="2:13" x14ac:dyDescent="0.45">
      <c r="B1485">
        <v>3842.2014720000002</v>
      </c>
      <c r="C1485">
        <v>108.3471</v>
      </c>
      <c r="D1485">
        <v>3842.2014720000002</v>
      </c>
      <c r="E1485">
        <v>107.768289</v>
      </c>
      <c r="F1485">
        <v>3842.2014720000002</v>
      </c>
      <c r="G1485">
        <v>109.475094</v>
      </c>
      <c r="H1485">
        <v>3842.2014720000002</v>
      </c>
      <c r="I1485">
        <v>108.84423700000001</v>
      </c>
      <c r="J1485">
        <v>3842.2014720000002</v>
      </c>
      <c r="K1485">
        <v>109.655232</v>
      </c>
      <c r="L1485">
        <v>3842.2014720000002</v>
      </c>
      <c r="M1485">
        <v>108.955265</v>
      </c>
    </row>
    <row r="1486" spans="2:13" x14ac:dyDescent="0.45">
      <c r="B1486">
        <v>3844.1302879999998</v>
      </c>
      <c r="C1486">
        <v>108.29338199999999</v>
      </c>
      <c r="D1486">
        <v>3844.1302879999998</v>
      </c>
      <c r="E1486">
        <v>107.668824</v>
      </c>
      <c r="F1486">
        <v>3844.1302879999998</v>
      </c>
      <c r="G1486">
        <v>109.679514</v>
      </c>
      <c r="H1486">
        <v>3844.1302879999998</v>
      </c>
      <c r="I1486">
        <v>108.92649299999999</v>
      </c>
      <c r="J1486">
        <v>3844.1302879999998</v>
      </c>
      <c r="K1486">
        <v>109.634812</v>
      </c>
      <c r="L1486">
        <v>3844.1302879999998</v>
      </c>
      <c r="M1486">
        <v>108.87595</v>
      </c>
    </row>
    <row r="1487" spans="2:13" x14ac:dyDescent="0.45">
      <c r="B1487">
        <v>3846.0591039999999</v>
      </c>
      <c r="C1487">
        <v>108.372801</v>
      </c>
      <c r="D1487">
        <v>3846.0591039999999</v>
      </c>
      <c r="E1487">
        <v>107.764122</v>
      </c>
      <c r="F1487">
        <v>3846.0591039999999</v>
      </c>
      <c r="G1487">
        <v>109.73778</v>
      </c>
      <c r="H1487">
        <v>3846.0591039999999</v>
      </c>
      <c r="I1487">
        <v>108.908888</v>
      </c>
      <c r="J1487">
        <v>3846.0591039999999</v>
      </c>
      <c r="K1487">
        <v>109.62486800000001</v>
      </c>
      <c r="L1487">
        <v>3846.0591039999999</v>
      </c>
      <c r="M1487">
        <v>108.83576100000001</v>
      </c>
    </row>
    <row r="1488" spans="2:13" x14ac:dyDescent="0.45">
      <c r="B1488">
        <v>3847.98792</v>
      </c>
      <c r="C1488">
        <v>108.4773</v>
      </c>
      <c r="D1488">
        <v>3847.98792</v>
      </c>
      <c r="E1488">
        <v>107.828592</v>
      </c>
      <c r="F1488">
        <v>3847.98792</v>
      </c>
      <c r="G1488">
        <v>109.605726</v>
      </c>
      <c r="H1488">
        <v>3847.98792</v>
      </c>
      <c r="I1488">
        <v>108.741715</v>
      </c>
      <c r="J1488">
        <v>3847.98792</v>
      </c>
      <c r="K1488">
        <v>109.515666</v>
      </c>
      <c r="L1488">
        <v>3847.98792</v>
      </c>
      <c r="M1488">
        <v>109.043663</v>
      </c>
    </row>
    <row r="1489" spans="2:13" x14ac:dyDescent="0.45">
      <c r="B1489">
        <v>3849.9167360000001</v>
      </c>
      <c r="C1489">
        <v>108.465917</v>
      </c>
      <c r="D1489">
        <v>3849.9167360000001</v>
      </c>
      <c r="E1489">
        <v>107.79410200000001</v>
      </c>
      <c r="F1489">
        <v>3849.9167360000001</v>
      </c>
      <c r="G1489">
        <v>109.37669699999999</v>
      </c>
      <c r="H1489">
        <v>3849.9167360000001</v>
      </c>
      <c r="I1489">
        <v>108.68680500000001</v>
      </c>
      <c r="J1489">
        <v>3849.9167360000001</v>
      </c>
      <c r="K1489">
        <v>109.489402</v>
      </c>
      <c r="L1489">
        <v>3849.9167360000001</v>
      </c>
      <c r="M1489">
        <v>109.214932</v>
      </c>
    </row>
    <row r="1490" spans="2:13" x14ac:dyDescent="0.45">
      <c r="B1490">
        <v>3851.8455520000002</v>
      </c>
      <c r="C1490">
        <v>108.191985</v>
      </c>
      <c r="D1490">
        <v>3851.8455520000002</v>
      </c>
      <c r="E1490">
        <v>107.66092500000001</v>
      </c>
      <c r="F1490">
        <v>3851.8455520000002</v>
      </c>
      <c r="G1490">
        <v>109.05701000000001</v>
      </c>
      <c r="H1490">
        <v>3851.8455520000002</v>
      </c>
      <c r="I1490">
        <v>108.543063</v>
      </c>
      <c r="J1490">
        <v>3851.8455520000002</v>
      </c>
      <c r="K1490">
        <v>109.29670400000001</v>
      </c>
      <c r="L1490">
        <v>3851.8455520000002</v>
      </c>
      <c r="M1490">
        <v>109.330431</v>
      </c>
    </row>
    <row r="1491" spans="2:13" x14ac:dyDescent="0.45">
      <c r="B1491">
        <v>3853.7743679999999</v>
      </c>
      <c r="C1491">
        <v>107.605497</v>
      </c>
      <c r="D1491">
        <v>3853.7743679999999</v>
      </c>
      <c r="E1491">
        <v>107.417109</v>
      </c>
      <c r="F1491">
        <v>3853.7743679999999</v>
      </c>
      <c r="G1491">
        <v>109.51267900000001</v>
      </c>
      <c r="H1491">
        <v>3853.7743679999999</v>
      </c>
      <c r="I1491">
        <v>108.85807699999999</v>
      </c>
      <c r="J1491">
        <v>3853.7743679999999</v>
      </c>
      <c r="K1491">
        <v>109.288342</v>
      </c>
      <c r="L1491">
        <v>3853.7743679999999</v>
      </c>
      <c r="M1491">
        <v>108.78523300000001</v>
      </c>
    </row>
    <row r="1492" spans="2:13" x14ac:dyDescent="0.45">
      <c r="B1492">
        <v>3855.703184</v>
      </c>
      <c r="C1492">
        <v>108.127949</v>
      </c>
      <c r="D1492">
        <v>3855.703184</v>
      </c>
      <c r="E1492">
        <v>107.536137</v>
      </c>
      <c r="F1492">
        <v>3855.703184</v>
      </c>
      <c r="G1492">
        <v>109.696916</v>
      </c>
      <c r="H1492">
        <v>3855.703184</v>
      </c>
      <c r="I1492">
        <v>109.09168699999999</v>
      </c>
      <c r="J1492">
        <v>3855.703184</v>
      </c>
      <c r="K1492">
        <v>109.640699</v>
      </c>
      <c r="L1492">
        <v>3855.703184</v>
      </c>
      <c r="M1492">
        <v>108.612971</v>
      </c>
    </row>
    <row r="1493" spans="2:13" x14ac:dyDescent="0.45">
      <c r="B1493">
        <v>3857.6320000000001</v>
      </c>
      <c r="C1493">
        <v>108.437254</v>
      </c>
      <c r="D1493">
        <v>3857.6320000000001</v>
      </c>
      <c r="E1493">
        <v>107.632603</v>
      </c>
      <c r="F1493">
        <v>3857.6320000000001</v>
      </c>
      <c r="G1493">
        <v>109.49531500000001</v>
      </c>
      <c r="H1493">
        <v>3857.6320000000001</v>
      </c>
      <c r="I1493">
        <v>108.942435</v>
      </c>
      <c r="J1493">
        <v>3857.6320000000001</v>
      </c>
      <c r="K1493">
        <v>109.595574</v>
      </c>
      <c r="L1493">
        <v>3857.6320000000001</v>
      </c>
      <c r="M1493">
        <v>108.751357</v>
      </c>
    </row>
    <row r="1494" spans="2:13" x14ac:dyDescent="0.45">
      <c r="B1494">
        <v>3859.5608160000002</v>
      </c>
      <c r="C1494">
        <v>108.44148</v>
      </c>
      <c r="D1494">
        <v>3859.5608160000002</v>
      </c>
      <c r="E1494">
        <v>107.76500300000001</v>
      </c>
      <c r="F1494">
        <v>3859.5608160000002</v>
      </c>
      <c r="G1494">
        <v>109.415667</v>
      </c>
      <c r="H1494">
        <v>3859.5608160000002</v>
      </c>
      <c r="I1494">
        <v>108.79282600000001</v>
      </c>
      <c r="J1494">
        <v>3859.5608160000002</v>
      </c>
      <c r="K1494">
        <v>109.54902300000001</v>
      </c>
      <c r="L1494">
        <v>3859.5608160000002</v>
      </c>
      <c r="M1494">
        <v>108.910398</v>
      </c>
    </row>
    <row r="1495" spans="2:13" x14ac:dyDescent="0.45">
      <c r="B1495">
        <v>3861.4896319999998</v>
      </c>
      <c r="C1495">
        <v>108.329651</v>
      </c>
      <c r="D1495">
        <v>3861.4896319999998</v>
      </c>
      <c r="E1495">
        <v>107.759</v>
      </c>
      <c r="F1495">
        <v>3861.4896319999998</v>
      </c>
      <c r="G1495">
        <v>109.47255</v>
      </c>
      <c r="H1495">
        <v>3861.4896319999998</v>
      </c>
      <c r="I1495">
        <v>108.695317</v>
      </c>
      <c r="J1495">
        <v>3861.4896319999998</v>
      </c>
      <c r="K1495">
        <v>109.399385</v>
      </c>
      <c r="L1495">
        <v>3861.4896319999998</v>
      </c>
      <c r="M1495">
        <v>108.99476900000001</v>
      </c>
    </row>
    <row r="1496" spans="2:13" x14ac:dyDescent="0.45">
      <c r="B1496">
        <v>3863.4184479999999</v>
      </c>
      <c r="C1496">
        <v>108.223011</v>
      </c>
      <c r="D1496">
        <v>3863.4184479999999</v>
      </c>
      <c r="E1496">
        <v>107.64083500000001</v>
      </c>
      <c r="F1496">
        <v>3863.4184479999999</v>
      </c>
      <c r="G1496">
        <v>109.560453</v>
      </c>
      <c r="H1496">
        <v>3863.4184479999999</v>
      </c>
      <c r="I1496">
        <v>108.633394</v>
      </c>
      <c r="J1496">
        <v>3863.4184479999999</v>
      </c>
      <c r="K1496">
        <v>109.304695</v>
      </c>
      <c r="L1496">
        <v>3863.4184479999999</v>
      </c>
      <c r="M1496">
        <v>108.950102</v>
      </c>
    </row>
    <row r="1497" spans="2:13" x14ac:dyDescent="0.45">
      <c r="B1497">
        <v>3865.347264</v>
      </c>
      <c r="C1497">
        <v>108.291577</v>
      </c>
      <c r="D1497">
        <v>3865.347264</v>
      </c>
      <c r="E1497">
        <v>107.538723</v>
      </c>
      <c r="F1497">
        <v>3865.347264</v>
      </c>
      <c r="G1497">
        <v>109.703256</v>
      </c>
      <c r="H1497">
        <v>3865.347264</v>
      </c>
      <c r="I1497">
        <v>108.79695100000001</v>
      </c>
      <c r="J1497">
        <v>3865.347264</v>
      </c>
      <c r="K1497">
        <v>109.40046100000001</v>
      </c>
      <c r="L1497">
        <v>3865.347264</v>
      </c>
      <c r="M1497">
        <v>108.716345</v>
      </c>
    </row>
    <row r="1498" spans="2:13" x14ac:dyDescent="0.45">
      <c r="B1498">
        <v>3867.2760800000001</v>
      </c>
      <c r="C1498">
        <v>108.477228</v>
      </c>
      <c r="D1498">
        <v>3867.2760800000001</v>
      </c>
      <c r="E1498">
        <v>107.69884</v>
      </c>
      <c r="F1498">
        <v>3867.2760800000001</v>
      </c>
      <c r="G1498">
        <v>109.422679</v>
      </c>
      <c r="H1498">
        <v>3867.2760800000001</v>
      </c>
      <c r="I1498">
        <v>108.756524</v>
      </c>
      <c r="J1498">
        <v>3867.2760800000001</v>
      </c>
      <c r="K1498">
        <v>109.522434</v>
      </c>
      <c r="L1498">
        <v>3867.2760800000001</v>
      </c>
      <c r="M1498">
        <v>108.949848</v>
      </c>
    </row>
    <row r="1499" spans="2:13" x14ac:dyDescent="0.45">
      <c r="B1499">
        <v>3869.2048960000002</v>
      </c>
      <c r="C1499">
        <v>108.29495</v>
      </c>
      <c r="D1499">
        <v>3869.2048960000002</v>
      </c>
      <c r="E1499">
        <v>107.623464</v>
      </c>
      <c r="F1499">
        <v>3869.2048960000002</v>
      </c>
      <c r="G1499">
        <v>109.32252</v>
      </c>
      <c r="H1499">
        <v>3869.2048960000002</v>
      </c>
      <c r="I1499">
        <v>108.69789900000001</v>
      </c>
      <c r="J1499">
        <v>3869.2048960000002</v>
      </c>
      <c r="K1499">
        <v>109.32791400000001</v>
      </c>
      <c r="L1499">
        <v>3869.2048960000002</v>
      </c>
      <c r="M1499">
        <v>109.13558500000001</v>
      </c>
    </row>
    <row r="1500" spans="2:13" x14ac:dyDescent="0.45">
      <c r="B1500">
        <v>3871.1337119999998</v>
      </c>
      <c r="C1500">
        <v>108.28219300000001</v>
      </c>
      <c r="D1500">
        <v>3871.1337119999998</v>
      </c>
      <c r="E1500">
        <v>107.68321</v>
      </c>
      <c r="F1500">
        <v>3871.1337119999998</v>
      </c>
      <c r="G1500">
        <v>109.592009</v>
      </c>
      <c r="H1500">
        <v>3871.1337119999998</v>
      </c>
      <c r="I1500">
        <v>109.025998</v>
      </c>
      <c r="J1500">
        <v>3871.1337119999998</v>
      </c>
      <c r="K1500">
        <v>109.579386</v>
      </c>
      <c r="L1500">
        <v>3871.1337119999998</v>
      </c>
      <c r="M1500">
        <v>108.833445</v>
      </c>
    </row>
    <row r="1501" spans="2:13" x14ac:dyDescent="0.45">
      <c r="B1501">
        <v>3873.0625279999999</v>
      </c>
      <c r="C1501">
        <v>108.346794</v>
      </c>
      <c r="D1501">
        <v>3873.0625279999999</v>
      </c>
      <c r="E1501">
        <v>107.75689</v>
      </c>
      <c r="F1501">
        <v>3873.0625279999999</v>
      </c>
      <c r="G1501">
        <v>109.477863</v>
      </c>
      <c r="H1501">
        <v>3873.0625279999999</v>
      </c>
      <c r="I1501">
        <v>108.86131</v>
      </c>
      <c r="J1501">
        <v>3873.0625279999999</v>
      </c>
      <c r="K1501">
        <v>109.62911200000001</v>
      </c>
      <c r="L1501">
        <v>3873.0625279999999</v>
      </c>
      <c r="M1501">
        <v>108.928466</v>
      </c>
    </row>
    <row r="1502" spans="2:13" x14ac:dyDescent="0.45">
      <c r="B1502">
        <v>3874.991344</v>
      </c>
      <c r="C1502">
        <v>108.331723</v>
      </c>
      <c r="D1502">
        <v>3874.991344</v>
      </c>
      <c r="E1502">
        <v>107.722396</v>
      </c>
      <c r="F1502">
        <v>3874.991344</v>
      </c>
      <c r="G1502">
        <v>109.64210199999999</v>
      </c>
      <c r="H1502">
        <v>3874.991344</v>
      </c>
      <c r="I1502">
        <v>108.86304</v>
      </c>
      <c r="J1502">
        <v>3874.991344</v>
      </c>
      <c r="K1502">
        <v>109.649474</v>
      </c>
      <c r="L1502">
        <v>3874.991344</v>
      </c>
      <c r="M1502">
        <v>108.890732</v>
      </c>
    </row>
    <row r="1503" spans="2:13" x14ac:dyDescent="0.45">
      <c r="B1503">
        <v>3876.9201600000001</v>
      </c>
      <c r="C1503">
        <v>108.46355200000001</v>
      </c>
      <c r="D1503">
        <v>3876.9201600000001</v>
      </c>
      <c r="E1503">
        <v>107.80816300000001</v>
      </c>
      <c r="F1503">
        <v>3876.9201600000001</v>
      </c>
      <c r="G1503">
        <v>109.515511</v>
      </c>
      <c r="H1503">
        <v>3876.9201600000001</v>
      </c>
      <c r="I1503">
        <v>108.794085</v>
      </c>
      <c r="J1503">
        <v>3876.9201600000001</v>
      </c>
      <c r="K1503">
        <v>109.60292</v>
      </c>
      <c r="L1503">
        <v>3876.9201600000001</v>
      </c>
      <c r="M1503">
        <v>109.00428599999999</v>
      </c>
    </row>
    <row r="1504" spans="2:13" x14ac:dyDescent="0.45">
      <c r="B1504">
        <v>3878.8489760000002</v>
      </c>
      <c r="C1504">
        <v>108.42416900000001</v>
      </c>
      <c r="D1504">
        <v>3878.8489760000002</v>
      </c>
      <c r="E1504">
        <v>107.784852</v>
      </c>
      <c r="F1504">
        <v>3878.8489760000002</v>
      </c>
      <c r="G1504">
        <v>109.43126100000001</v>
      </c>
      <c r="H1504">
        <v>3878.8489760000002</v>
      </c>
      <c r="I1504">
        <v>108.529061</v>
      </c>
      <c r="J1504">
        <v>3878.8489760000002</v>
      </c>
      <c r="K1504">
        <v>109.452881</v>
      </c>
      <c r="L1504">
        <v>3878.8489760000002</v>
      </c>
      <c r="M1504">
        <v>109.119794</v>
      </c>
    </row>
    <row r="1505" spans="2:13" x14ac:dyDescent="0.45">
      <c r="B1505">
        <v>3880.7777919999999</v>
      </c>
      <c r="C1505">
        <v>108.300658</v>
      </c>
      <c r="D1505">
        <v>3880.7777919999999</v>
      </c>
      <c r="E1505">
        <v>107.74688</v>
      </c>
      <c r="F1505">
        <v>3880.7777919999999</v>
      </c>
      <c r="G1505">
        <v>109.632465</v>
      </c>
      <c r="H1505">
        <v>3880.7777919999999</v>
      </c>
      <c r="I1505">
        <v>108.616767</v>
      </c>
      <c r="J1505">
        <v>3880.7777919999999</v>
      </c>
      <c r="K1505">
        <v>109.416616</v>
      </c>
      <c r="L1505">
        <v>3880.7777919999999</v>
      </c>
      <c r="M1505">
        <v>108.973578</v>
      </c>
    </row>
    <row r="1506" spans="2:13" x14ac:dyDescent="0.45">
      <c r="B1506">
        <v>3882.706608</v>
      </c>
      <c r="C1506">
        <v>108.37150800000001</v>
      </c>
      <c r="D1506">
        <v>3882.706608</v>
      </c>
      <c r="E1506">
        <v>107.82657400000001</v>
      </c>
      <c r="F1506">
        <v>3882.706608</v>
      </c>
      <c r="G1506">
        <v>109.566737</v>
      </c>
      <c r="H1506">
        <v>3882.706608</v>
      </c>
      <c r="I1506">
        <v>108.69940699999999</v>
      </c>
      <c r="J1506">
        <v>3882.706608</v>
      </c>
      <c r="K1506">
        <v>109.52457099999999</v>
      </c>
      <c r="L1506">
        <v>3882.706608</v>
      </c>
      <c r="M1506">
        <v>109.011422</v>
      </c>
    </row>
    <row r="1507" spans="2:13" x14ac:dyDescent="0.45">
      <c r="B1507">
        <v>3884.6354240000001</v>
      </c>
      <c r="C1507">
        <v>108.325283</v>
      </c>
      <c r="D1507">
        <v>3884.6354240000001</v>
      </c>
      <c r="E1507">
        <v>107.729927</v>
      </c>
      <c r="F1507">
        <v>3884.6354240000001</v>
      </c>
      <c r="G1507">
        <v>109.54787</v>
      </c>
      <c r="H1507">
        <v>3884.6354240000001</v>
      </c>
      <c r="I1507">
        <v>108.67968</v>
      </c>
      <c r="J1507">
        <v>3884.6354240000001</v>
      </c>
      <c r="K1507">
        <v>109.41247</v>
      </c>
      <c r="L1507">
        <v>3884.6354240000001</v>
      </c>
      <c r="M1507">
        <v>109.108154</v>
      </c>
    </row>
    <row r="1508" spans="2:13" x14ac:dyDescent="0.45">
      <c r="B1508">
        <v>3886.5642400000002</v>
      </c>
      <c r="C1508">
        <v>108.34634800000001</v>
      </c>
      <c r="D1508">
        <v>3886.5642400000002</v>
      </c>
      <c r="E1508">
        <v>107.69753800000001</v>
      </c>
      <c r="F1508">
        <v>3886.5642400000002</v>
      </c>
      <c r="G1508">
        <v>109.818068</v>
      </c>
      <c r="H1508">
        <v>3886.5642400000002</v>
      </c>
      <c r="I1508">
        <v>108.82699700000001</v>
      </c>
      <c r="J1508">
        <v>3886.5642400000002</v>
      </c>
      <c r="K1508">
        <v>109.61393200000001</v>
      </c>
      <c r="L1508">
        <v>3886.5642400000002</v>
      </c>
      <c r="M1508">
        <v>108.880154</v>
      </c>
    </row>
    <row r="1509" spans="2:13" x14ac:dyDescent="0.45">
      <c r="B1509">
        <v>3888.4930559999998</v>
      </c>
      <c r="C1509">
        <v>108.455339</v>
      </c>
      <c r="D1509">
        <v>3888.4930559999998</v>
      </c>
      <c r="E1509">
        <v>107.754001</v>
      </c>
      <c r="F1509">
        <v>3888.4930559999998</v>
      </c>
      <c r="G1509">
        <v>109.522218</v>
      </c>
      <c r="H1509">
        <v>3888.4930559999998</v>
      </c>
      <c r="I1509">
        <v>108.78484</v>
      </c>
      <c r="J1509">
        <v>3888.4930559999998</v>
      </c>
      <c r="K1509">
        <v>109.687495</v>
      </c>
      <c r="L1509">
        <v>3888.4930559999998</v>
      </c>
      <c r="M1509">
        <v>108.972117</v>
      </c>
    </row>
    <row r="1510" spans="2:13" x14ac:dyDescent="0.45">
      <c r="B1510">
        <v>3890.4218719999999</v>
      </c>
      <c r="C1510">
        <v>108.35648500000001</v>
      </c>
      <c r="D1510">
        <v>3890.4218719999999</v>
      </c>
      <c r="E1510">
        <v>107.63817300000001</v>
      </c>
      <c r="F1510">
        <v>3890.4218719999999</v>
      </c>
      <c r="G1510">
        <v>109.374432</v>
      </c>
      <c r="H1510">
        <v>3890.4218719999999</v>
      </c>
      <c r="I1510">
        <v>108.645292</v>
      </c>
      <c r="J1510">
        <v>3890.4218719999999</v>
      </c>
      <c r="K1510">
        <v>109.526867</v>
      </c>
      <c r="L1510">
        <v>3890.4218719999999</v>
      </c>
      <c r="M1510">
        <v>109.106829</v>
      </c>
    </row>
    <row r="1511" spans="2:13" x14ac:dyDescent="0.45">
      <c r="B1511">
        <v>3892.350688</v>
      </c>
      <c r="C1511">
        <v>108.269032</v>
      </c>
      <c r="D1511">
        <v>3892.350688</v>
      </c>
      <c r="E1511">
        <v>107.69637400000001</v>
      </c>
      <c r="F1511">
        <v>3892.350688</v>
      </c>
      <c r="G1511">
        <v>109.576897</v>
      </c>
      <c r="H1511">
        <v>3892.350688</v>
      </c>
      <c r="I1511">
        <v>108.772926</v>
      </c>
      <c r="J1511">
        <v>3892.350688</v>
      </c>
      <c r="K1511">
        <v>109.492452</v>
      </c>
      <c r="L1511">
        <v>3892.350688</v>
      </c>
      <c r="M1511">
        <v>109.03823199999999</v>
      </c>
    </row>
    <row r="1512" spans="2:13" x14ac:dyDescent="0.45">
      <c r="B1512">
        <v>3894.2795040000001</v>
      </c>
      <c r="C1512">
        <v>108.38990800000001</v>
      </c>
      <c r="D1512">
        <v>3894.2795040000001</v>
      </c>
      <c r="E1512">
        <v>107.776698</v>
      </c>
      <c r="F1512">
        <v>3894.2795040000001</v>
      </c>
      <c r="G1512">
        <v>109.583485</v>
      </c>
      <c r="H1512">
        <v>3894.2795040000001</v>
      </c>
      <c r="I1512">
        <v>108.805376</v>
      </c>
      <c r="J1512">
        <v>3894.2795040000001</v>
      </c>
      <c r="K1512">
        <v>109.535037</v>
      </c>
      <c r="L1512">
        <v>3894.2795040000001</v>
      </c>
      <c r="M1512">
        <v>108.98186</v>
      </c>
    </row>
    <row r="1513" spans="2:13" x14ac:dyDescent="0.45">
      <c r="B1513">
        <v>3896.2083200000002</v>
      </c>
      <c r="C1513">
        <v>108.495852</v>
      </c>
      <c r="D1513">
        <v>3896.2083200000002</v>
      </c>
      <c r="E1513">
        <v>107.757368</v>
      </c>
      <c r="F1513">
        <v>3896.2083200000002</v>
      </c>
      <c r="G1513">
        <v>109.434956</v>
      </c>
      <c r="H1513">
        <v>3896.2083200000002</v>
      </c>
      <c r="I1513">
        <v>108.72903700000001</v>
      </c>
      <c r="J1513">
        <v>3896.2083200000002</v>
      </c>
      <c r="K1513">
        <v>109.479704</v>
      </c>
      <c r="L1513">
        <v>3896.2083200000002</v>
      </c>
      <c r="M1513">
        <v>109.099585</v>
      </c>
    </row>
    <row r="1514" spans="2:13" x14ac:dyDescent="0.45">
      <c r="B1514">
        <v>3898.1371359999998</v>
      </c>
      <c r="C1514">
        <v>108.474879</v>
      </c>
      <c r="D1514">
        <v>3898.1371359999998</v>
      </c>
      <c r="E1514">
        <v>107.74478400000001</v>
      </c>
      <c r="F1514">
        <v>3898.1371359999998</v>
      </c>
      <c r="G1514">
        <v>109.409808</v>
      </c>
      <c r="H1514">
        <v>3898.1371359999998</v>
      </c>
      <c r="I1514">
        <v>108.50094900000001</v>
      </c>
      <c r="J1514">
        <v>3898.1371359999998</v>
      </c>
      <c r="K1514">
        <v>109.265602</v>
      </c>
      <c r="L1514">
        <v>3898.1371359999998</v>
      </c>
      <c r="M1514">
        <v>109.22765699999999</v>
      </c>
    </row>
    <row r="1515" spans="2:13" x14ac:dyDescent="0.45">
      <c r="B1515">
        <v>3900.0659519999999</v>
      </c>
      <c r="C1515">
        <v>108.354797</v>
      </c>
      <c r="D1515">
        <v>3900.0659519999999</v>
      </c>
      <c r="E1515">
        <v>107.68145700000001</v>
      </c>
      <c r="F1515">
        <v>3900.0659519999999</v>
      </c>
      <c r="G1515">
        <v>109.413713</v>
      </c>
      <c r="H1515">
        <v>3900.0659519999999</v>
      </c>
      <c r="I1515">
        <v>108.48594799999999</v>
      </c>
      <c r="J1515">
        <v>3900.0659519999999</v>
      </c>
      <c r="K1515">
        <v>109.143198</v>
      </c>
      <c r="L1515">
        <v>3900.0659519999999</v>
      </c>
      <c r="M1515">
        <v>109.17258099999999</v>
      </c>
    </row>
    <row r="1516" spans="2:13" x14ac:dyDescent="0.45">
      <c r="B1516">
        <v>3901.994768</v>
      </c>
      <c r="C1516">
        <v>108.31657800000001</v>
      </c>
      <c r="D1516">
        <v>3901.994768</v>
      </c>
      <c r="E1516">
        <v>107.62917300000001</v>
      </c>
      <c r="F1516">
        <v>3901.994768</v>
      </c>
      <c r="G1516">
        <v>109.34604299999999</v>
      </c>
      <c r="H1516">
        <v>3901.994768</v>
      </c>
      <c r="I1516">
        <v>108.64836200000001</v>
      </c>
      <c r="J1516">
        <v>3901.994768</v>
      </c>
      <c r="K1516">
        <v>109.197661</v>
      </c>
      <c r="L1516">
        <v>3901.994768</v>
      </c>
      <c r="M1516">
        <v>109.078295</v>
      </c>
    </row>
    <row r="1517" spans="2:13" x14ac:dyDescent="0.45">
      <c r="B1517">
        <v>3903.9235840000001</v>
      </c>
      <c r="C1517">
        <v>108.285093</v>
      </c>
      <c r="D1517">
        <v>3903.9235840000001</v>
      </c>
      <c r="E1517">
        <v>107.58818600000001</v>
      </c>
      <c r="F1517">
        <v>3903.9235840000001</v>
      </c>
      <c r="G1517">
        <v>109.289545</v>
      </c>
      <c r="H1517">
        <v>3903.9235840000001</v>
      </c>
      <c r="I1517">
        <v>108.70239100000001</v>
      </c>
      <c r="J1517">
        <v>3903.9235840000001</v>
      </c>
      <c r="K1517">
        <v>109.259269</v>
      </c>
      <c r="L1517">
        <v>3903.9235840000001</v>
      </c>
      <c r="M1517">
        <v>108.91392399999999</v>
      </c>
    </row>
    <row r="1518" spans="2:13" x14ac:dyDescent="0.45">
      <c r="B1518">
        <v>3905.8524000000002</v>
      </c>
      <c r="C1518">
        <v>108.27494799999999</v>
      </c>
      <c r="D1518">
        <v>3905.8524000000002</v>
      </c>
      <c r="E1518">
        <v>107.558003</v>
      </c>
      <c r="F1518">
        <v>3905.8524000000002</v>
      </c>
      <c r="G1518">
        <v>109.40646599999999</v>
      </c>
      <c r="H1518">
        <v>3905.8524000000002</v>
      </c>
      <c r="I1518">
        <v>108.64886300000001</v>
      </c>
      <c r="J1518">
        <v>3905.8524000000002</v>
      </c>
      <c r="K1518">
        <v>109.480029</v>
      </c>
      <c r="L1518">
        <v>3905.8524000000002</v>
      </c>
      <c r="M1518">
        <v>108.772024</v>
      </c>
    </row>
    <row r="1519" spans="2:13" x14ac:dyDescent="0.45">
      <c r="B1519">
        <v>3907.7812159999999</v>
      </c>
      <c r="C1519">
        <v>108.305347</v>
      </c>
      <c r="D1519">
        <v>3907.7812159999999</v>
      </c>
      <c r="E1519">
        <v>107.581953</v>
      </c>
      <c r="F1519">
        <v>3907.7812159999999</v>
      </c>
      <c r="G1519">
        <v>109.495265</v>
      </c>
      <c r="H1519">
        <v>3907.7812159999999</v>
      </c>
      <c r="I1519">
        <v>108.719638</v>
      </c>
      <c r="J1519">
        <v>3907.7812159999999</v>
      </c>
      <c r="K1519">
        <v>109.580546</v>
      </c>
      <c r="L1519">
        <v>3907.7812159999999</v>
      </c>
      <c r="M1519">
        <v>108.80528200000001</v>
      </c>
    </row>
    <row r="1520" spans="2:13" x14ac:dyDescent="0.45">
      <c r="B1520">
        <v>3909.710032</v>
      </c>
      <c r="C1520">
        <v>108.262923</v>
      </c>
      <c r="D1520">
        <v>3909.710032</v>
      </c>
      <c r="E1520">
        <v>107.661925</v>
      </c>
      <c r="F1520">
        <v>3909.710032</v>
      </c>
      <c r="G1520">
        <v>109.523985</v>
      </c>
      <c r="H1520">
        <v>3909.710032</v>
      </c>
      <c r="I1520">
        <v>108.727351</v>
      </c>
      <c r="J1520">
        <v>3909.710032</v>
      </c>
      <c r="K1520">
        <v>109.54536</v>
      </c>
      <c r="L1520">
        <v>3909.710032</v>
      </c>
      <c r="M1520">
        <v>108.859386</v>
      </c>
    </row>
    <row r="1521" spans="2:13" x14ac:dyDescent="0.45">
      <c r="B1521">
        <v>3911.6388480000001</v>
      </c>
      <c r="C1521">
        <v>108.317178</v>
      </c>
      <c r="D1521">
        <v>3911.6388480000001</v>
      </c>
      <c r="E1521">
        <v>107.638479</v>
      </c>
      <c r="F1521">
        <v>3911.6388480000001</v>
      </c>
      <c r="G1521">
        <v>109.489763</v>
      </c>
      <c r="H1521">
        <v>3911.6388480000001</v>
      </c>
      <c r="I1521">
        <v>108.674224</v>
      </c>
      <c r="J1521">
        <v>3911.6388480000001</v>
      </c>
      <c r="K1521">
        <v>109.45671299999999</v>
      </c>
      <c r="L1521">
        <v>3911.6388480000001</v>
      </c>
      <c r="M1521">
        <v>108.95586400000001</v>
      </c>
    </row>
    <row r="1522" spans="2:13" x14ac:dyDescent="0.45">
      <c r="B1522">
        <v>3913.5676640000001</v>
      </c>
      <c r="C1522">
        <v>108.45975</v>
      </c>
      <c r="D1522">
        <v>3913.5676640000001</v>
      </c>
      <c r="E1522">
        <v>107.619969</v>
      </c>
      <c r="F1522">
        <v>3913.5676640000001</v>
      </c>
      <c r="G1522">
        <v>109.478323</v>
      </c>
      <c r="H1522">
        <v>3913.5676640000001</v>
      </c>
      <c r="I1522">
        <v>108.657752</v>
      </c>
      <c r="J1522">
        <v>3913.5676640000001</v>
      </c>
      <c r="K1522">
        <v>109.498347</v>
      </c>
      <c r="L1522">
        <v>3913.5676640000001</v>
      </c>
      <c r="M1522">
        <v>109.124628</v>
      </c>
    </row>
    <row r="1523" spans="2:13" x14ac:dyDescent="0.45">
      <c r="B1523">
        <v>3915.4964799999998</v>
      </c>
      <c r="C1523">
        <v>108.410877</v>
      </c>
      <c r="D1523">
        <v>3915.4964799999998</v>
      </c>
      <c r="E1523">
        <v>107.607506</v>
      </c>
      <c r="F1523">
        <v>3915.4964799999998</v>
      </c>
      <c r="G1523">
        <v>109.41163400000001</v>
      </c>
      <c r="H1523">
        <v>3915.4964799999998</v>
      </c>
      <c r="I1523">
        <v>108.67569</v>
      </c>
      <c r="J1523">
        <v>3915.4964799999998</v>
      </c>
      <c r="K1523">
        <v>109.45702199999999</v>
      </c>
      <c r="L1523">
        <v>3915.4964799999998</v>
      </c>
      <c r="M1523">
        <v>109.184129</v>
      </c>
    </row>
    <row r="1524" spans="2:13" x14ac:dyDescent="0.45">
      <c r="B1524">
        <v>3917.4252959999999</v>
      </c>
      <c r="C1524">
        <v>108.297799</v>
      </c>
      <c r="D1524">
        <v>3917.4252959999999</v>
      </c>
      <c r="E1524">
        <v>107.539794</v>
      </c>
      <c r="F1524">
        <v>3917.4252959999999</v>
      </c>
      <c r="G1524">
        <v>109.400994</v>
      </c>
      <c r="H1524">
        <v>3917.4252959999999</v>
      </c>
      <c r="I1524">
        <v>108.648995</v>
      </c>
      <c r="J1524">
        <v>3917.4252959999999</v>
      </c>
      <c r="K1524">
        <v>109.391124</v>
      </c>
      <c r="L1524">
        <v>3917.4252959999999</v>
      </c>
      <c r="M1524">
        <v>109.138127</v>
      </c>
    </row>
    <row r="1525" spans="2:13" x14ac:dyDescent="0.45">
      <c r="B1525">
        <v>3919.354112</v>
      </c>
      <c r="C1525">
        <v>108.280125</v>
      </c>
      <c r="D1525">
        <v>3919.354112</v>
      </c>
      <c r="E1525">
        <v>107.57756000000001</v>
      </c>
      <c r="F1525">
        <v>3919.354112</v>
      </c>
      <c r="G1525">
        <v>109.421042</v>
      </c>
      <c r="H1525">
        <v>3919.354112</v>
      </c>
      <c r="I1525">
        <v>108.665926</v>
      </c>
      <c r="J1525">
        <v>3919.354112</v>
      </c>
      <c r="K1525">
        <v>109.491845</v>
      </c>
      <c r="L1525">
        <v>3919.354112</v>
      </c>
      <c r="M1525">
        <v>109.175808</v>
      </c>
    </row>
    <row r="1526" spans="2:13" x14ac:dyDescent="0.45">
      <c r="B1526">
        <v>3921.2829280000001</v>
      </c>
      <c r="C1526">
        <v>108.300552</v>
      </c>
      <c r="D1526">
        <v>3921.2829280000001</v>
      </c>
      <c r="E1526">
        <v>107.624511</v>
      </c>
      <c r="F1526">
        <v>3921.2829280000001</v>
      </c>
      <c r="G1526">
        <v>109.45376400000001</v>
      </c>
      <c r="H1526">
        <v>3921.2829280000001</v>
      </c>
      <c r="I1526">
        <v>108.631592</v>
      </c>
      <c r="J1526">
        <v>3921.2829280000001</v>
      </c>
      <c r="K1526">
        <v>109.638712</v>
      </c>
      <c r="L1526">
        <v>3921.2829280000001</v>
      </c>
      <c r="M1526">
        <v>109.197791</v>
      </c>
    </row>
    <row r="1527" spans="2:13" x14ac:dyDescent="0.45">
      <c r="B1527">
        <v>3923.2117440000002</v>
      </c>
      <c r="C1527">
        <v>108.307641</v>
      </c>
      <c r="D1527">
        <v>3923.2117440000002</v>
      </c>
      <c r="E1527">
        <v>107.59716300000001</v>
      </c>
      <c r="F1527">
        <v>3923.2117440000002</v>
      </c>
      <c r="G1527">
        <v>109.430881</v>
      </c>
      <c r="H1527">
        <v>3923.2117440000002</v>
      </c>
      <c r="I1527">
        <v>108.584107</v>
      </c>
      <c r="J1527">
        <v>3923.2117440000002</v>
      </c>
      <c r="K1527">
        <v>109.562168</v>
      </c>
      <c r="L1527">
        <v>3923.2117440000002</v>
      </c>
      <c r="M1527">
        <v>109.23342100000001</v>
      </c>
    </row>
    <row r="1528" spans="2:13" x14ac:dyDescent="0.45">
      <c r="B1528">
        <v>3925.1405599999998</v>
      </c>
      <c r="C1528">
        <v>108.318513</v>
      </c>
      <c r="D1528">
        <v>3925.1405599999998</v>
      </c>
      <c r="E1528">
        <v>107.552997</v>
      </c>
      <c r="F1528">
        <v>3925.1405599999998</v>
      </c>
      <c r="G1528">
        <v>109.562085</v>
      </c>
      <c r="H1528">
        <v>3925.1405599999998</v>
      </c>
      <c r="I1528">
        <v>108.671691</v>
      </c>
      <c r="J1528">
        <v>3925.1405599999998</v>
      </c>
      <c r="K1528">
        <v>109.460981</v>
      </c>
      <c r="L1528">
        <v>3925.1405599999998</v>
      </c>
      <c r="M1528">
        <v>108.994568</v>
      </c>
    </row>
    <row r="1529" spans="2:13" x14ac:dyDescent="0.45">
      <c r="B1529">
        <v>3927.0693759999999</v>
      </c>
      <c r="C1529">
        <v>108.428742</v>
      </c>
      <c r="D1529">
        <v>3927.0693759999999</v>
      </c>
      <c r="E1529">
        <v>107.573137</v>
      </c>
      <c r="F1529">
        <v>3927.0693759999999</v>
      </c>
      <c r="G1529">
        <v>109.47527100000001</v>
      </c>
      <c r="H1529">
        <v>3927.0693759999999</v>
      </c>
      <c r="I1529">
        <v>108.693918</v>
      </c>
      <c r="J1529">
        <v>3927.0693759999999</v>
      </c>
      <c r="K1529">
        <v>109.42885699999999</v>
      </c>
      <c r="L1529">
        <v>3927.0693759999999</v>
      </c>
      <c r="M1529">
        <v>108.906009</v>
      </c>
    </row>
    <row r="1530" spans="2:13" x14ac:dyDescent="0.45">
      <c r="B1530">
        <v>3928.998192</v>
      </c>
      <c r="C1530">
        <v>108.41406600000001</v>
      </c>
      <c r="D1530">
        <v>3928.998192</v>
      </c>
      <c r="E1530">
        <v>107.55295700000001</v>
      </c>
      <c r="F1530">
        <v>3928.998192</v>
      </c>
      <c r="G1530">
        <v>109.39152300000001</v>
      </c>
      <c r="H1530">
        <v>3928.998192</v>
      </c>
      <c r="I1530">
        <v>108.518233</v>
      </c>
      <c r="J1530">
        <v>3928.998192</v>
      </c>
      <c r="K1530">
        <v>109.388139</v>
      </c>
      <c r="L1530">
        <v>3928.998192</v>
      </c>
      <c r="M1530">
        <v>109.087656</v>
      </c>
    </row>
    <row r="1531" spans="2:13" x14ac:dyDescent="0.45">
      <c r="B1531">
        <v>3930.9270080000001</v>
      </c>
      <c r="C1531">
        <v>108.252467</v>
      </c>
      <c r="D1531">
        <v>3930.9270080000001</v>
      </c>
      <c r="E1531">
        <v>107.596923</v>
      </c>
      <c r="F1531">
        <v>3930.9270080000001</v>
      </c>
      <c r="G1531">
        <v>109.47719499999999</v>
      </c>
      <c r="H1531">
        <v>3930.9270080000001</v>
      </c>
      <c r="I1531">
        <v>108.444632</v>
      </c>
      <c r="J1531">
        <v>3930.9270080000001</v>
      </c>
      <c r="K1531">
        <v>109.297715</v>
      </c>
      <c r="L1531">
        <v>3930.9270080000001</v>
      </c>
      <c r="M1531">
        <v>109.174981</v>
      </c>
    </row>
    <row r="1532" spans="2:13" x14ac:dyDescent="0.45">
      <c r="B1532">
        <v>3932.8558240000002</v>
      </c>
      <c r="C1532">
        <v>108.185451</v>
      </c>
      <c r="D1532">
        <v>3932.8558240000002</v>
      </c>
      <c r="E1532">
        <v>107.632789</v>
      </c>
      <c r="F1532">
        <v>3932.8558240000002</v>
      </c>
      <c r="G1532">
        <v>109.494376</v>
      </c>
      <c r="H1532">
        <v>3932.8558240000002</v>
      </c>
      <c r="I1532">
        <v>108.405067</v>
      </c>
      <c r="J1532">
        <v>3932.8558240000002</v>
      </c>
      <c r="K1532">
        <v>109.316773</v>
      </c>
      <c r="L1532">
        <v>3932.8558240000002</v>
      </c>
      <c r="M1532">
        <v>109.043735</v>
      </c>
    </row>
    <row r="1533" spans="2:13" x14ac:dyDescent="0.45">
      <c r="B1533">
        <v>3934.7846399999999</v>
      </c>
      <c r="C1533">
        <v>108.27279799999999</v>
      </c>
      <c r="D1533">
        <v>3934.7846399999999</v>
      </c>
      <c r="E1533">
        <v>107.658018</v>
      </c>
      <c r="F1533">
        <v>3934.7846399999999</v>
      </c>
      <c r="G1533">
        <v>109.427288</v>
      </c>
      <c r="H1533">
        <v>3934.7846399999999</v>
      </c>
      <c r="I1533">
        <v>108.551243</v>
      </c>
      <c r="J1533">
        <v>3934.7846399999999</v>
      </c>
      <c r="K1533">
        <v>109.500282</v>
      </c>
      <c r="L1533">
        <v>3934.7846399999999</v>
      </c>
      <c r="M1533">
        <v>108.935061</v>
      </c>
    </row>
    <row r="1534" spans="2:13" x14ac:dyDescent="0.45">
      <c r="B1534">
        <v>3936.713456</v>
      </c>
      <c r="C1534">
        <v>108.338267</v>
      </c>
      <c r="D1534">
        <v>3936.713456</v>
      </c>
      <c r="E1534">
        <v>107.658137</v>
      </c>
      <c r="F1534">
        <v>3936.713456</v>
      </c>
      <c r="G1534">
        <v>109.38784699999999</v>
      </c>
      <c r="H1534">
        <v>3936.713456</v>
      </c>
      <c r="I1534">
        <v>108.572199</v>
      </c>
      <c r="J1534">
        <v>3936.713456</v>
      </c>
      <c r="K1534">
        <v>109.453158</v>
      </c>
      <c r="L1534">
        <v>3936.713456</v>
      </c>
      <c r="M1534">
        <v>108.98652300000001</v>
      </c>
    </row>
    <row r="1535" spans="2:13" x14ac:dyDescent="0.45">
      <c r="B1535">
        <v>3938.642272</v>
      </c>
      <c r="C1535">
        <v>108.404343</v>
      </c>
      <c r="D1535">
        <v>3938.642272</v>
      </c>
      <c r="E1535">
        <v>107.67437600000001</v>
      </c>
      <c r="F1535">
        <v>3938.642272</v>
      </c>
      <c r="G1535">
        <v>109.38639000000001</v>
      </c>
      <c r="H1535">
        <v>3938.642272</v>
      </c>
      <c r="I1535">
        <v>108.623959</v>
      </c>
      <c r="J1535">
        <v>3938.642272</v>
      </c>
      <c r="K1535">
        <v>109.391598</v>
      </c>
      <c r="L1535">
        <v>3938.642272</v>
      </c>
      <c r="M1535">
        <v>108.976158</v>
      </c>
    </row>
    <row r="1536" spans="2:13" x14ac:dyDescent="0.45">
      <c r="B1536">
        <v>3940.5710880000001</v>
      </c>
      <c r="C1536">
        <v>108.40971</v>
      </c>
      <c r="D1536">
        <v>3940.5710880000001</v>
      </c>
      <c r="E1536">
        <v>107.65826</v>
      </c>
      <c r="F1536">
        <v>3940.5710880000001</v>
      </c>
      <c r="G1536">
        <v>109.32767699999999</v>
      </c>
      <c r="H1536">
        <v>3940.5710880000001</v>
      </c>
      <c r="I1536">
        <v>108.592575</v>
      </c>
      <c r="J1536">
        <v>3940.5710880000001</v>
      </c>
      <c r="K1536">
        <v>109.31349299999999</v>
      </c>
      <c r="L1536">
        <v>3940.5710880000001</v>
      </c>
      <c r="M1536">
        <v>109.09103</v>
      </c>
    </row>
    <row r="1537" spans="2:13" x14ac:dyDescent="0.45">
      <c r="B1537">
        <v>3942.4999039999998</v>
      </c>
      <c r="C1537">
        <v>108.303747</v>
      </c>
      <c r="D1537">
        <v>3942.4999039999998</v>
      </c>
      <c r="E1537">
        <v>107.63799400000001</v>
      </c>
      <c r="F1537">
        <v>3942.4999039999998</v>
      </c>
      <c r="G1537">
        <v>109.37037599999999</v>
      </c>
      <c r="H1537">
        <v>3942.4999039999998</v>
      </c>
      <c r="I1537">
        <v>108.610471</v>
      </c>
      <c r="J1537">
        <v>3942.4999039999998</v>
      </c>
      <c r="K1537">
        <v>109.187393</v>
      </c>
      <c r="L1537">
        <v>3942.4999039999998</v>
      </c>
      <c r="M1537">
        <v>109.22719600000001</v>
      </c>
    </row>
    <row r="1538" spans="2:13" x14ac:dyDescent="0.45">
      <c r="B1538">
        <v>3944.4287199999999</v>
      </c>
      <c r="C1538">
        <v>108.33413899999999</v>
      </c>
      <c r="D1538">
        <v>3944.4287199999999</v>
      </c>
      <c r="E1538">
        <v>107.64625100000001</v>
      </c>
      <c r="F1538">
        <v>3944.4287199999999</v>
      </c>
      <c r="G1538">
        <v>109.47848500000001</v>
      </c>
      <c r="H1538">
        <v>3944.4287199999999</v>
      </c>
      <c r="I1538">
        <v>108.588207</v>
      </c>
      <c r="J1538">
        <v>3944.4287199999999</v>
      </c>
      <c r="K1538">
        <v>109.276217</v>
      </c>
      <c r="L1538">
        <v>3944.4287199999999</v>
      </c>
      <c r="M1538">
        <v>109.085791</v>
      </c>
    </row>
    <row r="1539" spans="2:13" x14ac:dyDescent="0.45">
      <c r="B1539">
        <v>3946.357536</v>
      </c>
      <c r="C1539">
        <v>108.32449099999999</v>
      </c>
      <c r="D1539">
        <v>3946.357536</v>
      </c>
      <c r="E1539">
        <v>107.660532</v>
      </c>
      <c r="F1539">
        <v>3946.357536</v>
      </c>
      <c r="G1539">
        <v>109.37321300000001</v>
      </c>
      <c r="H1539">
        <v>3946.357536</v>
      </c>
      <c r="I1539">
        <v>108.504688</v>
      </c>
      <c r="J1539">
        <v>3946.357536</v>
      </c>
      <c r="K1539">
        <v>109.376565</v>
      </c>
      <c r="L1539">
        <v>3946.357536</v>
      </c>
      <c r="M1539">
        <v>108.971609</v>
      </c>
    </row>
    <row r="1540" spans="2:13" x14ac:dyDescent="0.45">
      <c r="B1540">
        <v>3948.2863520000001</v>
      </c>
      <c r="C1540">
        <v>108.252825</v>
      </c>
      <c r="D1540">
        <v>3948.2863520000001</v>
      </c>
      <c r="E1540">
        <v>107.592303</v>
      </c>
      <c r="F1540">
        <v>3948.2863520000001</v>
      </c>
      <c r="G1540">
        <v>109.408091</v>
      </c>
      <c r="H1540">
        <v>3948.2863520000001</v>
      </c>
      <c r="I1540">
        <v>108.502931</v>
      </c>
      <c r="J1540">
        <v>3948.2863520000001</v>
      </c>
      <c r="K1540">
        <v>109.37082599999999</v>
      </c>
      <c r="L1540">
        <v>3948.2863520000001</v>
      </c>
      <c r="M1540">
        <v>108.996641</v>
      </c>
    </row>
    <row r="1541" spans="2:13" x14ac:dyDescent="0.45">
      <c r="B1541">
        <v>3950.2151680000002</v>
      </c>
      <c r="C1541">
        <v>108.25511899999999</v>
      </c>
      <c r="D1541">
        <v>3950.2151680000002</v>
      </c>
      <c r="E1541">
        <v>107.628961</v>
      </c>
      <c r="F1541">
        <v>3950.2151680000002</v>
      </c>
      <c r="G1541">
        <v>109.456395</v>
      </c>
      <c r="H1541">
        <v>3950.2151680000002</v>
      </c>
      <c r="I1541">
        <v>108.618515</v>
      </c>
      <c r="J1541">
        <v>3950.2151680000002</v>
      </c>
      <c r="K1541">
        <v>109.31508100000001</v>
      </c>
      <c r="L1541">
        <v>3950.2151680000002</v>
      </c>
      <c r="M1541">
        <v>108.97739</v>
      </c>
    </row>
    <row r="1542" spans="2:13" x14ac:dyDescent="0.45">
      <c r="B1542">
        <v>3952.1439839999998</v>
      </c>
      <c r="C1542">
        <v>108.26031500000001</v>
      </c>
      <c r="D1542">
        <v>3952.1439839999998</v>
      </c>
      <c r="E1542">
        <v>107.612022</v>
      </c>
      <c r="F1542">
        <v>3952.1439839999998</v>
      </c>
      <c r="G1542">
        <v>109.394559</v>
      </c>
      <c r="H1542">
        <v>3952.1439839999998</v>
      </c>
      <c r="I1542">
        <v>108.586125</v>
      </c>
      <c r="J1542">
        <v>3952.1439839999998</v>
      </c>
      <c r="K1542">
        <v>109.339057</v>
      </c>
      <c r="L1542">
        <v>3952.1439839999998</v>
      </c>
      <c r="M1542">
        <v>109.014275</v>
      </c>
    </row>
    <row r="1543" spans="2:13" x14ac:dyDescent="0.45">
      <c r="B1543">
        <v>3954.0727999999999</v>
      </c>
      <c r="C1543">
        <v>108.303642</v>
      </c>
      <c r="D1543">
        <v>3954.0727999999999</v>
      </c>
      <c r="E1543">
        <v>107.568012</v>
      </c>
      <c r="F1543">
        <v>3954.0727999999999</v>
      </c>
      <c r="G1543">
        <v>109.35771099999999</v>
      </c>
      <c r="H1543">
        <v>3954.0727999999999</v>
      </c>
      <c r="I1543">
        <v>108.53372400000001</v>
      </c>
      <c r="J1543">
        <v>3954.0727999999999</v>
      </c>
      <c r="K1543">
        <v>109.359279</v>
      </c>
      <c r="L1543">
        <v>3954.0727999999999</v>
      </c>
      <c r="M1543">
        <v>109.098834</v>
      </c>
    </row>
    <row r="1544" spans="2:13" x14ac:dyDescent="0.45">
      <c r="B1544">
        <v>3956.001616</v>
      </c>
      <c r="C1544">
        <v>108.322562</v>
      </c>
      <c r="D1544">
        <v>3956.001616</v>
      </c>
      <c r="E1544">
        <v>107.583591</v>
      </c>
      <c r="F1544">
        <v>3956.001616</v>
      </c>
      <c r="G1544">
        <v>109.382482</v>
      </c>
      <c r="H1544">
        <v>3956.001616</v>
      </c>
      <c r="I1544">
        <v>108.532597</v>
      </c>
      <c r="J1544">
        <v>3956.001616</v>
      </c>
      <c r="K1544">
        <v>109.28814800000001</v>
      </c>
      <c r="L1544">
        <v>3956.001616</v>
      </c>
      <c r="M1544">
        <v>109.137388</v>
      </c>
    </row>
    <row r="1545" spans="2:13" x14ac:dyDescent="0.45">
      <c r="B1545">
        <v>3957.9304320000001</v>
      </c>
      <c r="C1545">
        <v>108.256349</v>
      </c>
      <c r="D1545">
        <v>3957.9304320000001</v>
      </c>
      <c r="E1545">
        <v>107.637142</v>
      </c>
      <c r="F1545">
        <v>3957.9304320000001</v>
      </c>
      <c r="G1545">
        <v>109.412959</v>
      </c>
      <c r="H1545">
        <v>3957.9304320000001</v>
      </c>
      <c r="I1545">
        <v>108.604742</v>
      </c>
      <c r="J1545">
        <v>3957.9304320000001</v>
      </c>
      <c r="K1545">
        <v>109.352143</v>
      </c>
      <c r="L1545">
        <v>3957.9304320000001</v>
      </c>
      <c r="M1545">
        <v>109.077102</v>
      </c>
    </row>
    <row r="1546" spans="2:13" x14ac:dyDescent="0.45">
      <c r="B1546">
        <v>3959.8592480000002</v>
      </c>
      <c r="C1546">
        <v>108.28156799999999</v>
      </c>
      <c r="D1546">
        <v>3959.8592480000002</v>
      </c>
      <c r="E1546">
        <v>107.61592900000001</v>
      </c>
      <c r="F1546">
        <v>3959.8592480000002</v>
      </c>
      <c r="G1546">
        <v>109.414976</v>
      </c>
      <c r="H1546">
        <v>3959.8592480000002</v>
      </c>
      <c r="I1546">
        <v>108.55479099999999</v>
      </c>
      <c r="J1546">
        <v>3959.8592480000002</v>
      </c>
      <c r="K1546">
        <v>109.432935</v>
      </c>
      <c r="L1546">
        <v>3959.8592480000002</v>
      </c>
      <c r="M1546">
        <v>109.109405</v>
      </c>
    </row>
    <row r="1547" spans="2:13" x14ac:dyDescent="0.45">
      <c r="B1547">
        <v>3961.7880639999998</v>
      </c>
      <c r="C1547">
        <v>108.283883</v>
      </c>
      <c r="D1547">
        <v>3961.7880639999998</v>
      </c>
      <c r="E1547">
        <v>107.565984</v>
      </c>
      <c r="F1547">
        <v>3961.7880639999998</v>
      </c>
      <c r="G1547">
        <v>109.429844</v>
      </c>
      <c r="H1547">
        <v>3961.7880639999998</v>
      </c>
      <c r="I1547">
        <v>108.633256</v>
      </c>
      <c r="J1547">
        <v>3961.7880639999998</v>
      </c>
      <c r="K1547">
        <v>109.332616</v>
      </c>
      <c r="L1547">
        <v>3961.7880639999998</v>
      </c>
      <c r="M1547">
        <v>109.17133</v>
      </c>
    </row>
    <row r="1548" spans="2:13" x14ac:dyDescent="0.45">
      <c r="B1548">
        <v>3963.7168799999999</v>
      </c>
      <c r="C1548">
        <v>108.280719</v>
      </c>
      <c r="D1548">
        <v>3963.7168799999999</v>
      </c>
      <c r="E1548">
        <v>107.575739</v>
      </c>
      <c r="F1548">
        <v>3963.7168799999999</v>
      </c>
      <c r="G1548">
        <v>109.40681600000001</v>
      </c>
      <c r="H1548">
        <v>3963.7168799999999</v>
      </c>
      <c r="I1548">
        <v>108.660038</v>
      </c>
      <c r="J1548">
        <v>3963.7168799999999</v>
      </c>
      <c r="K1548">
        <v>109.304259</v>
      </c>
      <c r="L1548">
        <v>3963.7168799999999</v>
      </c>
      <c r="M1548">
        <v>109.104056</v>
      </c>
    </row>
    <row r="1549" spans="2:13" x14ac:dyDescent="0.45">
      <c r="B1549">
        <v>3965.645696</v>
      </c>
      <c r="C1549">
        <v>108.293362</v>
      </c>
      <c r="D1549">
        <v>3965.645696</v>
      </c>
      <c r="E1549">
        <v>107.57019700000001</v>
      </c>
      <c r="F1549">
        <v>3965.645696</v>
      </c>
      <c r="G1549">
        <v>109.427921</v>
      </c>
      <c r="H1549">
        <v>3965.645696</v>
      </c>
      <c r="I1549">
        <v>108.653656</v>
      </c>
      <c r="J1549">
        <v>3965.645696</v>
      </c>
      <c r="K1549">
        <v>109.371194</v>
      </c>
      <c r="L1549">
        <v>3965.645696</v>
      </c>
      <c r="M1549">
        <v>109.029151</v>
      </c>
    </row>
    <row r="1550" spans="2:13" x14ac:dyDescent="0.45">
      <c r="B1550">
        <v>3967.5745120000001</v>
      </c>
      <c r="C1550">
        <v>108.243332</v>
      </c>
      <c r="D1550">
        <v>3967.5745120000001</v>
      </c>
      <c r="E1550">
        <v>107.535741</v>
      </c>
      <c r="F1550">
        <v>3967.5745120000001</v>
      </c>
      <c r="G1550">
        <v>109.418266</v>
      </c>
      <c r="H1550">
        <v>3967.5745120000001</v>
      </c>
      <c r="I1550">
        <v>108.594904</v>
      </c>
      <c r="J1550">
        <v>3967.5745120000001</v>
      </c>
      <c r="K1550">
        <v>109.378862</v>
      </c>
      <c r="L1550">
        <v>3967.5745120000001</v>
      </c>
      <c r="M1550">
        <v>109.033548</v>
      </c>
    </row>
    <row r="1551" spans="2:13" x14ac:dyDescent="0.45">
      <c r="B1551">
        <v>3969.5033279999998</v>
      </c>
      <c r="C1551">
        <v>108.20818800000001</v>
      </c>
      <c r="D1551">
        <v>3969.5033279999998</v>
      </c>
      <c r="E1551">
        <v>107.481432</v>
      </c>
      <c r="F1551">
        <v>3969.5033279999998</v>
      </c>
      <c r="G1551">
        <v>109.391685</v>
      </c>
      <c r="H1551">
        <v>3969.5033279999998</v>
      </c>
      <c r="I1551">
        <v>108.54510399999999</v>
      </c>
      <c r="J1551">
        <v>3969.5033279999998</v>
      </c>
      <c r="K1551">
        <v>109.32428400000001</v>
      </c>
      <c r="L1551">
        <v>3969.5033279999998</v>
      </c>
      <c r="M1551">
        <v>109.048835</v>
      </c>
    </row>
    <row r="1552" spans="2:13" x14ac:dyDescent="0.45">
      <c r="B1552">
        <v>3971.4321439999999</v>
      </c>
      <c r="C1552">
        <v>108.27426800000001</v>
      </c>
      <c r="D1552">
        <v>3971.4321439999999</v>
      </c>
      <c r="E1552">
        <v>107.481087</v>
      </c>
      <c r="F1552">
        <v>3971.4321439999999</v>
      </c>
      <c r="G1552">
        <v>109.38867399999999</v>
      </c>
      <c r="H1552">
        <v>3971.4321439999999</v>
      </c>
      <c r="I1552">
        <v>108.477496</v>
      </c>
      <c r="J1552">
        <v>3971.4321439999999</v>
      </c>
      <c r="K1552">
        <v>109.306145</v>
      </c>
      <c r="L1552">
        <v>3971.4321439999999</v>
      </c>
      <c r="M1552">
        <v>109.01785099999999</v>
      </c>
    </row>
    <row r="1553" spans="2:13" x14ac:dyDescent="0.45">
      <c r="B1553">
        <v>3973.36096</v>
      </c>
      <c r="C1553">
        <v>108.243424</v>
      </c>
      <c r="D1553">
        <v>3973.36096</v>
      </c>
      <c r="E1553">
        <v>107.48818900000001</v>
      </c>
      <c r="F1553">
        <v>3973.36096</v>
      </c>
      <c r="G1553">
        <v>109.37949399999999</v>
      </c>
      <c r="H1553">
        <v>3973.36096</v>
      </c>
      <c r="I1553">
        <v>108.50861999999999</v>
      </c>
      <c r="J1553">
        <v>3973.36096</v>
      </c>
      <c r="K1553">
        <v>109.294527</v>
      </c>
      <c r="L1553">
        <v>3973.36096</v>
      </c>
      <c r="M1553">
        <v>109.016718</v>
      </c>
    </row>
    <row r="1554" spans="2:13" x14ac:dyDescent="0.45">
      <c r="B1554">
        <v>3975.2897760000001</v>
      </c>
      <c r="C1554">
        <v>108.251633</v>
      </c>
      <c r="D1554">
        <v>3975.2897760000001</v>
      </c>
      <c r="E1554">
        <v>107.49234300000001</v>
      </c>
      <c r="F1554">
        <v>3975.2897760000001</v>
      </c>
      <c r="G1554">
        <v>109.425197</v>
      </c>
      <c r="H1554">
        <v>3975.2897760000001</v>
      </c>
      <c r="I1554">
        <v>108.47147099999999</v>
      </c>
      <c r="J1554">
        <v>3975.2897760000001</v>
      </c>
      <c r="K1554">
        <v>109.244696</v>
      </c>
      <c r="L1554">
        <v>3975.2897760000001</v>
      </c>
      <c r="M1554">
        <v>108.946861</v>
      </c>
    </row>
    <row r="1555" spans="2:13" x14ac:dyDescent="0.45">
      <c r="B1555">
        <v>3977.2185920000002</v>
      </c>
      <c r="C1555">
        <v>108.252965</v>
      </c>
      <c r="D1555">
        <v>3977.2185920000002</v>
      </c>
      <c r="E1555">
        <v>107.457769</v>
      </c>
      <c r="F1555">
        <v>3977.2185920000002</v>
      </c>
      <c r="G1555">
        <v>109.431501</v>
      </c>
      <c r="H1555">
        <v>3977.2185920000002</v>
      </c>
      <c r="I1555">
        <v>108.47553000000001</v>
      </c>
      <c r="J1555">
        <v>3977.2185920000002</v>
      </c>
      <c r="K1555">
        <v>109.22386</v>
      </c>
      <c r="L1555">
        <v>3977.2185920000002</v>
      </c>
      <c r="M1555">
        <v>108.907949</v>
      </c>
    </row>
    <row r="1556" spans="2:13" x14ac:dyDescent="0.45">
      <c r="B1556">
        <v>3979.1474079999998</v>
      </c>
      <c r="C1556">
        <v>108.216747</v>
      </c>
      <c r="D1556">
        <v>3979.1474079999998</v>
      </c>
      <c r="E1556">
        <v>107.453388</v>
      </c>
      <c r="F1556">
        <v>3979.1474079999998</v>
      </c>
      <c r="G1556">
        <v>109.392314</v>
      </c>
      <c r="H1556">
        <v>3979.1474079999998</v>
      </c>
      <c r="I1556">
        <v>108.4807</v>
      </c>
      <c r="J1556">
        <v>3979.1474079999998</v>
      </c>
      <c r="K1556">
        <v>109.280878</v>
      </c>
      <c r="L1556">
        <v>3979.1474079999998</v>
      </c>
      <c r="M1556">
        <v>108.981737</v>
      </c>
    </row>
    <row r="1557" spans="2:13" x14ac:dyDescent="0.45">
      <c r="B1557">
        <v>3981.0762239999999</v>
      </c>
      <c r="C1557">
        <v>108.20776600000001</v>
      </c>
      <c r="D1557">
        <v>3981.0762239999999</v>
      </c>
      <c r="E1557">
        <v>107.470117</v>
      </c>
      <c r="F1557">
        <v>3981.0762239999999</v>
      </c>
      <c r="G1557">
        <v>109.376981</v>
      </c>
      <c r="H1557">
        <v>3981.0762239999999</v>
      </c>
      <c r="I1557">
        <v>108.464705</v>
      </c>
      <c r="J1557">
        <v>3981.0762239999999</v>
      </c>
      <c r="K1557">
        <v>109.332956</v>
      </c>
      <c r="L1557">
        <v>3981.0762239999999</v>
      </c>
      <c r="M1557">
        <v>109.04156999999999</v>
      </c>
    </row>
    <row r="1558" spans="2:13" x14ac:dyDescent="0.45">
      <c r="B1558">
        <v>3983.00504</v>
      </c>
      <c r="C1558">
        <v>108.179928</v>
      </c>
      <c r="D1558">
        <v>3983.00504</v>
      </c>
      <c r="E1558">
        <v>107.48343200000001</v>
      </c>
      <c r="F1558">
        <v>3983.00504</v>
      </c>
      <c r="G1558">
        <v>109.349707</v>
      </c>
      <c r="H1558">
        <v>3983.00504</v>
      </c>
      <c r="I1558">
        <v>108.377754</v>
      </c>
      <c r="J1558">
        <v>3983.00504</v>
      </c>
      <c r="K1558">
        <v>109.33564699999999</v>
      </c>
      <c r="L1558">
        <v>3983.00504</v>
      </c>
      <c r="M1558">
        <v>108.981202</v>
      </c>
    </row>
    <row r="1559" spans="2:13" x14ac:dyDescent="0.45">
      <c r="B1559">
        <v>3984.9338560000001</v>
      </c>
      <c r="C1559">
        <v>108.244029</v>
      </c>
      <c r="D1559">
        <v>3984.9338560000001</v>
      </c>
      <c r="E1559">
        <v>107.491124</v>
      </c>
      <c r="F1559">
        <v>3984.9338560000001</v>
      </c>
      <c r="G1559">
        <v>109.319828</v>
      </c>
      <c r="H1559">
        <v>3984.9338560000001</v>
      </c>
      <c r="I1559">
        <v>108.459986</v>
      </c>
      <c r="J1559">
        <v>3984.9338560000001</v>
      </c>
      <c r="K1559">
        <v>109.29463699999999</v>
      </c>
      <c r="L1559">
        <v>3984.9338560000001</v>
      </c>
      <c r="M1559">
        <v>108.963364</v>
      </c>
    </row>
    <row r="1560" spans="2:13" x14ac:dyDescent="0.45">
      <c r="B1560">
        <v>3986.8626720000002</v>
      </c>
      <c r="C1560">
        <v>108.298689</v>
      </c>
      <c r="D1560">
        <v>3986.8626720000002</v>
      </c>
      <c r="E1560">
        <v>107.42863200000001</v>
      </c>
      <c r="F1560">
        <v>3986.8626720000002</v>
      </c>
      <c r="G1560">
        <v>109.32342300000001</v>
      </c>
      <c r="H1560">
        <v>3986.8626720000002</v>
      </c>
      <c r="I1560">
        <v>108.503711</v>
      </c>
      <c r="J1560">
        <v>3986.8626720000002</v>
      </c>
      <c r="K1560">
        <v>109.253651</v>
      </c>
      <c r="L1560">
        <v>3986.8626720000002</v>
      </c>
      <c r="M1560">
        <v>108.97479800000001</v>
      </c>
    </row>
    <row r="1561" spans="2:13" x14ac:dyDescent="0.45">
      <c r="B1561">
        <v>3988.7914879999998</v>
      </c>
      <c r="C1561">
        <v>108.24974899999999</v>
      </c>
      <c r="D1561">
        <v>3988.7914879999998</v>
      </c>
      <c r="E1561">
        <v>107.431709</v>
      </c>
      <c r="F1561">
        <v>3988.7914879999998</v>
      </c>
      <c r="G1561">
        <v>109.347717</v>
      </c>
      <c r="H1561">
        <v>3988.7914879999998</v>
      </c>
      <c r="I1561">
        <v>108.50355500000001</v>
      </c>
      <c r="J1561">
        <v>3988.7914879999998</v>
      </c>
      <c r="K1561">
        <v>109.2777</v>
      </c>
      <c r="L1561">
        <v>3988.7914879999998</v>
      </c>
      <c r="M1561">
        <v>108.937658</v>
      </c>
    </row>
    <row r="1562" spans="2:13" x14ac:dyDescent="0.45">
      <c r="B1562">
        <v>3990.7203039999999</v>
      </c>
      <c r="C1562">
        <v>108.22964399999999</v>
      </c>
      <c r="D1562">
        <v>3990.7203039999999</v>
      </c>
      <c r="E1562">
        <v>107.47770200000001</v>
      </c>
      <c r="F1562">
        <v>3990.7203039999999</v>
      </c>
      <c r="G1562">
        <v>109.36300799999999</v>
      </c>
      <c r="H1562">
        <v>3990.7203039999999</v>
      </c>
      <c r="I1562">
        <v>108.420874</v>
      </c>
      <c r="J1562">
        <v>3990.7203039999999</v>
      </c>
      <c r="K1562">
        <v>109.263927</v>
      </c>
      <c r="L1562">
        <v>3990.7203039999999</v>
      </c>
      <c r="M1562">
        <v>108.887173</v>
      </c>
    </row>
    <row r="1563" spans="2:13" x14ac:dyDescent="0.45">
      <c r="B1563">
        <v>3992.64912</v>
      </c>
      <c r="C1563">
        <v>108.29167099999999</v>
      </c>
      <c r="D1563">
        <v>3992.64912</v>
      </c>
      <c r="E1563">
        <v>107.467741</v>
      </c>
      <c r="F1563">
        <v>3992.64912</v>
      </c>
      <c r="G1563">
        <v>109.3261</v>
      </c>
      <c r="H1563">
        <v>3992.64912</v>
      </c>
      <c r="I1563">
        <v>108.41057600000001</v>
      </c>
      <c r="J1563">
        <v>3992.64912</v>
      </c>
      <c r="K1563">
        <v>109.262663</v>
      </c>
      <c r="L1563">
        <v>3992.64912</v>
      </c>
      <c r="M1563">
        <v>108.936235</v>
      </c>
    </row>
    <row r="1564" spans="2:13" x14ac:dyDescent="0.45">
      <c r="B1564">
        <v>3994.5779360000001</v>
      </c>
      <c r="C1564">
        <v>108.254152</v>
      </c>
      <c r="D1564">
        <v>3994.5779360000001</v>
      </c>
      <c r="E1564">
        <v>107.456242</v>
      </c>
      <c r="F1564">
        <v>3994.5779360000001</v>
      </c>
      <c r="G1564">
        <v>109.341188</v>
      </c>
      <c r="H1564">
        <v>3994.5779360000001</v>
      </c>
      <c r="I1564">
        <v>108.38342</v>
      </c>
      <c r="J1564">
        <v>3994.5779360000001</v>
      </c>
      <c r="K1564">
        <v>109.22706100000001</v>
      </c>
      <c r="L1564">
        <v>3994.5779360000001</v>
      </c>
      <c r="M1564">
        <v>108.910372</v>
      </c>
    </row>
    <row r="1565" spans="2:13" x14ac:dyDescent="0.45">
      <c r="B1565">
        <v>3996.5067519999998</v>
      </c>
      <c r="C1565">
        <v>108.187915</v>
      </c>
      <c r="D1565">
        <v>3996.5067519999998</v>
      </c>
      <c r="E1565">
        <v>107.470405</v>
      </c>
      <c r="F1565">
        <v>3996.5067519999998</v>
      </c>
      <c r="G1565">
        <v>109.343277</v>
      </c>
      <c r="H1565">
        <v>3996.5067519999998</v>
      </c>
      <c r="I1565">
        <v>108.480833</v>
      </c>
      <c r="J1565">
        <v>3996.5067519999998</v>
      </c>
      <c r="K1565">
        <v>109.23142900000001</v>
      </c>
      <c r="L1565">
        <v>3996.5067519999998</v>
      </c>
      <c r="M1565">
        <v>108.865275</v>
      </c>
    </row>
    <row r="1566" spans="2:13" x14ac:dyDescent="0.45">
      <c r="B1566">
        <v>3998.4355679999999</v>
      </c>
      <c r="C1566">
        <v>108.16552900000001</v>
      </c>
      <c r="D1566">
        <v>3998.4355679999999</v>
      </c>
      <c r="E1566">
        <v>107.477496</v>
      </c>
      <c r="F1566">
        <v>3998.4355679999999</v>
      </c>
      <c r="G1566">
        <v>109.332436</v>
      </c>
      <c r="H1566">
        <v>3998.4355679999999</v>
      </c>
      <c r="I1566">
        <v>108.48079799999999</v>
      </c>
      <c r="J1566">
        <v>3998.4355679999999</v>
      </c>
      <c r="K1566">
        <v>109.27699800000001</v>
      </c>
      <c r="L1566">
        <v>3998.4355679999999</v>
      </c>
      <c r="M1566">
        <v>108.861966</v>
      </c>
    </row>
    <row r="1567" spans="2:13" x14ac:dyDescent="0.45">
      <c r="B1567">
        <v>4000.364384</v>
      </c>
      <c r="C1567">
        <v>108.130996</v>
      </c>
      <c r="D1567">
        <v>4000.364384</v>
      </c>
      <c r="E1567">
        <v>107.419375</v>
      </c>
      <c r="F1567">
        <v>4000.364384</v>
      </c>
      <c r="G1567">
        <v>109.36691500000001</v>
      </c>
      <c r="H1567">
        <v>4000.364384</v>
      </c>
      <c r="I1567">
        <v>108.428364</v>
      </c>
      <c r="J1567">
        <v>4000.364384</v>
      </c>
      <c r="K1567">
        <v>109.258358</v>
      </c>
      <c r="L1567">
        <v>4000.364384</v>
      </c>
      <c r="M1567">
        <v>108.887951</v>
      </c>
    </row>
  </sheetData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2EC83A-A8AF-4CF6-A7BD-9362D066306A}">
  <dimension ref="B7:L1566"/>
  <sheetViews>
    <sheetView tabSelected="1" workbookViewId="0">
      <selection activeCell="E21" sqref="E21"/>
    </sheetView>
  </sheetViews>
  <sheetFormatPr defaultRowHeight="14.25" x14ac:dyDescent="0.45"/>
  <cols>
    <col min="1" max="1" width="9.06640625" style="27"/>
    <col min="2" max="2" width="16" style="27" customWidth="1"/>
    <col min="3" max="3" width="17.73046875" style="27" customWidth="1"/>
    <col min="4" max="4" width="9.06640625" style="27"/>
    <col min="5" max="5" width="16" style="27" customWidth="1"/>
    <col min="6" max="6" width="16.86328125" style="27" customWidth="1"/>
    <col min="7" max="7" width="9.06640625" style="27"/>
    <col min="8" max="8" width="14.19921875" style="27" customWidth="1"/>
    <col min="9" max="9" width="19.33203125" style="27" customWidth="1"/>
    <col min="10" max="10" width="9.06640625" style="27"/>
    <col min="11" max="11" width="14.59765625" style="27" customWidth="1"/>
    <col min="12" max="12" width="15.9296875" style="27" customWidth="1"/>
    <col min="13" max="16384" width="9.06640625" style="27"/>
  </cols>
  <sheetData>
    <row r="7" spans="2:12" x14ac:dyDescent="0.45">
      <c r="B7" s="24" t="s">
        <v>4</v>
      </c>
      <c r="C7" s="24"/>
      <c r="D7" s="24"/>
      <c r="E7" s="24" t="s">
        <v>1</v>
      </c>
      <c r="F7" s="24"/>
      <c r="G7" s="24"/>
      <c r="H7" s="24" t="s">
        <v>2</v>
      </c>
      <c r="I7" s="24"/>
      <c r="J7" s="24"/>
      <c r="K7" s="24" t="s">
        <v>3</v>
      </c>
      <c r="L7" s="24"/>
    </row>
    <row r="8" spans="2:12" x14ac:dyDescent="0.45">
      <c r="B8" s="24" t="s">
        <v>14</v>
      </c>
      <c r="C8" s="24"/>
      <c r="D8" s="24"/>
      <c r="E8" s="24" t="s">
        <v>14</v>
      </c>
      <c r="F8" s="24"/>
      <c r="G8" s="24"/>
      <c r="H8" s="24" t="s">
        <v>14</v>
      </c>
      <c r="I8" s="24"/>
      <c r="J8" s="24"/>
      <c r="K8" s="24" t="s">
        <v>14</v>
      </c>
      <c r="L8" s="24"/>
    </row>
    <row r="9" spans="2:12" ht="28.5" x14ac:dyDescent="0.45">
      <c r="B9" s="66" t="s">
        <v>32</v>
      </c>
      <c r="C9" s="24" t="s">
        <v>31</v>
      </c>
      <c r="D9" s="24"/>
      <c r="E9" s="66" t="s">
        <v>32</v>
      </c>
      <c r="F9" s="24" t="s">
        <v>31</v>
      </c>
      <c r="G9" s="24"/>
      <c r="H9" s="66" t="s">
        <v>32</v>
      </c>
      <c r="I9" s="24" t="s">
        <v>31</v>
      </c>
      <c r="J9" s="24"/>
      <c r="K9" s="66" t="s">
        <v>32</v>
      </c>
      <c r="L9" s="24" t="s">
        <v>31</v>
      </c>
    </row>
    <row r="10" spans="2:12" x14ac:dyDescent="0.45">
      <c r="B10" s="27">
        <v>1500.6188480000001</v>
      </c>
      <c r="C10" s="27">
        <v>131.09889800000002</v>
      </c>
      <c r="E10" s="27">
        <v>1500.6188480000001</v>
      </c>
      <c r="F10" s="27">
        <v>120.543854</v>
      </c>
      <c r="H10" s="27">
        <v>1500.6188480000001</v>
      </c>
      <c r="I10" s="27">
        <v>114.252391</v>
      </c>
      <c r="K10" s="27">
        <v>1500.6188480000001</v>
      </c>
      <c r="L10" s="27">
        <v>104.893173</v>
      </c>
    </row>
    <row r="11" spans="2:12" x14ac:dyDescent="0.45">
      <c r="B11" s="27">
        <v>1502.5476639999999</v>
      </c>
      <c r="C11" s="27">
        <v>131.03384399999999</v>
      </c>
      <c r="E11" s="27">
        <v>1502.5476639999999</v>
      </c>
      <c r="F11" s="27">
        <v>120.526849</v>
      </c>
      <c r="H11" s="27">
        <v>1502.5476639999999</v>
      </c>
      <c r="I11" s="27">
        <v>114.299014</v>
      </c>
      <c r="K11" s="27">
        <v>1502.5476639999999</v>
      </c>
      <c r="L11" s="27">
        <v>104.94645199999999</v>
      </c>
    </row>
    <row r="12" spans="2:12" x14ac:dyDescent="0.45">
      <c r="B12" s="27">
        <v>1504.47648</v>
      </c>
      <c r="C12" s="27">
        <v>130.867132</v>
      </c>
      <c r="E12" s="27">
        <v>1504.47648</v>
      </c>
      <c r="F12" s="27">
        <v>120.471315</v>
      </c>
      <c r="H12" s="27">
        <v>1504.47648</v>
      </c>
      <c r="I12" s="27">
        <v>114.273054</v>
      </c>
      <c r="K12" s="27">
        <v>1504.47648</v>
      </c>
      <c r="L12" s="27">
        <v>104.933988</v>
      </c>
    </row>
    <row r="13" spans="2:12" x14ac:dyDescent="0.45">
      <c r="B13" s="27">
        <v>1506.4052959999999</v>
      </c>
      <c r="C13" s="27">
        <v>130.720405</v>
      </c>
      <c r="E13" s="27">
        <v>1506.4052959999999</v>
      </c>
      <c r="F13" s="27">
        <v>120.368077</v>
      </c>
      <c r="H13" s="27">
        <v>1506.4052959999999</v>
      </c>
      <c r="I13" s="27">
        <v>114.09124199999999</v>
      </c>
      <c r="K13" s="27">
        <v>1506.4052959999999</v>
      </c>
      <c r="L13" s="27">
        <v>105.02987299999999</v>
      </c>
    </row>
    <row r="14" spans="2:12" x14ac:dyDescent="0.45">
      <c r="B14" s="27">
        <v>1508.334112</v>
      </c>
      <c r="C14" s="27">
        <v>130.90197599999999</v>
      </c>
      <c r="E14" s="27">
        <v>1508.334112</v>
      </c>
      <c r="F14" s="27">
        <v>120.489375</v>
      </c>
      <c r="H14" s="27">
        <v>1508.334112</v>
      </c>
      <c r="I14" s="27">
        <v>114.124441</v>
      </c>
      <c r="K14" s="27">
        <v>1508.334112</v>
      </c>
      <c r="L14" s="27">
        <v>105.431635</v>
      </c>
    </row>
    <row r="15" spans="2:12" x14ac:dyDescent="0.45">
      <c r="B15" s="27">
        <v>1510.2629280000001</v>
      </c>
      <c r="C15" s="27">
        <v>130.94891799999999</v>
      </c>
      <c r="E15" s="27">
        <v>1510.2629280000001</v>
      </c>
      <c r="F15" s="27">
        <v>120.51540300000001</v>
      </c>
      <c r="H15" s="27">
        <v>1510.2629280000001</v>
      </c>
      <c r="I15" s="27">
        <v>114.270405</v>
      </c>
      <c r="K15" s="27">
        <v>1510.2629280000001</v>
      </c>
      <c r="L15" s="27">
        <v>105.42516000000001</v>
      </c>
    </row>
    <row r="16" spans="2:12" x14ac:dyDescent="0.45">
      <c r="B16" s="27">
        <v>1512.191744</v>
      </c>
      <c r="C16" s="27">
        <v>130.99740199999999</v>
      </c>
      <c r="E16" s="27">
        <v>1512.191744</v>
      </c>
      <c r="F16" s="27">
        <v>120.492959</v>
      </c>
      <c r="H16" s="27">
        <v>1512.191744</v>
      </c>
      <c r="I16" s="27">
        <v>114.295034</v>
      </c>
      <c r="K16" s="27">
        <v>1512.191744</v>
      </c>
      <c r="L16" s="27">
        <v>105.36218</v>
      </c>
    </row>
    <row r="17" spans="2:12" x14ac:dyDescent="0.45">
      <c r="B17" s="27">
        <v>1514.1205600000001</v>
      </c>
      <c r="C17" s="27">
        <v>130.941822</v>
      </c>
      <c r="E17" s="27">
        <v>1514.1205600000001</v>
      </c>
      <c r="F17" s="27">
        <v>120.467917</v>
      </c>
      <c r="H17" s="27">
        <v>1514.1205600000001</v>
      </c>
      <c r="I17" s="27">
        <v>114.305036</v>
      </c>
      <c r="K17" s="27">
        <v>1514.1205600000001</v>
      </c>
      <c r="L17" s="27">
        <v>105.33731</v>
      </c>
    </row>
    <row r="18" spans="2:12" x14ac:dyDescent="0.45">
      <c r="B18" s="27">
        <v>1516.0493759999999</v>
      </c>
      <c r="C18" s="27">
        <v>130.84748500000001</v>
      </c>
      <c r="E18" s="27">
        <v>1516.0493759999999</v>
      </c>
      <c r="F18" s="27">
        <v>120.341756</v>
      </c>
      <c r="H18" s="27">
        <v>1516.0493759999999</v>
      </c>
      <c r="I18" s="27">
        <v>114.253468</v>
      </c>
      <c r="K18" s="27">
        <v>1516.0493759999999</v>
      </c>
      <c r="L18" s="27">
        <v>105.317385</v>
      </c>
    </row>
    <row r="19" spans="2:12" x14ac:dyDescent="0.45">
      <c r="B19" s="27">
        <v>1517.978192</v>
      </c>
      <c r="C19" s="27">
        <v>130.92491000000001</v>
      </c>
      <c r="E19" s="27">
        <v>1517.978192</v>
      </c>
      <c r="F19" s="27">
        <v>120.261455</v>
      </c>
      <c r="H19" s="27">
        <v>1517.978192</v>
      </c>
      <c r="I19" s="27">
        <v>114.216971</v>
      </c>
      <c r="K19" s="27">
        <v>1517.978192</v>
      </c>
      <c r="L19" s="27">
        <v>105.384743</v>
      </c>
    </row>
    <row r="20" spans="2:12" x14ac:dyDescent="0.45">
      <c r="B20" s="27">
        <v>1519.9070079999999</v>
      </c>
      <c r="C20" s="27">
        <v>130.76510400000001</v>
      </c>
      <c r="E20" s="27">
        <v>1519.9070079999999</v>
      </c>
      <c r="F20" s="27">
        <v>120.231916</v>
      </c>
      <c r="H20" s="27">
        <v>1519.9070079999999</v>
      </c>
      <c r="I20" s="27">
        <v>114.12058</v>
      </c>
      <c r="K20" s="27">
        <v>1519.9070079999999</v>
      </c>
      <c r="L20" s="27">
        <v>105.258421</v>
      </c>
    </row>
    <row r="21" spans="2:12" x14ac:dyDescent="0.45">
      <c r="B21" s="27">
        <v>1521.835824</v>
      </c>
      <c r="C21" s="27">
        <v>130.78786300000002</v>
      </c>
      <c r="E21" s="27">
        <v>1521.835824</v>
      </c>
      <c r="F21" s="27">
        <v>120.20426999999999</v>
      </c>
      <c r="H21" s="27">
        <v>1521.835824</v>
      </c>
      <c r="I21" s="27">
        <v>114.01160400000001</v>
      </c>
      <c r="K21" s="27">
        <v>1521.835824</v>
      </c>
      <c r="L21" s="27">
        <v>105.264567</v>
      </c>
    </row>
    <row r="22" spans="2:12" x14ac:dyDescent="0.45">
      <c r="B22" s="27">
        <v>1523.7646400000001</v>
      </c>
      <c r="C22" s="27">
        <v>130.97924</v>
      </c>
      <c r="E22" s="27">
        <v>1523.7646400000001</v>
      </c>
      <c r="F22" s="27">
        <v>120.28403400000001</v>
      </c>
      <c r="H22" s="27">
        <v>1523.7646400000001</v>
      </c>
      <c r="I22" s="27">
        <v>114.036484</v>
      </c>
      <c r="K22" s="27">
        <v>1523.7646400000001</v>
      </c>
      <c r="L22" s="27">
        <v>105.263302</v>
      </c>
    </row>
    <row r="23" spans="2:12" x14ac:dyDescent="0.45">
      <c r="B23" s="27">
        <v>1525.693456</v>
      </c>
      <c r="C23" s="27">
        <v>130.873211</v>
      </c>
      <c r="E23" s="27">
        <v>1525.693456</v>
      </c>
      <c r="F23" s="27">
        <v>120.267172</v>
      </c>
      <c r="H23" s="27">
        <v>1525.693456</v>
      </c>
      <c r="I23" s="27">
        <v>113.955536</v>
      </c>
      <c r="K23" s="27">
        <v>1525.693456</v>
      </c>
      <c r="L23" s="27">
        <v>105.132535</v>
      </c>
    </row>
    <row r="24" spans="2:12" x14ac:dyDescent="0.45">
      <c r="B24" s="27">
        <v>1527.6222720000001</v>
      </c>
      <c r="C24" s="27">
        <v>130.86097799999999</v>
      </c>
      <c r="E24" s="27">
        <v>1527.6222720000001</v>
      </c>
      <c r="F24" s="27">
        <v>120.214327</v>
      </c>
      <c r="H24" s="27">
        <v>1527.6222720000001</v>
      </c>
      <c r="I24" s="27">
        <v>113.92787199999999</v>
      </c>
      <c r="K24" s="27">
        <v>1527.6222720000001</v>
      </c>
      <c r="L24" s="27">
        <v>105.003743</v>
      </c>
    </row>
    <row r="25" spans="2:12" x14ac:dyDescent="0.45">
      <c r="B25" s="27">
        <v>1529.5510879999999</v>
      </c>
      <c r="C25" s="27">
        <v>130.886934</v>
      </c>
      <c r="E25" s="27">
        <v>1529.5510879999999</v>
      </c>
      <c r="F25" s="27">
        <v>120.195652</v>
      </c>
      <c r="H25" s="27">
        <v>1529.5510879999999</v>
      </c>
      <c r="I25" s="27">
        <v>113.896711</v>
      </c>
      <c r="K25" s="27">
        <v>1529.5510879999999</v>
      </c>
      <c r="L25" s="27">
        <v>104.89499000000001</v>
      </c>
    </row>
    <row r="26" spans="2:12" x14ac:dyDescent="0.45">
      <c r="B26" s="27">
        <v>1531.479904</v>
      </c>
      <c r="C26" s="27">
        <v>130.761763</v>
      </c>
      <c r="E26" s="27">
        <v>1531.479904</v>
      </c>
      <c r="F26" s="27">
        <v>120.124351</v>
      </c>
      <c r="H26" s="27">
        <v>1531.479904</v>
      </c>
      <c r="I26" s="27">
        <v>113.828052</v>
      </c>
      <c r="K26" s="27">
        <v>1531.479904</v>
      </c>
      <c r="L26" s="27">
        <v>104.736149</v>
      </c>
    </row>
    <row r="27" spans="2:12" x14ac:dyDescent="0.45">
      <c r="B27" s="27">
        <v>1533.4087199999999</v>
      </c>
      <c r="C27" s="27">
        <v>130.70202999999998</v>
      </c>
      <c r="E27" s="27">
        <v>1533.4087199999999</v>
      </c>
      <c r="F27" s="27">
        <v>120.03667799999999</v>
      </c>
      <c r="H27" s="27">
        <v>1533.4087199999999</v>
      </c>
      <c r="I27" s="27">
        <v>113.709712</v>
      </c>
      <c r="K27" s="27">
        <v>1533.4087199999999</v>
      </c>
      <c r="L27" s="27">
        <v>104.664671</v>
      </c>
    </row>
    <row r="28" spans="2:12" x14ac:dyDescent="0.45">
      <c r="B28" s="27">
        <v>1535.337536</v>
      </c>
      <c r="C28" s="27">
        <v>130.84364499999998</v>
      </c>
      <c r="E28" s="27">
        <v>1535.337536</v>
      </c>
      <c r="F28" s="27">
        <v>120.03456300000001</v>
      </c>
      <c r="H28" s="27">
        <v>1535.337536</v>
      </c>
      <c r="I28" s="27">
        <v>113.642714</v>
      </c>
      <c r="K28" s="27">
        <v>1535.337536</v>
      </c>
      <c r="L28" s="27">
        <v>104.59214799999999</v>
      </c>
    </row>
    <row r="29" spans="2:12" x14ac:dyDescent="0.45">
      <c r="B29" s="27">
        <v>1537.2663520000001</v>
      </c>
      <c r="C29" s="27">
        <v>130.70576499999999</v>
      </c>
      <c r="E29" s="27">
        <v>1537.2663520000001</v>
      </c>
      <c r="F29" s="27">
        <v>119.952866</v>
      </c>
      <c r="H29" s="27">
        <v>1537.2663520000001</v>
      </c>
      <c r="I29" s="27">
        <v>113.554761</v>
      </c>
      <c r="K29" s="27">
        <v>1537.2663520000001</v>
      </c>
      <c r="L29" s="27">
        <v>104.32273499999999</v>
      </c>
    </row>
    <row r="30" spans="2:12" x14ac:dyDescent="0.45">
      <c r="B30" s="27">
        <v>1539.195168</v>
      </c>
      <c r="C30" s="27">
        <v>130.56638700000002</v>
      </c>
      <c r="E30" s="27">
        <v>1539.195168</v>
      </c>
      <c r="F30" s="27">
        <v>119.805172</v>
      </c>
      <c r="H30" s="27">
        <v>1539.195168</v>
      </c>
      <c r="I30" s="27">
        <v>113.399784</v>
      </c>
      <c r="K30" s="27">
        <v>1539.195168</v>
      </c>
      <c r="L30" s="27">
        <v>104.119646</v>
      </c>
    </row>
    <row r="31" spans="2:12" x14ac:dyDescent="0.45">
      <c r="B31" s="27">
        <v>1541.1239840000001</v>
      </c>
      <c r="C31" s="27">
        <v>130.754932</v>
      </c>
      <c r="E31" s="27">
        <v>1541.1239840000001</v>
      </c>
      <c r="F31" s="27">
        <v>119.84347099999999</v>
      </c>
      <c r="H31" s="27">
        <v>1541.1239840000001</v>
      </c>
      <c r="I31" s="27">
        <v>113.314645</v>
      </c>
      <c r="K31" s="27">
        <v>1541.1239840000001</v>
      </c>
      <c r="L31" s="27">
        <v>104.140379</v>
      </c>
    </row>
    <row r="32" spans="2:12" x14ac:dyDescent="0.45">
      <c r="B32" s="27">
        <v>1543.0527999999999</v>
      </c>
      <c r="C32" s="27">
        <v>130.68088499999999</v>
      </c>
      <c r="E32" s="27">
        <v>1543.0527999999999</v>
      </c>
      <c r="F32" s="27">
        <v>119.88425100000001</v>
      </c>
      <c r="H32" s="27">
        <v>1543.0527999999999</v>
      </c>
      <c r="I32" s="27">
        <v>113.243362</v>
      </c>
      <c r="K32" s="27">
        <v>1543.0527999999999</v>
      </c>
      <c r="L32" s="27">
        <v>103.98918399999999</v>
      </c>
    </row>
    <row r="33" spans="2:12" x14ac:dyDescent="0.45">
      <c r="B33" s="27">
        <v>1544.981616</v>
      </c>
      <c r="C33" s="27">
        <v>130.68321400000002</v>
      </c>
      <c r="E33" s="27">
        <v>1544.981616</v>
      </c>
      <c r="F33" s="27">
        <v>119.861625</v>
      </c>
      <c r="H33" s="27">
        <v>1544.981616</v>
      </c>
      <c r="I33" s="27">
        <v>113.15793499999999</v>
      </c>
      <c r="K33" s="27">
        <v>1544.981616</v>
      </c>
      <c r="L33" s="27">
        <v>103.87864999999999</v>
      </c>
    </row>
    <row r="34" spans="2:12" x14ac:dyDescent="0.45">
      <c r="B34" s="27">
        <v>1546.9104319999999</v>
      </c>
      <c r="C34" s="27">
        <v>130.736863</v>
      </c>
      <c r="E34" s="27">
        <v>1546.9104319999999</v>
      </c>
      <c r="F34" s="27">
        <v>119.878901</v>
      </c>
      <c r="H34" s="27">
        <v>1546.9104319999999</v>
      </c>
      <c r="I34" s="27">
        <v>113.129902</v>
      </c>
      <c r="K34" s="27">
        <v>1546.9104319999999</v>
      </c>
      <c r="L34" s="27">
        <v>103.720637</v>
      </c>
    </row>
    <row r="35" spans="2:12" x14ac:dyDescent="0.45">
      <c r="B35" s="27">
        <v>1548.839248</v>
      </c>
      <c r="C35" s="27">
        <v>130.64839799999999</v>
      </c>
      <c r="E35" s="27">
        <v>1548.839248</v>
      </c>
      <c r="F35" s="27">
        <v>119.84978</v>
      </c>
      <c r="H35" s="27">
        <v>1548.839248</v>
      </c>
      <c r="I35" s="27">
        <v>113.080038</v>
      </c>
      <c r="K35" s="27">
        <v>1548.839248</v>
      </c>
      <c r="L35" s="27">
        <v>103.563562</v>
      </c>
    </row>
    <row r="36" spans="2:12" x14ac:dyDescent="0.45">
      <c r="B36" s="27">
        <v>1550.7680640000001</v>
      </c>
      <c r="C36" s="27">
        <v>130.66985099999999</v>
      </c>
      <c r="E36" s="27">
        <v>1550.7680640000001</v>
      </c>
      <c r="F36" s="27">
        <v>119.776061</v>
      </c>
      <c r="H36" s="27">
        <v>1550.7680640000001</v>
      </c>
      <c r="I36" s="27">
        <v>113.038067</v>
      </c>
      <c r="K36" s="27">
        <v>1550.7680640000001</v>
      </c>
      <c r="L36" s="27">
        <v>103.485927</v>
      </c>
    </row>
    <row r="37" spans="2:12" x14ac:dyDescent="0.45">
      <c r="B37" s="27">
        <v>1552.69688</v>
      </c>
      <c r="C37" s="27">
        <v>130.64904899999999</v>
      </c>
      <c r="E37" s="27">
        <v>1552.69688</v>
      </c>
      <c r="F37" s="27">
        <v>119.70622</v>
      </c>
      <c r="H37" s="27">
        <v>1552.69688</v>
      </c>
      <c r="I37" s="27">
        <v>112.955091</v>
      </c>
      <c r="K37" s="27">
        <v>1552.69688</v>
      </c>
      <c r="L37" s="27">
        <v>103.33452699999999</v>
      </c>
    </row>
    <row r="38" spans="2:12" x14ac:dyDescent="0.45">
      <c r="B38" s="27">
        <v>1554.6256960000001</v>
      </c>
      <c r="C38" s="27">
        <v>130.62263100000001</v>
      </c>
      <c r="E38" s="27">
        <v>1554.6256960000001</v>
      </c>
      <c r="F38" s="27">
        <v>119.642687</v>
      </c>
      <c r="H38" s="27">
        <v>1554.6256960000001</v>
      </c>
      <c r="I38" s="27">
        <v>112.865503</v>
      </c>
      <c r="K38" s="27">
        <v>1554.6256960000001</v>
      </c>
      <c r="L38" s="27">
        <v>103.204199</v>
      </c>
    </row>
    <row r="39" spans="2:12" x14ac:dyDescent="0.45">
      <c r="B39" s="27">
        <v>1556.5545119999999</v>
      </c>
      <c r="C39" s="27">
        <v>130.569017</v>
      </c>
      <c r="E39" s="27">
        <v>1556.5545119999999</v>
      </c>
      <c r="F39" s="27">
        <v>119.647189</v>
      </c>
      <c r="H39" s="27">
        <v>1556.5545119999999</v>
      </c>
      <c r="I39" s="27">
        <v>112.80900800000001</v>
      </c>
      <c r="K39" s="27">
        <v>1556.5545119999999</v>
      </c>
      <c r="L39" s="27">
        <v>103.008253</v>
      </c>
    </row>
    <row r="40" spans="2:12" x14ac:dyDescent="0.45">
      <c r="B40" s="27">
        <v>1558.483328</v>
      </c>
      <c r="C40" s="27">
        <v>130.44826999999998</v>
      </c>
      <c r="E40" s="27">
        <v>1558.483328</v>
      </c>
      <c r="F40" s="27">
        <v>119.63782</v>
      </c>
      <c r="H40" s="27">
        <v>1558.483328</v>
      </c>
      <c r="I40" s="27">
        <v>112.55903600000001</v>
      </c>
      <c r="K40" s="27">
        <v>1558.483328</v>
      </c>
      <c r="L40" s="27">
        <v>102.852718</v>
      </c>
    </row>
    <row r="41" spans="2:12" x14ac:dyDescent="0.45">
      <c r="B41" s="27">
        <v>1560.4121439999999</v>
      </c>
      <c r="C41" s="27">
        <v>130.77769499999999</v>
      </c>
      <c r="E41" s="27">
        <v>1560.4121439999999</v>
      </c>
      <c r="F41" s="27">
        <v>119.776101</v>
      </c>
      <c r="H41" s="27">
        <v>1560.4121439999999</v>
      </c>
      <c r="I41" s="27">
        <v>112.64058799999999</v>
      </c>
      <c r="K41" s="27">
        <v>1560.4121439999999</v>
      </c>
      <c r="L41" s="27">
        <v>103.214175</v>
      </c>
    </row>
    <row r="42" spans="2:12" x14ac:dyDescent="0.45">
      <c r="B42" s="27">
        <v>1562.34096</v>
      </c>
      <c r="C42" s="27">
        <v>130.60908599999999</v>
      </c>
      <c r="E42" s="27">
        <v>1562.34096</v>
      </c>
      <c r="F42" s="27">
        <v>119.73201</v>
      </c>
      <c r="H42" s="27">
        <v>1562.34096</v>
      </c>
      <c r="I42" s="27">
        <v>112.730898</v>
      </c>
      <c r="K42" s="27">
        <v>1562.34096</v>
      </c>
      <c r="L42" s="27">
        <v>103.02518999999999</v>
      </c>
    </row>
    <row r="43" spans="2:12" x14ac:dyDescent="0.45">
      <c r="B43" s="27">
        <v>1564.2697760000001</v>
      </c>
      <c r="C43" s="27">
        <v>130.496015</v>
      </c>
      <c r="E43" s="27">
        <v>1564.2697760000001</v>
      </c>
      <c r="F43" s="27">
        <v>119.68450799999999</v>
      </c>
      <c r="H43" s="27">
        <v>1564.2697760000001</v>
      </c>
      <c r="I43" s="27">
        <v>112.70670200000001</v>
      </c>
      <c r="K43" s="27">
        <v>1564.2697760000001</v>
      </c>
      <c r="L43" s="27">
        <v>102.870695</v>
      </c>
    </row>
    <row r="44" spans="2:12" x14ac:dyDescent="0.45">
      <c r="B44" s="27">
        <v>1566.198592</v>
      </c>
      <c r="C44" s="27">
        <v>130.56535700000001</v>
      </c>
      <c r="E44" s="27">
        <v>1566.198592</v>
      </c>
      <c r="F44" s="27">
        <v>119.664815</v>
      </c>
      <c r="H44" s="27">
        <v>1566.198592</v>
      </c>
      <c r="I44" s="27">
        <v>112.705179</v>
      </c>
      <c r="K44" s="27">
        <v>1566.198592</v>
      </c>
      <c r="L44" s="27">
        <v>102.876886</v>
      </c>
    </row>
    <row r="45" spans="2:12" x14ac:dyDescent="0.45">
      <c r="B45" s="27">
        <v>1568.1274080000001</v>
      </c>
      <c r="C45" s="27">
        <v>130.512641</v>
      </c>
      <c r="E45" s="27">
        <v>1568.1274080000001</v>
      </c>
      <c r="F45" s="27">
        <v>119.63489199999999</v>
      </c>
      <c r="H45" s="27">
        <v>1568.1274080000001</v>
      </c>
      <c r="I45" s="27">
        <v>112.67993300000001</v>
      </c>
      <c r="K45" s="27">
        <v>1568.1274080000001</v>
      </c>
      <c r="L45" s="27">
        <v>102.806282</v>
      </c>
    </row>
    <row r="46" spans="2:12" x14ac:dyDescent="0.45">
      <c r="B46" s="27">
        <v>1570.0562239999999</v>
      </c>
      <c r="C46" s="27">
        <v>130.53451000000001</v>
      </c>
      <c r="E46" s="27">
        <v>1570.0562239999999</v>
      </c>
      <c r="F46" s="27">
        <v>119.62415799999999</v>
      </c>
      <c r="H46" s="27">
        <v>1570.0562239999999</v>
      </c>
      <c r="I46" s="27">
        <v>112.705969</v>
      </c>
      <c r="K46" s="27">
        <v>1570.0562239999999</v>
      </c>
      <c r="L46" s="27">
        <v>102.8623</v>
      </c>
    </row>
    <row r="47" spans="2:12" x14ac:dyDescent="0.45">
      <c r="B47" s="27">
        <v>1571.98504</v>
      </c>
      <c r="C47" s="27">
        <v>130.57489099999998</v>
      </c>
      <c r="E47" s="27">
        <v>1571.98504</v>
      </c>
      <c r="F47" s="27">
        <v>119.676635</v>
      </c>
      <c r="H47" s="27">
        <v>1571.98504</v>
      </c>
      <c r="I47" s="27">
        <v>112.760445</v>
      </c>
      <c r="K47" s="27">
        <v>1571.98504</v>
      </c>
      <c r="L47" s="27">
        <v>102.913348</v>
      </c>
    </row>
    <row r="48" spans="2:12" x14ac:dyDescent="0.45">
      <c r="B48" s="27">
        <v>1573.9138559999999</v>
      </c>
      <c r="C48" s="27">
        <v>130.38172400000002</v>
      </c>
      <c r="E48" s="27">
        <v>1573.9138559999999</v>
      </c>
      <c r="F48" s="27">
        <v>119.671673</v>
      </c>
      <c r="H48" s="27">
        <v>1573.9138559999999</v>
      </c>
      <c r="I48" s="27">
        <v>112.749281</v>
      </c>
      <c r="K48" s="27">
        <v>1573.9138559999999</v>
      </c>
      <c r="L48" s="27">
        <v>102.849745</v>
      </c>
    </row>
    <row r="49" spans="2:12" x14ac:dyDescent="0.45">
      <c r="B49" s="27">
        <v>1575.842672</v>
      </c>
      <c r="C49" s="27">
        <v>130.30630200000002</v>
      </c>
      <c r="E49" s="27">
        <v>1575.842672</v>
      </c>
      <c r="F49" s="27">
        <v>119.66795399999999</v>
      </c>
      <c r="H49" s="27">
        <v>1575.842672</v>
      </c>
      <c r="I49" s="27">
        <v>112.719249</v>
      </c>
      <c r="K49" s="27">
        <v>1575.842672</v>
      </c>
      <c r="L49" s="27">
        <v>102.97022200000001</v>
      </c>
    </row>
    <row r="50" spans="2:12" x14ac:dyDescent="0.45">
      <c r="B50" s="27">
        <v>1577.7714880000001</v>
      </c>
      <c r="C50" s="27">
        <v>130.50094200000001</v>
      </c>
      <c r="E50" s="27">
        <v>1577.7714880000001</v>
      </c>
      <c r="F50" s="27">
        <v>119.688388</v>
      </c>
      <c r="H50" s="27">
        <v>1577.7714880000001</v>
      </c>
      <c r="I50" s="27">
        <v>112.787262</v>
      </c>
      <c r="K50" s="27">
        <v>1577.7714880000001</v>
      </c>
      <c r="L50" s="27">
        <v>103.279099</v>
      </c>
    </row>
    <row r="51" spans="2:12" x14ac:dyDescent="0.45">
      <c r="B51" s="27">
        <v>1579.700304</v>
      </c>
      <c r="C51" s="27">
        <v>130.42492900000002</v>
      </c>
      <c r="E51" s="27">
        <v>1579.700304</v>
      </c>
      <c r="F51" s="27">
        <v>119.657881</v>
      </c>
      <c r="H51" s="27">
        <v>1579.700304</v>
      </c>
      <c r="I51" s="27">
        <v>112.841947</v>
      </c>
      <c r="K51" s="27">
        <v>1579.700304</v>
      </c>
      <c r="L51" s="27">
        <v>103.25028399999999</v>
      </c>
    </row>
    <row r="52" spans="2:12" x14ac:dyDescent="0.45">
      <c r="B52" s="27">
        <v>1581.6291200000001</v>
      </c>
      <c r="C52" s="27">
        <v>130.38325900000001</v>
      </c>
      <c r="E52" s="27">
        <v>1581.6291200000001</v>
      </c>
      <c r="F52" s="27">
        <v>119.64354899999999</v>
      </c>
      <c r="H52" s="27">
        <v>1581.6291200000001</v>
      </c>
      <c r="I52" s="27">
        <v>112.87585300000001</v>
      </c>
      <c r="K52" s="27">
        <v>1581.6291200000001</v>
      </c>
      <c r="L52" s="27">
        <v>103.309881</v>
      </c>
    </row>
    <row r="53" spans="2:12" x14ac:dyDescent="0.45">
      <c r="B53" s="27">
        <v>1583.5579359999999</v>
      </c>
      <c r="C53" s="27">
        <v>130.393303</v>
      </c>
      <c r="E53" s="27">
        <v>1583.5579359999999</v>
      </c>
      <c r="F53" s="27">
        <v>119.633489</v>
      </c>
      <c r="H53" s="27">
        <v>1583.5579359999999</v>
      </c>
      <c r="I53" s="27">
        <v>112.9395</v>
      </c>
      <c r="K53" s="27">
        <v>1583.5579359999999</v>
      </c>
      <c r="L53" s="27">
        <v>103.422291</v>
      </c>
    </row>
    <row r="54" spans="2:12" x14ac:dyDescent="0.45">
      <c r="B54" s="27">
        <v>1585.486752</v>
      </c>
      <c r="C54" s="27">
        <v>130.368088</v>
      </c>
      <c r="E54" s="27">
        <v>1585.486752</v>
      </c>
      <c r="F54" s="27">
        <v>119.615449</v>
      </c>
      <c r="H54" s="27">
        <v>1585.486752</v>
      </c>
      <c r="I54" s="27">
        <v>112.967029</v>
      </c>
      <c r="K54" s="27">
        <v>1585.486752</v>
      </c>
      <c r="L54" s="27">
        <v>103.518846</v>
      </c>
    </row>
    <row r="55" spans="2:12" x14ac:dyDescent="0.45">
      <c r="B55" s="27">
        <v>1587.4155679999999</v>
      </c>
      <c r="C55" s="27">
        <v>130.36832200000001</v>
      </c>
      <c r="E55" s="27">
        <v>1587.4155679999999</v>
      </c>
      <c r="F55" s="27">
        <v>119.604872</v>
      </c>
      <c r="H55" s="27">
        <v>1587.4155679999999</v>
      </c>
      <c r="I55" s="27">
        <v>112.97635699999999</v>
      </c>
      <c r="K55" s="27">
        <v>1587.4155679999999</v>
      </c>
      <c r="L55" s="27">
        <v>103.58194899999999</v>
      </c>
    </row>
    <row r="56" spans="2:12" x14ac:dyDescent="0.45">
      <c r="B56" s="27">
        <v>1589.344384</v>
      </c>
      <c r="C56" s="27">
        <v>130.317993</v>
      </c>
      <c r="E56" s="27">
        <v>1589.344384</v>
      </c>
      <c r="F56" s="27">
        <v>119.559411</v>
      </c>
      <c r="H56" s="27">
        <v>1589.344384</v>
      </c>
      <c r="I56" s="27">
        <v>112.991198</v>
      </c>
      <c r="K56" s="27">
        <v>1589.344384</v>
      </c>
      <c r="L56" s="27">
        <v>103.70774900000001</v>
      </c>
    </row>
    <row r="57" spans="2:12" x14ac:dyDescent="0.45">
      <c r="B57" s="27">
        <v>1591.2732000000001</v>
      </c>
      <c r="C57" s="27">
        <v>130.276791</v>
      </c>
      <c r="E57" s="27">
        <v>1591.2732000000001</v>
      </c>
      <c r="F57" s="27">
        <v>119.497944</v>
      </c>
      <c r="H57" s="27">
        <v>1591.2732000000001</v>
      </c>
      <c r="I57" s="27">
        <v>113.008534</v>
      </c>
      <c r="K57" s="27">
        <v>1591.2732000000001</v>
      </c>
      <c r="L57" s="27">
        <v>103.849413</v>
      </c>
    </row>
    <row r="58" spans="2:12" x14ac:dyDescent="0.45">
      <c r="B58" s="27">
        <v>1593.202016</v>
      </c>
      <c r="C58" s="27">
        <v>130.25909999999999</v>
      </c>
      <c r="E58" s="27">
        <v>1593.202016</v>
      </c>
      <c r="F58" s="27">
        <v>119.455505</v>
      </c>
      <c r="H58" s="27">
        <v>1593.202016</v>
      </c>
      <c r="I58" s="27">
        <v>113.04721499999999</v>
      </c>
      <c r="K58" s="27">
        <v>1593.202016</v>
      </c>
      <c r="L58" s="27">
        <v>103.956688</v>
      </c>
    </row>
    <row r="59" spans="2:12" x14ac:dyDescent="0.45">
      <c r="B59" s="27">
        <v>1595.1308320000001</v>
      </c>
      <c r="C59" s="27">
        <v>130.251655</v>
      </c>
      <c r="E59" s="27">
        <v>1595.1308320000001</v>
      </c>
      <c r="F59" s="27">
        <v>119.440048</v>
      </c>
      <c r="H59" s="27">
        <v>1595.1308320000001</v>
      </c>
      <c r="I59" s="27">
        <v>113.055328</v>
      </c>
      <c r="K59" s="27">
        <v>1595.1308320000001</v>
      </c>
      <c r="L59" s="27">
        <v>104.02538300000001</v>
      </c>
    </row>
    <row r="60" spans="2:12" x14ac:dyDescent="0.45">
      <c r="B60" s="27">
        <v>1597.0596479999999</v>
      </c>
      <c r="C60" s="27">
        <v>130.207618</v>
      </c>
      <c r="E60" s="27">
        <v>1597.0596479999999</v>
      </c>
      <c r="F60" s="27">
        <v>119.437926</v>
      </c>
      <c r="H60" s="27">
        <v>1597.0596479999999</v>
      </c>
      <c r="I60" s="27">
        <v>113.04045000000001</v>
      </c>
      <c r="K60" s="27">
        <v>1597.0596479999999</v>
      </c>
      <c r="L60" s="27">
        <v>104.171769</v>
      </c>
    </row>
    <row r="61" spans="2:12" x14ac:dyDescent="0.45">
      <c r="B61" s="27">
        <v>1598.988464</v>
      </c>
      <c r="C61" s="27">
        <v>130.15571</v>
      </c>
      <c r="E61" s="27">
        <v>1598.988464</v>
      </c>
      <c r="F61" s="27">
        <v>119.438598</v>
      </c>
      <c r="H61" s="27">
        <v>1598.988464</v>
      </c>
      <c r="I61" s="27">
        <v>113.04015</v>
      </c>
      <c r="K61" s="27">
        <v>1598.988464</v>
      </c>
      <c r="L61" s="27">
        <v>104.285715</v>
      </c>
    </row>
    <row r="62" spans="2:12" x14ac:dyDescent="0.45">
      <c r="B62" s="27">
        <v>1600.9172799999999</v>
      </c>
      <c r="C62" s="27">
        <v>130.09242999999998</v>
      </c>
      <c r="E62" s="27">
        <v>1600.9172799999999</v>
      </c>
      <c r="F62" s="27">
        <v>119.425895</v>
      </c>
      <c r="H62" s="27">
        <v>1600.9172799999999</v>
      </c>
      <c r="I62" s="27">
        <v>113.05207900000001</v>
      </c>
      <c r="K62" s="27">
        <v>1600.9172799999999</v>
      </c>
      <c r="L62" s="27">
        <v>104.348271</v>
      </c>
    </row>
    <row r="63" spans="2:12" x14ac:dyDescent="0.45">
      <c r="B63" s="27">
        <v>1602.846096</v>
      </c>
      <c r="C63" s="27">
        <v>130.04209600000002</v>
      </c>
      <c r="E63" s="27">
        <v>1602.846096</v>
      </c>
      <c r="F63" s="27">
        <v>119.408513</v>
      </c>
      <c r="H63" s="27">
        <v>1602.846096</v>
      </c>
      <c r="I63" s="27">
        <v>113.046933</v>
      </c>
      <c r="K63" s="27">
        <v>1602.846096</v>
      </c>
      <c r="L63" s="27">
        <v>104.442235</v>
      </c>
    </row>
    <row r="64" spans="2:12" x14ac:dyDescent="0.45">
      <c r="B64" s="27">
        <v>1604.7749120000001</v>
      </c>
      <c r="C64" s="27">
        <v>130.01243199999999</v>
      </c>
      <c r="E64" s="27">
        <v>1604.7749120000001</v>
      </c>
      <c r="F64" s="27">
        <v>119.412235</v>
      </c>
      <c r="H64" s="27">
        <v>1604.7749120000001</v>
      </c>
      <c r="I64" s="27">
        <v>113.07668700000001</v>
      </c>
      <c r="K64" s="27">
        <v>1604.7749120000001</v>
      </c>
      <c r="L64" s="27">
        <v>104.530355</v>
      </c>
    </row>
    <row r="65" spans="2:12" x14ac:dyDescent="0.45">
      <c r="B65" s="27">
        <v>1606.703728</v>
      </c>
      <c r="C65" s="27">
        <v>129.948161</v>
      </c>
      <c r="E65" s="27">
        <v>1606.703728</v>
      </c>
      <c r="F65" s="27">
        <v>119.410894</v>
      </c>
      <c r="H65" s="27">
        <v>1606.703728</v>
      </c>
      <c r="I65" s="27">
        <v>113.094039</v>
      </c>
      <c r="K65" s="27">
        <v>1606.703728</v>
      </c>
      <c r="L65" s="27">
        <v>104.525874</v>
      </c>
    </row>
    <row r="66" spans="2:12" x14ac:dyDescent="0.45">
      <c r="B66" s="27">
        <v>1608.6325440000001</v>
      </c>
      <c r="C66" s="27">
        <v>129.87209799999999</v>
      </c>
      <c r="E66" s="27">
        <v>1608.6325440000001</v>
      </c>
      <c r="F66" s="27">
        <v>119.404805</v>
      </c>
      <c r="H66" s="27">
        <v>1608.6325440000001</v>
      </c>
      <c r="I66" s="27">
        <v>113.09875599999999</v>
      </c>
      <c r="K66" s="27">
        <v>1608.6325440000001</v>
      </c>
      <c r="L66" s="27">
        <v>104.60014200000001</v>
      </c>
    </row>
    <row r="67" spans="2:12" x14ac:dyDescent="0.45">
      <c r="B67" s="27">
        <v>1610.5613599999999</v>
      </c>
      <c r="C67" s="27">
        <v>129.81565499999999</v>
      </c>
      <c r="E67" s="27">
        <v>1610.5613599999999</v>
      </c>
      <c r="F67" s="27">
        <v>119.389008</v>
      </c>
      <c r="H67" s="27">
        <v>1610.5613599999999</v>
      </c>
      <c r="I67" s="27">
        <v>113.130557</v>
      </c>
      <c r="K67" s="27">
        <v>1610.5613599999999</v>
      </c>
      <c r="L67" s="27">
        <v>104.668727</v>
      </c>
    </row>
    <row r="68" spans="2:12" x14ac:dyDescent="0.45">
      <c r="B68" s="27">
        <v>1612.490176</v>
      </c>
      <c r="C68" s="27">
        <v>129.79627299999999</v>
      </c>
      <c r="E68" s="27">
        <v>1612.490176</v>
      </c>
      <c r="F68" s="27">
        <v>119.38586100000001</v>
      </c>
      <c r="H68" s="27">
        <v>1612.490176</v>
      </c>
      <c r="I68" s="27">
        <v>113.132291</v>
      </c>
      <c r="K68" s="27">
        <v>1612.490176</v>
      </c>
      <c r="L68" s="27">
        <v>104.676613</v>
      </c>
    </row>
    <row r="69" spans="2:12" x14ac:dyDescent="0.45">
      <c r="B69" s="27">
        <v>1614.4189919999999</v>
      </c>
      <c r="C69" s="27">
        <v>129.69110999999998</v>
      </c>
      <c r="E69" s="27">
        <v>1614.4189919999999</v>
      </c>
      <c r="F69" s="27">
        <v>119.363175</v>
      </c>
      <c r="H69" s="27">
        <v>1614.4189919999999</v>
      </c>
      <c r="I69" s="27">
        <v>113.09199599999999</v>
      </c>
      <c r="K69" s="27">
        <v>1614.4189919999999</v>
      </c>
      <c r="L69" s="27">
        <v>104.60643899999999</v>
      </c>
    </row>
    <row r="70" spans="2:12" x14ac:dyDescent="0.45">
      <c r="B70" s="27">
        <v>1616.347808</v>
      </c>
      <c r="C70" s="27">
        <v>129.562039</v>
      </c>
      <c r="E70" s="27">
        <v>1616.347808</v>
      </c>
      <c r="F70" s="27">
        <v>119.30919799999999</v>
      </c>
      <c r="H70" s="27">
        <v>1616.347808</v>
      </c>
      <c r="I70" s="27">
        <v>112.994406</v>
      </c>
      <c r="K70" s="27">
        <v>1616.347808</v>
      </c>
      <c r="L70" s="27">
        <v>104.66091900000001</v>
      </c>
    </row>
    <row r="71" spans="2:12" x14ac:dyDescent="0.45">
      <c r="B71" s="27">
        <v>1618.2766240000001</v>
      </c>
      <c r="C71" s="27">
        <v>129.62418600000001</v>
      </c>
      <c r="E71" s="27">
        <v>1618.2766240000001</v>
      </c>
      <c r="F71" s="27">
        <v>119.285363</v>
      </c>
      <c r="H71" s="27">
        <v>1618.2766240000001</v>
      </c>
      <c r="I71" s="27">
        <v>112.984037</v>
      </c>
      <c r="K71" s="27">
        <v>1618.2766240000001</v>
      </c>
      <c r="L71" s="27">
        <v>104.77970999999999</v>
      </c>
    </row>
    <row r="72" spans="2:12" x14ac:dyDescent="0.45">
      <c r="B72" s="27">
        <v>1620.20544</v>
      </c>
      <c r="C72" s="27">
        <v>129.56790899999999</v>
      </c>
      <c r="E72" s="27">
        <v>1620.20544</v>
      </c>
      <c r="F72" s="27">
        <v>119.253084</v>
      </c>
      <c r="H72" s="27">
        <v>1620.20544</v>
      </c>
      <c r="I72" s="27">
        <v>112.982904</v>
      </c>
      <c r="K72" s="27">
        <v>1620.20544</v>
      </c>
      <c r="L72" s="27">
        <v>104.669021</v>
      </c>
    </row>
    <row r="73" spans="2:12" x14ac:dyDescent="0.45">
      <c r="B73" s="27">
        <v>1622.1342560000001</v>
      </c>
      <c r="C73" s="27">
        <v>129.45664199999999</v>
      </c>
      <c r="E73" s="27">
        <v>1622.1342560000001</v>
      </c>
      <c r="F73" s="27">
        <v>119.21594899999999</v>
      </c>
      <c r="H73" s="27">
        <v>1622.1342560000001</v>
      </c>
      <c r="I73" s="27">
        <v>112.91745400000001</v>
      </c>
      <c r="K73" s="27">
        <v>1622.1342560000001</v>
      </c>
      <c r="L73" s="27">
        <v>104.569547</v>
      </c>
    </row>
    <row r="74" spans="2:12" x14ac:dyDescent="0.45">
      <c r="B74" s="27">
        <v>1624.0630719999999</v>
      </c>
      <c r="C74" s="27">
        <v>129.47286200000002</v>
      </c>
      <c r="E74" s="27">
        <v>1624.0630719999999</v>
      </c>
      <c r="F74" s="27">
        <v>119.19677900000001</v>
      </c>
      <c r="H74" s="27">
        <v>1624.0630719999999</v>
      </c>
      <c r="I74" s="27">
        <v>112.896051</v>
      </c>
      <c r="K74" s="27">
        <v>1624.0630719999999</v>
      </c>
      <c r="L74" s="27">
        <v>104.615263</v>
      </c>
    </row>
    <row r="75" spans="2:12" x14ac:dyDescent="0.45">
      <c r="B75" s="27">
        <v>1625.991888</v>
      </c>
      <c r="C75" s="27">
        <v>129.44452200000001</v>
      </c>
      <c r="E75" s="27">
        <v>1625.991888</v>
      </c>
      <c r="F75" s="27">
        <v>119.171823</v>
      </c>
      <c r="H75" s="27">
        <v>1625.991888</v>
      </c>
      <c r="I75" s="27">
        <v>112.889404</v>
      </c>
      <c r="K75" s="27">
        <v>1625.991888</v>
      </c>
      <c r="L75" s="27">
        <v>104.539231</v>
      </c>
    </row>
    <row r="76" spans="2:12" x14ac:dyDescent="0.45">
      <c r="B76" s="27">
        <v>1627.9207039999999</v>
      </c>
      <c r="C76" s="27">
        <v>129.38270199999999</v>
      </c>
      <c r="E76" s="27">
        <v>1627.9207039999999</v>
      </c>
      <c r="F76" s="27">
        <v>119.142475</v>
      </c>
      <c r="H76" s="27">
        <v>1627.9207039999999</v>
      </c>
      <c r="I76" s="27">
        <v>112.839923</v>
      </c>
      <c r="K76" s="27">
        <v>1627.9207039999999</v>
      </c>
      <c r="L76" s="27">
        <v>104.511763</v>
      </c>
    </row>
    <row r="77" spans="2:12" x14ac:dyDescent="0.45">
      <c r="B77" s="27">
        <v>1629.84952</v>
      </c>
      <c r="C77" s="27">
        <v>129.43398000000002</v>
      </c>
      <c r="E77" s="27">
        <v>1629.84952</v>
      </c>
      <c r="F77" s="27">
        <v>119.106443</v>
      </c>
      <c r="H77" s="27">
        <v>1629.84952</v>
      </c>
      <c r="I77" s="27">
        <v>112.821622</v>
      </c>
      <c r="K77" s="27">
        <v>1629.84952</v>
      </c>
      <c r="L77" s="27">
        <v>104.51849900000001</v>
      </c>
    </row>
    <row r="78" spans="2:12" x14ac:dyDescent="0.45">
      <c r="B78" s="27">
        <v>1631.7783360000001</v>
      </c>
      <c r="C78" s="27">
        <v>129.405216</v>
      </c>
      <c r="E78" s="27">
        <v>1631.7783360000001</v>
      </c>
      <c r="F78" s="27">
        <v>119.069349</v>
      </c>
      <c r="H78" s="27">
        <v>1631.7783360000001</v>
      </c>
      <c r="I78" s="27">
        <v>112.826646</v>
      </c>
      <c r="K78" s="27">
        <v>1631.7783360000001</v>
      </c>
      <c r="L78" s="27">
        <v>104.528542</v>
      </c>
    </row>
    <row r="79" spans="2:12" x14ac:dyDescent="0.45">
      <c r="B79" s="27">
        <v>1633.707152</v>
      </c>
      <c r="C79" s="27">
        <v>129.278019</v>
      </c>
      <c r="E79" s="27">
        <v>1633.707152</v>
      </c>
      <c r="F79" s="27">
        <v>119.013268</v>
      </c>
      <c r="H79" s="27">
        <v>1633.707152</v>
      </c>
      <c r="I79" s="27">
        <v>112.761343</v>
      </c>
      <c r="K79" s="27">
        <v>1633.707152</v>
      </c>
      <c r="L79" s="27">
        <v>104.478156</v>
      </c>
    </row>
    <row r="80" spans="2:12" x14ac:dyDescent="0.45">
      <c r="B80" s="27">
        <v>1635.635968</v>
      </c>
      <c r="C80" s="27">
        <v>129.25254999999999</v>
      </c>
      <c r="E80" s="27">
        <v>1635.635968</v>
      </c>
      <c r="F80" s="27">
        <v>118.9328</v>
      </c>
      <c r="H80" s="27">
        <v>1635.635968</v>
      </c>
      <c r="I80" s="27">
        <v>112.567949</v>
      </c>
      <c r="K80" s="27">
        <v>1635.635968</v>
      </c>
      <c r="L80" s="27">
        <v>104.41807300000001</v>
      </c>
    </row>
    <row r="81" spans="2:12" x14ac:dyDescent="0.45">
      <c r="B81" s="27">
        <v>1637.5647839999999</v>
      </c>
      <c r="C81" s="27">
        <v>129.45613500000002</v>
      </c>
      <c r="E81" s="27">
        <v>1637.5647839999999</v>
      </c>
      <c r="F81" s="27">
        <v>119.005538</v>
      </c>
      <c r="H81" s="27">
        <v>1637.5647839999999</v>
      </c>
      <c r="I81" s="27">
        <v>112.592985</v>
      </c>
      <c r="K81" s="27">
        <v>1637.5647839999999</v>
      </c>
      <c r="L81" s="27">
        <v>104.53766899999999</v>
      </c>
    </row>
    <row r="82" spans="2:12" x14ac:dyDescent="0.45">
      <c r="B82" s="27">
        <v>1639.4936</v>
      </c>
      <c r="C82" s="27">
        <v>129.41651999999999</v>
      </c>
      <c r="E82" s="27">
        <v>1639.4936</v>
      </c>
      <c r="F82" s="27">
        <v>119.04578600000001</v>
      </c>
      <c r="H82" s="27">
        <v>1639.4936</v>
      </c>
      <c r="I82" s="27">
        <v>112.65864999999999</v>
      </c>
      <c r="K82" s="27">
        <v>1639.4936</v>
      </c>
      <c r="L82" s="27">
        <v>104.543553</v>
      </c>
    </row>
    <row r="83" spans="2:12" x14ac:dyDescent="0.45">
      <c r="B83" s="27">
        <v>1641.4224160000001</v>
      </c>
      <c r="C83" s="27">
        <v>129.41628300000002</v>
      </c>
      <c r="E83" s="27">
        <v>1641.4224160000001</v>
      </c>
      <c r="F83" s="27">
        <v>119.01114800000001</v>
      </c>
      <c r="H83" s="27">
        <v>1641.4224160000001</v>
      </c>
      <c r="I83" s="27">
        <v>112.70751799999999</v>
      </c>
      <c r="K83" s="27">
        <v>1641.4224160000001</v>
      </c>
      <c r="L83" s="27">
        <v>104.528616</v>
      </c>
    </row>
    <row r="84" spans="2:12" x14ac:dyDescent="0.45">
      <c r="B84" s="27">
        <v>1643.351232</v>
      </c>
      <c r="C84" s="27">
        <v>129.39135299999998</v>
      </c>
      <c r="E84" s="27">
        <v>1643.351232</v>
      </c>
      <c r="F84" s="27">
        <v>118.958355</v>
      </c>
      <c r="H84" s="27">
        <v>1643.351232</v>
      </c>
      <c r="I84" s="27">
        <v>112.74009100000001</v>
      </c>
      <c r="K84" s="27">
        <v>1643.351232</v>
      </c>
      <c r="L84" s="27">
        <v>104.569068</v>
      </c>
    </row>
    <row r="85" spans="2:12" x14ac:dyDescent="0.45">
      <c r="B85" s="27">
        <v>1645.2800480000001</v>
      </c>
      <c r="C85" s="27">
        <v>129.262226</v>
      </c>
      <c r="E85" s="27">
        <v>1645.2800480000001</v>
      </c>
      <c r="F85" s="27">
        <v>118.91192100000001</v>
      </c>
      <c r="H85" s="27">
        <v>1645.2800480000001</v>
      </c>
      <c r="I85" s="27">
        <v>112.664041</v>
      </c>
      <c r="K85" s="27">
        <v>1645.2800480000001</v>
      </c>
      <c r="L85" s="27">
        <v>104.547833</v>
      </c>
    </row>
    <row r="86" spans="2:12" x14ac:dyDescent="0.45">
      <c r="B86" s="27">
        <v>1647.2088639999999</v>
      </c>
      <c r="C86" s="27">
        <v>129.330276</v>
      </c>
      <c r="E86" s="27">
        <v>1647.2088639999999</v>
      </c>
      <c r="F86" s="27">
        <v>118.88582</v>
      </c>
      <c r="H86" s="27">
        <v>1647.2088639999999</v>
      </c>
      <c r="I86" s="27">
        <v>112.621002</v>
      </c>
      <c r="K86" s="27">
        <v>1647.2088639999999</v>
      </c>
      <c r="L86" s="27">
        <v>104.64095399999999</v>
      </c>
    </row>
    <row r="87" spans="2:12" x14ac:dyDescent="0.45">
      <c r="B87" s="27">
        <v>1649.13768</v>
      </c>
      <c r="C87" s="27">
        <v>129.4486</v>
      </c>
      <c r="E87" s="27">
        <v>1649.13768</v>
      </c>
      <c r="F87" s="27">
        <v>118.951154</v>
      </c>
      <c r="H87" s="27">
        <v>1649.13768</v>
      </c>
      <c r="I87" s="27">
        <v>112.79458200000001</v>
      </c>
      <c r="K87" s="27">
        <v>1649.13768</v>
      </c>
      <c r="L87" s="27">
        <v>104.78900899999999</v>
      </c>
    </row>
    <row r="88" spans="2:12" x14ac:dyDescent="0.45">
      <c r="B88" s="27">
        <v>1651.0664959999999</v>
      </c>
      <c r="C88" s="27">
        <v>129.24714299999999</v>
      </c>
      <c r="E88" s="27">
        <v>1651.0664959999999</v>
      </c>
      <c r="F88" s="27">
        <v>118.944793</v>
      </c>
      <c r="H88" s="27">
        <v>1651.0664959999999</v>
      </c>
      <c r="I88" s="27">
        <v>112.717221</v>
      </c>
      <c r="K88" s="27">
        <v>1651.0664959999999</v>
      </c>
      <c r="L88" s="27">
        <v>104.606961</v>
      </c>
    </row>
    <row r="89" spans="2:12" x14ac:dyDescent="0.45">
      <c r="B89" s="27">
        <v>1652.995312</v>
      </c>
      <c r="C89" s="27">
        <v>129.08748900000001</v>
      </c>
      <c r="E89" s="27">
        <v>1652.995312</v>
      </c>
      <c r="F89" s="27">
        <v>119.00763999999999</v>
      </c>
      <c r="H89" s="27">
        <v>1652.995312</v>
      </c>
      <c r="I89" s="27">
        <v>112.45094899999999</v>
      </c>
      <c r="K89" s="27">
        <v>1652.995312</v>
      </c>
      <c r="L89" s="27">
        <v>104.648642</v>
      </c>
    </row>
    <row r="90" spans="2:12" x14ac:dyDescent="0.45">
      <c r="B90" s="27">
        <v>1654.9241280000001</v>
      </c>
      <c r="C90" s="27">
        <v>129.43679700000001</v>
      </c>
      <c r="E90" s="27">
        <v>1654.9241280000001</v>
      </c>
      <c r="F90" s="27">
        <v>119.13906299999999</v>
      </c>
      <c r="H90" s="27">
        <v>1654.9241280000001</v>
      </c>
      <c r="I90" s="27">
        <v>112.821178</v>
      </c>
      <c r="K90" s="27">
        <v>1654.9241280000001</v>
      </c>
      <c r="L90" s="27">
        <v>105.22950400000001</v>
      </c>
    </row>
    <row r="91" spans="2:12" x14ac:dyDescent="0.45">
      <c r="B91" s="27">
        <v>1656.852944</v>
      </c>
      <c r="C91" s="27">
        <v>129.416855</v>
      </c>
      <c r="E91" s="27">
        <v>1656.852944</v>
      </c>
      <c r="F91" s="27">
        <v>119.091235</v>
      </c>
      <c r="H91" s="27">
        <v>1656.852944</v>
      </c>
      <c r="I91" s="27">
        <v>112.957003</v>
      </c>
      <c r="K91" s="27">
        <v>1656.852944</v>
      </c>
      <c r="L91" s="27">
        <v>105.094708</v>
      </c>
    </row>
    <row r="92" spans="2:12" x14ac:dyDescent="0.45">
      <c r="B92" s="27">
        <v>1658.7817600000001</v>
      </c>
      <c r="C92" s="27">
        <v>129.348702</v>
      </c>
      <c r="E92" s="27">
        <v>1658.7817600000001</v>
      </c>
      <c r="F92" s="27">
        <v>119.072729</v>
      </c>
      <c r="H92" s="27">
        <v>1658.7817600000001</v>
      </c>
      <c r="I92" s="27">
        <v>112.97699299999999</v>
      </c>
      <c r="K92" s="27">
        <v>1658.7817600000001</v>
      </c>
      <c r="L92" s="27">
        <v>105.04627499999999</v>
      </c>
    </row>
    <row r="93" spans="2:12" x14ac:dyDescent="0.45">
      <c r="B93" s="27">
        <v>1660.7105759999999</v>
      </c>
      <c r="C93" s="27">
        <v>129.30510099999998</v>
      </c>
      <c r="E93" s="27">
        <v>1660.7105759999999</v>
      </c>
      <c r="F93" s="27">
        <v>119.07549899999999</v>
      </c>
      <c r="H93" s="27">
        <v>1660.7105759999999</v>
      </c>
      <c r="I93" s="27">
        <v>112.99592699999999</v>
      </c>
      <c r="K93" s="27">
        <v>1660.7105759999999</v>
      </c>
      <c r="L93" s="27">
        <v>105.088639</v>
      </c>
    </row>
    <row r="94" spans="2:12" x14ac:dyDescent="0.45">
      <c r="B94" s="27">
        <v>1662.639392</v>
      </c>
      <c r="C94" s="27">
        <v>129.29261400000001</v>
      </c>
      <c r="E94" s="27">
        <v>1662.639392</v>
      </c>
      <c r="F94" s="27">
        <v>119.083868</v>
      </c>
      <c r="H94" s="27">
        <v>1662.639392</v>
      </c>
      <c r="I94" s="27">
        <v>113.00627299999999</v>
      </c>
      <c r="K94" s="27">
        <v>1662.639392</v>
      </c>
      <c r="L94" s="27">
        <v>105.302057</v>
      </c>
    </row>
    <row r="95" spans="2:12" x14ac:dyDescent="0.45">
      <c r="B95" s="27">
        <v>1664.5682079999999</v>
      </c>
      <c r="C95" s="27">
        <v>129.420704</v>
      </c>
      <c r="E95" s="27">
        <v>1664.5682079999999</v>
      </c>
      <c r="F95" s="27">
        <v>119.12039799999999</v>
      </c>
      <c r="H95" s="27">
        <v>1664.5682079999999</v>
      </c>
      <c r="I95" s="27">
        <v>113.090036</v>
      </c>
      <c r="K95" s="27">
        <v>1664.5682079999999</v>
      </c>
      <c r="L95" s="27">
        <v>105.40654600000001</v>
      </c>
    </row>
    <row r="96" spans="2:12" x14ac:dyDescent="0.45">
      <c r="B96" s="27">
        <v>1666.497024</v>
      </c>
      <c r="C96" s="27">
        <v>129.342668</v>
      </c>
      <c r="E96" s="27">
        <v>1666.497024</v>
      </c>
      <c r="F96" s="27">
        <v>119.107288</v>
      </c>
      <c r="H96" s="27">
        <v>1666.497024</v>
      </c>
      <c r="I96" s="27">
        <v>113.12945999999999</v>
      </c>
      <c r="K96" s="27">
        <v>1666.497024</v>
      </c>
      <c r="L96" s="27">
        <v>105.312467</v>
      </c>
    </row>
    <row r="97" spans="2:12" x14ac:dyDescent="0.45">
      <c r="B97" s="27">
        <v>1668.4258400000001</v>
      </c>
      <c r="C97" s="27">
        <v>129.19313199999999</v>
      </c>
      <c r="E97" s="27">
        <v>1668.4258400000001</v>
      </c>
      <c r="F97" s="27">
        <v>119.08723000000001</v>
      </c>
      <c r="H97" s="27">
        <v>1668.4258400000001</v>
      </c>
      <c r="I97" s="27">
        <v>113.09953</v>
      </c>
      <c r="K97" s="27">
        <v>1668.4258400000001</v>
      </c>
      <c r="L97" s="27">
        <v>105.295249</v>
      </c>
    </row>
    <row r="98" spans="2:12" x14ac:dyDescent="0.45">
      <c r="B98" s="27">
        <v>1670.354656</v>
      </c>
      <c r="C98" s="27">
        <v>129.20534700000002</v>
      </c>
      <c r="E98" s="27">
        <v>1670.354656</v>
      </c>
      <c r="F98" s="27">
        <v>119.128382</v>
      </c>
      <c r="H98" s="27">
        <v>1670.354656</v>
      </c>
      <c r="I98" s="27">
        <v>113.12836</v>
      </c>
      <c r="K98" s="27">
        <v>1670.354656</v>
      </c>
      <c r="L98" s="27">
        <v>105.49088</v>
      </c>
    </row>
    <row r="99" spans="2:12" x14ac:dyDescent="0.45">
      <c r="B99" s="27">
        <v>1672.2834720000001</v>
      </c>
      <c r="C99" s="27">
        <v>129.299792</v>
      </c>
      <c r="E99" s="27">
        <v>1672.2834720000001</v>
      </c>
      <c r="F99" s="27">
        <v>119.166113</v>
      </c>
      <c r="H99" s="27">
        <v>1672.2834720000001</v>
      </c>
      <c r="I99" s="27">
        <v>113.206239</v>
      </c>
      <c r="K99" s="27">
        <v>1672.2834720000001</v>
      </c>
      <c r="L99" s="27">
        <v>105.616692</v>
      </c>
    </row>
    <row r="100" spans="2:12" x14ac:dyDescent="0.45">
      <c r="B100" s="27">
        <v>1674.2122879999999</v>
      </c>
      <c r="C100" s="27">
        <v>129.23231800000002</v>
      </c>
      <c r="E100" s="27">
        <v>1674.2122879999999</v>
      </c>
      <c r="F100" s="27">
        <v>119.15360099999999</v>
      </c>
      <c r="H100" s="27">
        <v>1674.2122879999999</v>
      </c>
      <c r="I100" s="27">
        <v>113.21166599999999</v>
      </c>
      <c r="K100" s="27">
        <v>1674.2122879999999</v>
      </c>
      <c r="L100" s="27">
        <v>105.595221</v>
      </c>
    </row>
    <row r="101" spans="2:12" x14ac:dyDescent="0.45">
      <c r="B101" s="27">
        <v>1676.141104</v>
      </c>
      <c r="C101" s="27">
        <v>129.257631</v>
      </c>
      <c r="E101" s="27">
        <v>1676.141104</v>
      </c>
      <c r="F101" s="27">
        <v>119.156004</v>
      </c>
      <c r="H101" s="27">
        <v>1676.141104</v>
      </c>
      <c r="I101" s="27">
        <v>113.271334</v>
      </c>
      <c r="K101" s="27">
        <v>1676.141104</v>
      </c>
      <c r="L101" s="27">
        <v>105.664351</v>
      </c>
    </row>
    <row r="102" spans="2:12" x14ac:dyDescent="0.45">
      <c r="B102" s="27">
        <v>1678.0699199999999</v>
      </c>
      <c r="C102" s="27">
        <v>129.24248</v>
      </c>
      <c r="E102" s="27">
        <v>1678.0699199999999</v>
      </c>
      <c r="F102" s="27">
        <v>119.155844</v>
      </c>
      <c r="H102" s="27">
        <v>1678.0699199999999</v>
      </c>
      <c r="I102" s="27">
        <v>113.34461899999999</v>
      </c>
      <c r="K102" s="27">
        <v>1678.0699199999999</v>
      </c>
      <c r="L102" s="27">
        <v>105.655557</v>
      </c>
    </row>
    <row r="103" spans="2:12" x14ac:dyDescent="0.45">
      <c r="B103" s="27">
        <v>1679.998736</v>
      </c>
      <c r="C103" s="27">
        <v>129.189684</v>
      </c>
      <c r="E103" s="27">
        <v>1679.998736</v>
      </c>
      <c r="F103" s="27">
        <v>119.13573100000001</v>
      </c>
      <c r="H103" s="27">
        <v>1679.998736</v>
      </c>
      <c r="I103" s="27">
        <v>113.345702</v>
      </c>
      <c r="K103" s="27">
        <v>1679.998736</v>
      </c>
      <c r="L103" s="27">
        <v>105.673813</v>
      </c>
    </row>
    <row r="104" spans="2:12" x14ac:dyDescent="0.45">
      <c r="B104" s="27">
        <v>1681.9275520000001</v>
      </c>
      <c r="C104" s="27">
        <v>129.06586299999998</v>
      </c>
      <c r="E104" s="27">
        <v>1681.9275520000001</v>
      </c>
      <c r="F104" s="27">
        <v>119.11026699999999</v>
      </c>
      <c r="H104" s="27">
        <v>1681.9275520000001</v>
      </c>
      <c r="I104" s="27">
        <v>113.311145</v>
      </c>
      <c r="K104" s="27">
        <v>1681.9275520000001</v>
      </c>
      <c r="L104" s="27">
        <v>105.664511</v>
      </c>
    </row>
    <row r="105" spans="2:12" x14ac:dyDescent="0.45">
      <c r="B105" s="27">
        <v>1683.856368</v>
      </c>
      <c r="C105" s="27">
        <v>128.85581300000001</v>
      </c>
      <c r="E105" s="27">
        <v>1683.856368</v>
      </c>
      <c r="F105" s="27">
        <v>119.006912</v>
      </c>
      <c r="H105" s="27">
        <v>1683.856368</v>
      </c>
      <c r="I105" s="27">
        <v>113.08425</v>
      </c>
      <c r="K105" s="27">
        <v>1683.856368</v>
      </c>
      <c r="L105" s="27">
        <v>105.553612</v>
      </c>
    </row>
    <row r="106" spans="2:12" x14ac:dyDescent="0.45">
      <c r="B106" s="27">
        <v>1685.7851840000001</v>
      </c>
      <c r="C106" s="27">
        <v>129.10773</v>
      </c>
      <c r="E106" s="27">
        <v>1685.7851840000001</v>
      </c>
      <c r="F106" s="27">
        <v>119.146023</v>
      </c>
      <c r="H106" s="27">
        <v>1685.7851840000001</v>
      </c>
      <c r="I106" s="27">
        <v>113.266806</v>
      </c>
      <c r="K106" s="27">
        <v>1685.7851840000001</v>
      </c>
      <c r="L106" s="27">
        <v>105.844123</v>
      </c>
    </row>
    <row r="107" spans="2:12" x14ac:dyDescent="0.45">
      <c r="B107" s="27">
        <v>1687.7139999999999</v>
      </c>
      <c r="C107" s="27">
        <v>129.10969299999999</v>
      </c>
      <c r="E107" s="27">
        <v>1687.7139999999999</v>
      </c>
      <c r="F107" s="27">
        <v>119.16863499999999</v>
      </c>
      <c r="H107" s="27">
        <v>1687.7139999999999</v>
      </c>
      <c r="I107" s="27">
        <v>113.340189</v>
      </c>
      <c r="K107" s="27">
        <v>1687.7139999999999</v>
      </c>
      <c r="L107" s="27">
        <v>105.82600600000001</v>
      </c>
    </row>
    <row r="108" spans="2:12" x14ac:dyDescent="0.45">
      <c r="B108" s="27">
        <v>1689.642816</v>
      </c>
      <c r="C108" s="27">
        <v>129.05466100000001</v>
      </c>
      <c r="E108" s="27">
        <v>1689.642816</v>
      </c>
      <c r="F108" s="27">
        <v>119.126043</v>
      </c>
      <c r="H108" s="27">
        <v>1689.642816</v>
      </c>
      <c r="I108" s="27">
        <v>113.35102999999999</v>
      </c>
      <c r="K108" s="27">
        <v>1689.642816</v>
      </c>
      <c r="L108" s="27">
        <v>105.808858</v>
      </c>
    </row>
    <row r="109" spans="2:12" x14ac:dyDescent="0.45">
      <c r="B109" s="27">
        <v>1691.5716319999999</v>
      </c>
      <c r="C109" s="27">
        <v>129.08746600000001</v>
      </c>
      <c r="E109" s="27">
        <v>1691.5716319999999</v>
      </c>
      <c r="F109" s="27">
        <v>119.11822100000001</v>
      </c>
      <c r="H109" s="27">
        <v>1691.5716319999999</v>
      </c>
      <c r="I109" s="27">
        <v>113.418048</v>
      </c>
      <c r="K109" s="27">
        <v>1691.5716319999999</v>
      </c>
      <c r="L109" s="27">
        <v>105.836341</v>
      </c>
    </row>
    <row r="110" spans="2:12" x14ac:dyDescent="0.45">
      <c r="B110" s="27">
        <v>1693.500448</v>
      </c>
      <c r="C110" s="27">
        <v>129.034493</v>
      </c>
      <c r="E110" s="27">
        <v>1693.500448</v>
      </c>
      <c r="F110" s="27">
        <v>119.08219699999999</v>
      </c>
      <c r="H110" s="27">
        <v>1693.500448</v>
      </c>
      <c r="I110" s="27">
        <v>113.372623</v>
      </c>
      <c r="K110" s="27">
        <v>1693.500448</v>
      </c>
      <c r="L110" s="27">
        <v>105.801458</v>
      </c>
    </row>
    <row r="111" spans="2:12" x14ac:dyDescent="0.45">
      <c r="B111" s="27">
        <v>1695.4292640000001</v>
      </c>
      <c r="C111" s="27">
        <v>128.907713</v>
      </c>
      <c r="E111" s="27">
        <v>1695.4292640000001</v>
      </c>
      <c r="F111" s="27">
        <v>119.043001</v>
      </c>
      <c r="H111" s="27">
        <v>1695.4292640000001</v>
      </c>
      <c r="I111" s="27">
        <v>113.219335</v>
      </c>
      <c r="K111" s="27">
        <v>1695.4292640000001</v>
      </c>
      <c r="L111" s="27">
        <v>105.84945</v>
      </c>
    </row>
    <row r="112" spans="2:12" x14ac:dyDescent="0.45">
      <c r="B112" s="27">
        <v>1697.35808</v>
      </c>
      <c r="C112" s="27">
        <v>128.88069300000001</v>
      </c>
      <c r="E112" s="27">
        <v>1697.35808</v>
      </c>
      <c r="F112" s="27">
        <v>119.111924</v>
      </c>
      <c r="H112" s="27">
        <v>1697.35808</v>
      </c>
      <c r="I112" s="27">
        <v>113.23564</v>
      </c>
      <c r="K112" s="27">
        <v>1697.35808</v>
      </c>
      <c r="L112" s="27">
        <v>106.053123</v>
      </c>
    </row>
    <row r="113" spans="2:12" x14ac:dyDescent="0.45">
      <c r="B113" s="27">
        <v>1699.2868960000001</v>
      </c>
      <c r="C113" s="27">
        <v>128.68403499999999</v>
      </c>
      <c r="E113" s="27">
        <v>1699.2868960000001</v>
      </c>
      <c r="F113" s="27">
        <v>119.103919</v>
      </c>
      <c r="H113" s="27">
        <v>1699.2868960000001</v>
      </c>
      <c r="I113" s="27">
        <v>113.147848</v>
      </c>
      <c r="K113" s="27">
        <v>1699.2868960000001</v>
      </c>
      <c r="L113" s="27">
        <v>105.92184899999999</v>
      </c>
    </row>
    <row r="114" spans="2:12" x14ac:dyDescent="0.45">
      <c r="B114" s="27">
        <v>1701.2157119999999</v>
      </c>
      <c r="C114" s="27">
        <v>128.85736700000001</v>
      </c>
      <c r="E114" s="27">
        <v>1701.2157119999999</v>
      </c>
      <c r="F114" s="27">
        <v>119.14240100000001</v>
      </c>
      <c r="H114" s="27">
        <v>1701.2157119999999</v>
      </c>
      <c r="I114" s="27">
        <v>113.219886</v>
      </c>
      <c r="K114" s="27">
        <v>1701.2157119999999</v>
      </c>
      <c r="L114" s="27">
        <v>106.080709</v>
      </c>
    </row>
    <row r="115" spans="2:12" x14ac:dyDescent="0.45">
      <c r="B115" s="27">
        <v>1703.144528</v>
      </c>
      <c r="C115" s="27">
        <v>128.96966</v>
      </c>
      <c r="E115" s="27">
        <v>1703.144528</v>
      </c>
      <c r="F115" s="27">
        <v>119.14469099999999</v>
      </c>
      <c r="H115" s="27">
        <v>1703.144528</v>
      </c>
      <c r="I115" s="27">
        <v>113.342862</v>
      </c>
      <c r="K115" s="27">
        <v>1703.144528</v>
      </c>
      <c r="L115" s="27">
        <v>105.95116</v>
      </c>
    </row>
    <row r="116" spans="2:12" x14ac:dyDescent="0.45">
      <c r="B116" s="27">
        <v>1705.0733439999999</v>
      </c>
      <c r="C116" s="27">
        <v>128.87782900000002</v>
      </c>
      <c r="E116" s="27">
        <v>1705.0733439999999</v>
      </c>
      <c r="F116" s="27">
        <v>119.100353</v>
      </c>
      <c r="H116" s="27">
        <v>1705.0733439999999</v>
      </c>
      <c r="I116" s="27">
        <v>113.284801</v>
      </c>
      <c r="K116" s="27">
        <v>1705.0733439999999</v>
      </c>
      <c r="L116" s="27">
        <v>105.91804500000001</v>
      </c>
    </row>
    <row r="117" spans="2:12" x14ac:dyDescent="0.45">
      <c r="B117" s="27">
        <v>1707.00216</v>
      </c>
      <c r="C117" s="27">
        <v>128.89801900000001</v>
      </c>
      <c r="E117" s="27">
        <v>1707.00216</v>
      </c>
      <c r="F117" s="27">
        <v>119.108507</v>
      </c>
      <c r="H117" s="27">
        <v>1707.00216</v>
      </c>
      <c r="I117" s="27">
        <v>113.386652</v>
      </c>
      <c r="K117" s="27">
        <v>1707.00216</v>
      </c>
      <c r="L117" s="27">
        <v>106.056793</v>
      </c>
    </row>
    <row r="118" spans="2:12" x14ac:dyDescent="0.45">
      <c r="B118" s="27">
        <v>1708.9309760000001</v>
      </c>
      <c r="C118" s="27">
        <v>128.88341500000001</v>
      </c>
      <c r="E118" s="27">
        <v>1708.9309760000001</v>
      </c>
      <c r="F118" s="27">
        <v>119.121835</v>
      </c>
      <c r="H118" s="27">
        <v>1708.9309760000001</v>
      </c>
      <c r="I118" s="27">
        <v>113.441568</v>
      </c>
      <c r="K118" s="27">
        <v>1708.9309760000001</v>
      </c>
      <c r="L118" s="27">
        <v>106.045233</v>
      </c>
    </row>
    <row r="119" spans="2:12" x14ac:dyDescent="0.45">
      <c r="B119" s="27">
        <v>1710.859792</v>
      </c>
      <c r="C119" s="27">
        <v>128.866908</v>
      </c>
      <c r="E119" s="27">
        <v>1710.859792</v>
      </c>
      <c r="F119" s="27">
        <v>119.117091</v>
      </c>
      <c r="H119" s="27">
        <v>1710.859792</v>
      </c>
      <c r="I119" s="27">
        <v>113.438503</v>
      </c>
      <c r="K119" s="27">
        <v>1710.859792</v>
      </c>
      <c r="L119" s="27">
        <v>106.000705</v>
      </c>
    </row>
    <row r="120" spans="2:12" x14ac:dyDescent="0.45">
      <c r="B120" s="27">
        <v>1712.7886080000001</v>
      </c>
      <c r="C120" s="27">
        <v>128.778291</v>
      </c>
      <c r="E120" s="27">
        <v>1712.7886080000001</v>
      </c>
      <c r="F120" s="27">
        <v>119.07383</v>
      </c>
      <c r="H120" s="27">
        <v>1712.7886080000001</v>
      </c>
      <c r="I120" s="27">
        <v>113.423196</v>
      </c>
      <c r="K120" s="27">
        <v>1712.7886080000001</v>
      </c>
      <c r="L120" s="27">
        <v>105.887624</v>
      </c>
    </row>
    <row r="121" spans="2:12" x14ac:dyDescent="0.45">
      <c r="B121" s="27">
        <v>1714.7174239999999</v>
      </c>
      <c r="C121" s="27">
        <v>128.63789700000001</v>
      </c>
      <c r="E121" s="27">
        <v>1714.7174239999999</v>
      </c>
      <c r="F121" s="27">
        <v>119.00959899999999</v>
      </c>
      <c r="H121" s="27">
        <v>1714.7174239999999</v>
      </c>
      <c r="I121" s="27">
        <v>113.36044200000001</v>
      </c>
      <c r="K121" s="27">
        <v>1714.7174239999999</v>
      </c>
      <c r="L121" s="27">
        <v>105.79915800000001</v>
      </c>
    </row>
    <row r="122" spans="2:12" x14ac:dyDescent="0.45">
      <c r="B122" s="27">
        <v>1716.64624</v>
      </c>
      <c r="C122" s="27">
        <v>128.48791199999999</v>
      </c>
      <c r="E122" s="27">
        <v>1716.64624</v>
      </c>
      <c r="F122" s="27">
        <v>118.989088</v>
      </c>
      <c r="H122" s="27">
        <v>1716.64624</v>
      </c>
      <c r="I122" s="27">
        <v>113.250838</v>
      </c>
      <c r="K122" s="27">
        <v>1716.64624</v>
      </c>
      <c r="L122" s="27">
        <v>105.964006</v>
      </c>
    </row>
    <row r="123" spans="2:12" x14ac:dyDescent="0.45">
      <c r="B123" s="27">
        <v>1718.5750559999999</v>
      </c>
      <c r="C123" s="27">
        <v>128.555768</v>
      </c>
      <c r="E123" s="27">
        <v>1718.5750559999999</v>
      </c>
      <c r="F123" s="27">
        <v>119.098451</v>
      </c>
      <c r="H123" s="27">
        <v>1718.5750559999999</v>
      </c>
      <c r="I123" s="27">
        <v>113.25992100000001</v>
      </c>
      <c r="K123" s="27">
        <v>1718.5750559999999</v>
      </c>
      <c r="L123" s="27">
        <v>106.051227</v>
      </c>
    </row>
    <row r="124" spans="2:12" x14ac:dyDescent="0.45">
      <c r="B124" s="27">
        <v>1720.503872</v>
      </c>
      <c r="C124" s="27">
        <v>128.672552</v>
      </c>
      <c r="E124" s="27">
        <v>1720.503872</v>
      </c>
      <c r="F124" s="27">
        <v>119.130349</v>
      </c>
      <c r="H124" s="27">
        <v>1720.503872</v>
      </c>
      <c r="I124" s="27">
        <v>113.423917</v>
      </c>
      <c r="K124" s="27">
        <v>1720.503872</v>
      </c>
      <c r="L124" s="27">
        <v>105.978345</v>
      </c>
    </row>
    <row r="125" spans="2:12" x14ac:dyDescent="0.45">
      <c r="B125" s="27">
        <v>1722.4326880000001</v>
      </c>
      <c r="C125" s="27">
        <v>128.64554800000002</v>
      </c>
      <c r="E125" s="27">
        <v>1722.4326880000001</v>
      </c>
      <c r="F125" s="27">
        <v>119.095242</v>
      </c>
      <c r="H125" s="27">
        <v>1722.4326880000001</v>
      </c>
      <c r="I125" s="27">
        <v>113.421381</v>
      </c>
      <c r="K125" s="27">
        <v>1722.4326880000001</v>
      </c>
      <c r="L125" s="27">
        <v>105.918875</v>
      </c>
    </row>
    <row r="126" spans="2:12" x14ac:dyDescent="0.45">
      <c r="B126" s="27">
        <v>1724.361504</v>
      </c>
      <c r="C126" s="27">
        <v>128.625023</v>
      </c>
      <c r="E126" s="27">
        <v>1724.361504</v>
      </c>
      <c r="F126" s="27">
        <v>119.069828</v>
      </c>
      <c r="H126" s="27">
        <v>1724.361504</v>
      </c>
      <c r="I126" s="27">
        <v>113.386241</v>
      </c>
      <c r="K126" s="27">
        <v>1724.361504</v>
      </c>
      <c r="L126" s="27">
        <v>105.94492099999999</v>
      </c>
    </row>
    <row r="127" spans="2:12" x14ac:dyDescent="0.45">
      <c r="B127" s="27">
        <v>1726.2903200000001</v>
      </c>
      <c r="C127" s="27">
        <v>128.571304</v>
      </c>
      <c r="E127" s="27">
        <v>1726.2903200000001</v>
      </c>
      <c r="F127" s="27">
        <v>119.048338</v>
      </c>
      <c r="H127" s="27">
        <v>1726.2903200000001</v>
      </c>
      <c r="I127" s="27">
        <v>113.424656</v>
      </c>
      <c r="K127" s="27">
        <v>1726.2903200000001</v>
      </c>
      <c r="L127" s="27">
        <v>105.98639</v>
      </c>
    </row>
    <row r="128" spans="2:12" x14ac:dyDescent="0.45">
      <c r="B128" s="27">
        <v>1728.2191359999999</v>
      </c>
      <c r="C128" s="27">
        <v>128.53381100000001</v>
      </c>
      <c r="E128" s="27">
        <v>1728.2191359999999</v>
      </c>
      <c r="F128" s="27">
        <v>119.058297</v>
      </c>
      <c r="H128" s="27">
        <v>1728.2191359999999</v>
      </c>
      <c r="I128" s="27">
        <v>113.43193599999999</v>
      </c>
      <c r="K128" s="27">
        <v>1728.2191359999999</v>
      </c>
      <c r="L128" s="27">
        <v>106.009169</v>
      </c>
    </row>
    <row r="129" spans="2:12" x14ac:dyDescent="0.45">
      <c r="B129" s="27">
        <v>1730.147952</v>
      </c>
      <c r="C129" s="27">
        <v>128.527953</v>
      </c>
      <c r="E129" s="27">
        <v>1730.147952</v>
      </c>
      <c r="F129" s="27">
        <v>119.025289</v>
      </c>
      <c r="H129" s="27">
        <v>1730.147952</v>
      </c>
      <c r="I129" s="27">
        <v>113.387012</v>
      </c>
      <c r="K129" s="27">
        <v>1730.147952</v>
      </c>
      <c r="L129" s="27">
        <v>105.98347200000001</v>
      </c>
    </row>
    <row r="130" spans="2:12" x14ac:dyDescent="0.45">
      <c r="B130" s="27">
        <v>1732.0767679999999</v>
      </c>
      <c r="C130" s="27">
        <v>128.380281</v>
      </c>
      <c r="E130" s="27">
        <v>1732.0767679999999</v>
      </c>
      <c r="F130" s="27">
        <v>118.995784</v>
      </c>
      <c r="H130" s="27">
        <v>1732.0767679999999</v>
      </c>
      <c r="I130" s="27">
        <v>113.28762399999999</v>
      </c>
      <c r="K130" s="27">
        <v>1732.0767679999999</v>
      </c>
      <c r="L130" s="27">
        <v>105.941295</v>
      </c>
    </row>
    <row r="131" spans="2:12" x14ac:dyDescent="0.45">
      <c r="B131" s="27">
        <v>1734.005584</v>
      </c>
      <c r="C131" s="27">
        <v>128.31781599999999</v>
      </c>
      <c r="E131" s="27">
        <v>1734.005584</v>
      </c>
      <c r="F131" s="27">
        <v>118.986997</v>
      </c>
      <c r="H131" s="27">
        <v>1734.005584</v>
      </c>
      <c r="I131" s="27">
        <v>113.149743</v>
      </c>
      <c r="K131" s="27">
        <v>1734.005584</v>
      </c>
      <c r="L131" s="27">
        <v>105.922815</v>
      </c>
    </row>
    <row r="132" spans="2:12" x14ac:dyDescent="0.45">
      <c r="B132" s="27">
        <v>1735.9344000000001</v>
      </c>
      <c r="C132" s="27">
        <v>128.51398899999998</v>
      </c>
      <c r="E132" s="27">
        <v>1735.9344000000001</v>
      </c>
      <c r="F132" s="27">
        <v>119.051564</v>
      </c>
      <c r="H132" s="27">
        <v>1735.9344000000001</v>
      </c>
      <c r="I132" s="27">
        <v>113.327105</v>
      </c>
      <c r="K132" s="27">
        <v>1735.9344000000001</v>
      </c>
      <c r="L132" s="27">
        <v>106.05150500000001</v>
      </c>
    </row>
    <row r="133" spans="2:12" x14ac:dyDescent="0.45">
      <c r="B133" s="27">
        <v>1737.863216</v>
      </c>
      <c r="C133" s="27">
        <v>128.38165900000001</v>
      </c>
      <c r="E133" s="27">
        <v>1737.863216</v>
      </c>
      <c r="F133" s="27">
        <v>119.02176799999999</v>
      </c>
      <c r="H133" s="27">
        <v>1737.863216</v>
      </c>
      <c r="I133" s="27">
        <v>113.322298</v>
      </c>
      <c r="K133" s="27">
        <v>1737.863216</v>
      </c>
      <c r="L133" s="27">
        <v>105.96100199999999</v>
      </c>
    </row>
    <row r="134" spans="2:12" x14ac:dyDescent="0.45">
      <c r="B134" s="27">
        <v>1739.7920320000001</v>
      </c>
      <c r="C134" s="27">
        <v>128.37745999999999</v>
      </c>
      <c r="E134" s="27">
        <v>1739.7920320000001</v>
      </c>
      <c r="F134" s="27">
        <v>118.99304600000001</v>
      </c>
      <c r="H134" s="27">
        <v>1739.7920320000001</v>
      </c>
      <c r="I134" s="27">
        <v>113.24876</v>
      </c>
      <c r="K134" s="27">
        <v>1739.7920320000001</v>
      </c>
      <c r="L134" s="27">
        <v>105.999453</v>
      </c>
    </row>
    <row r="135" spans="2:12" x14ac:dyDescent="0.45">
      <c r="B135" s="27">
        <v>1741.7208479999999</v>
      </c>
      <c r="C135" s="27">
        <v>128.41179599999998</v>
      </c>
      <c r="E135" s="27">
        <v>1741.7208479999999</v>
      </c>
      <c r="F135" s="27">
        <v>118.98664100000001</v>
      </c>
      <c r="H135" s="27">
        <v>1741.7208479999999</v>
      </c>
      <c r="I135" s="27">
        <v>113.256117</v>
      </c>
      <c r="K135" s="27">
        <v>1741.7208479999999</v>
      </c>
      <c r="L135" s="27">
        <v>105.92269400000001</v>
      </c>
    </row>
    <row r="136" spans="2:12" x14ac:dyDescent="0.45">
      <c r="B136" s="27">
        <v>1743.649664</v>
      </c>
      <c r="C136" s="27">
        <v>128.33996200000001</v>
      </c>
      <c r="E136" s="27">
        <v>1743.649664</v>
      </c>
      <c r="F136" s="27">
        <v>118.96544</v>
      </c>
      <c r="H136" s="27">
        <v>1743.649664</v>
      </c>
      <c r="I136" s="27">
        <v>113.27696299999999</v>
      </c>
      <c r="K136" s="27">
        <v>1743.649664</v>
      </c>
      <c r="L136" s="27">
        <v>105.78842899999999</v>
      </c>
    </row>
    <row r="137" spans="2:12" x14ac:dyDescent="0.45">
      <c r="B137" s="27">
        <v>1745.5784799999999</v>
      </c>
      <c r="C137" s="27">
        <v>128.354266</v>
      </c>
      <c r="E137" s="27">
        <v>1745.5784799999999</v>
      </c>
      <c r="F137" s="27">
        <v>118.931591</v>
      </c>
      <c r="H137" s="27">
        <v>1745.5784799999999</v>
      </c>
      <c r="I137" s="27">
        <v>113.322349</v>
      </c>
      <c r="K137" s="27">
        <v>1745.5784799999999</v>
      </c>
      <c r="L137" s="27">
        <v>105.711482</v>
      </c>
    </row>
    <row r="138" spans="2:12" x14ac:dyDescent="0.45">
      <c r="B138" s="27">
        <v>1747.507296</v>
      </c>
      <c r="C138" s="27">
        <v>128.27983</v>
      </c>
      <c r="E138" s="27">
        <v>1747.507296</v>
      </c>
      <c r="F138" s="27">
        <v>118.89663299999999</v>
      </c>
      <c r="H138" s="27">
        <v>1747.507296</v>
      </c>
      <c r="I138" s="27">
        <v>113.27537700000001</v>
      </c>
      <c r="K138" s="27">
        <v>1747.507296</v>
      </c>
      <c r="L138" s="27">
        <v>105.68115</v>
      </c>
    </row>
    <row r="139" spans="2:12" x14ac:dyDescent="0.45">
      <c r="B139" s="27">
        <v>1749.4361120000001</v>
      </c>
      <c r="C139" s="27">
        <v>128.28240399999999</v>
      </c>
      <c r="E139" s="27">
        <v>1749.4361120000001</v>
      </c>
      <c r="F139" s="27">
        <v>118.884935</v>
      </c>
      <c r="H139" s="27">
        <v>1749.4361120000001</v>
      </c>
      <c r="I139" s="27">
        <v>113.19586</v>
      </c>
      <c r="K139" s="27">
        <v>1749.4361120000001</v>
      </c>
      <c r="L139" s="27">
        <v>105.748273</v>
      </c>
    </row>
    <row r="140" spans="2:12" x14ac:dyDescent="0.45">
      <c r="B140" s="27">
        <v>1751.364928</v>
      </c>
      <c r="C140" s="27">
        <v>128.30866600000002</v>
      </c>
      <c r="E140" s="27">
        <v>1751.364928</v>
      </c>
      <c r="F140" s="27">
        <v>118.88467199999999</v>
      </c>
      <c r="H140" s="27">
        <v>1751.364928</v>
      </c>
      <c r="I140" s="27">
        <v>113.13425700000001</v>
      </c>
      <c r="K140" s="27">
        <v>1751.364928</v>
      </c>
      <c r="L140" s="27">
        <v>105.88180800000001</v>
      </c>
    </row>
    <row r="141" spans="2:12" x14ac:dyDescent="0.45">
      <c r="B141" s="27">
        <v>1753.2937440000001</v>
      </c>
      <c r="C141" s="27">
        <v>128.38144800000001</v>
      </c>
      <c r="E141" s="27">
        <v>1753.2937440000001</v>
      </c>
      <c r="F141" s="27">
        <v>118.86592400000001</v>
      </c>
      <c r="H141" s="27">
        <v>1753.2937440000001</v>
      </c>
      <c r="I141" s="27">
        <v>113.194941</v>
      </c>
      <c r="K141" s="27">
        <v>1753.2937440000001</v>
      </c>
      <c r="L141" s="27">
        <v>105.894531</v>
      </c>
    </row>
    <row r="142" spans="2:12" x14ac:dyDescent="0.45">
      <c r="B142" s="27">
        <v>1755.2225599999999</v>
      </c>
      <c r="C142" s="27">
        <v>128.317519</v>
      </c>
      <c r="E142" s="27">
        <v>1755.2225599999999</v>
      </c>
      <c r="F142" s="27">
        <v>118.825056</v>
      </c>
      <c r="H142" s="27">
        <v>1755.2225599999999</v>
      </c>
      <c r="I142" s="27">
        <v>113.18548199999999</v>
      </c>
      <c r="K142" s="27">
        <v>1755.2225599999999</v>
      </c>
      <c r="L142" s="27">
        <v>105.73403</v>
      </c>
    </row>
    <row r="143" spans="2:12" x14ac:dyDescent="0.45">
      <c r="B143" s="27">
        <v>1757.151376</v>
      </c>
      <c r="C143" s="27">
        <v>128.335351</v>
      </c>
      <c r="E143" s="27">
        <v>1757.151376</v>
      </c>
      <c r="F143" s="27">
        <v>118.814902</v>
      </c>
      <c r="H143" s="27">
        <v>1757.151376</v>
      </c>
      <c r="I143" s="27">
        <v>113.123965</v>
      </c>
      <c r="K143" s="27">
        <v>1757.151376</v>
      </c>
      <c r="L143" s="27">
        <v>105.715879</v>
      </c>
    </row>
    <row r="144" spans="2:12" x14ac:dyDescent="0.45">
      <c r="B144" s="27">
        <v>1759.0801919999999</v>
      </c>
      <c r="C144" s="27">
        <v>128.33555699999999</v>
      </c>
      <c r="E144" s="27">
        <v>1759.0801919999999</v>
      </c>
      <c r="F144" s="27">
        <v>118.829419</v>
      </c>
      <c r="H144" s="27">
        <v>1759.0801919999999</v>
      </c>
      <c r="I144" s="27">
        <v>113.124211</v>
      </c>
      <c r="K144" s="27">
        <v>1759.0801919999999</v>
      </c>
      <c r="L144" s="27">
        <v>105.726659</v>
      </c>
    </row>
    <row r="145" spans="2:12" x14ac:dyDescent="0.45">
      <c r="B145" s="27">
        <v>1761.009008</v>
      </c>
      <c r="C145" s="27">
        <v>128.24031600000001</v>
      </c>
      <c r="E145" s="27">
        <v>1761.009008</v>
      </c>
      <c r="F145" s="27">
        <v>118.78411800000001</v>
      </c>
      <c r="H145" s="27">
        <v>1761.009008</v>
      </c>
      <c r="I145" s="27">
        <v>113.04996199999999</v>
      </c>
      <c r="K145" s="27">
        <v>1761.009008</v>
      </c>
      <c r="L145" s="27">
        <v>105.66885499999999</v>
      </c>
    </row>
    <row r="146" spans="2:12" x14ac:dyDescent="0.45">
      <c r="B146" s="27">
        <v>1762.9378240000001</v>
      </c>
      <c r="C146" s="27">
        <v>128.29388299999999</v>
      </c>
      <c r="E146" s="27">
        <v>1762.9378240000001</v>
      </c>
      <c r="F146" s="27">
        <v>118.76241899999999</v>
      </c>
      <c r="H146" s="27">
        <v>1762.9378240000001</v>
      </c>
      <c r="I146" s="27">
        <v>113.052862</v>
      </c>
      <c r="K146" s="27">
        <v>1762.9378240000001</v>
      </c>
      <c r="L146" s="27">
        <v>105.728573</v>
      </c>
    </row>
    <row r="147" spans="2:12" x14ac:dyDescent="0.45">
      <c r="B147" s="27">
        <v>1764.86664</v>
      </c>
      <c r="C147" s="27">
        <v>128.33194600000002</v>
      </c>
      <c r="E147" s="27">
        <v>1764.86664</v>
      </c>
      <c r="F147" s="27">
        <v>118.80450399999999</v>
      </c>
      <c r="H147" s="27">
        <v>1764.86664</v>
      </c>
      <c r="I147" s="27">
        <v>113.10597199999999</v>
      </c>
      <c r="K147" s="27">
        <v>1764.86664</v>
      </c>
      <c r="L147" s="27">
        <v>105.704994</v>
      </c>
    </row>
    <row r="148" spans="2:12" x14ac:dyDescent="0.45">
      <c r="B148" s="27">
        <v>1766.7954560000001</v>
      </c>
      <c r="C148" s="27">
        <v>128.283052</v>
      </c>
      <c r="E148" s="27">
        <v>1766.7954560000001</v>
      </c>
      <c r="F148" s="27">
        <v>118.81653</v>
      </c>
      <c r="H148" s="27">
        <v>1766.7954560000001</v>
      </c>
      <c r="I148" s="27">
        <v>113.079697</v>
      </c>
      <c r="K148" s="27">
        <v>1766.7954560000001</v>
      </c>
      <c r="L148" s="27">
        <v>105.638169</v>
      </c>
    </row>
    <row r="149" spans="2:12" x14ac:dyDescent="0.45">
      <c r="B149" s="27">
        <v>1768.7242719999999</v>
      </c>
      <c r="C149" s="27">
        <v>128.31643600000001</v>
      </c>
      <c r="E149" s="27">
        <v>1768.7242719999999</v>
      </c>
      <c r="F149" s="27">
        <v>118.769021</v>
      </c>
      <c r="H149" s="27">
        <v>1768.7242719999999</v>
      </c>
      <c r="I149" s="27">
        <v>113.044898</v>
      </c>
      <c r="K149" s="27">
        <v>1768.7242719999999</v>
      </c>
      <c r="L149" s="27">
        <v>105.633042</v>
      </c>
    </row>
    <row r="150" spans="2:12" x14ac:dyDescent="0.45">
      <c r="B150" s="27">
        <v>1770.653088</v>
      </c>
      <c r="C150" s="27">
        <v>128.294859</v>
      </c>
      <c r="E150" s="27">
        <v>1770.653088</v>
      </c>
      <c r="F150" s="27">
        <v>118.700638</v>
      </c>
      <c r="H150" s="27">
        <v>1770.653088</v>
      </c>
      <c r="I150" s="27">
        <v>112.97890200000001</v>
      </c>
      <c r="K150" s="27">
        <v>1770.653088</v>
      </c>
      <c r="L150" s="27">
        <v>105.55789</v>
      </c>
    </row>
    <row r="151" spans="2:12" x14ac:dyDescent="0.45">
      <c r="B151" s="27">
        <v>1772.5819039999999</v>
      </c>
      <c r="C151" s="27">
        <v>128.326607</v>
      </c>
      <c r="E151" s="27">
        <v>1772.5819039999999</v>
      </c>
      <c r="F151" s="27">
        <v>118.67676400000001</v>
      </c>
      <c r="H151" s="27">
        <v>1772.5819039999999</v>
      </c>
      <c r="I151" s="27">
        <v>112.954188</v>
      </c>
      <c r="K151" s="27">
        <v>1772.5819039999999</v>
      </c>
      <c r="L151" s="27">
        <v>105.580476</v>
      </c>
    </row>
    <row r="152" spans="2:12" x14ac:dyDescent="0.45">
      <c r="B152" s="27">
        <v>1774.51072</v>
      </c>
      <c r="C152" s="27">
        <v>128.39616699999999</v>
      </c>
      <c r="E152" s="27">
        <v>1774.51072</v>
      </c>
      <c r="F152" s="27">
        <v>118.65991699999999</v>
      </c>
      <c r="H152" s="27">
        <v>1774.51072</v>
      </c>
      <c r="I152" s="27">
        <v>113.012792</v>
      </c>
      <c r="K152" s="27">
        <v>1774.51072</v>
      </c>
      <c r="L152" s="27">
        <v>105.64725300000001</v>
      </c>
    </row>
    <row r="153" spans="2:12" x14ac:dyDescent="0.45">
      <c r="B153" s="27">
        <v>1776.4395360000001</v>
      </c>
      <c r="C153" s="27">
        <v>128.406159</v>
      </c>
      <c r="E153" s="27">
        <v>1776.4395360000001</v>
      </c>
      <c r="F153" s="27">
        <v>118.63603000000001</v>
      </c>
      <c r="H153" s="27">
        <v>1776.4395360000001</v>
      </c>
      <c r="I153" s="27">
        <v>113.010735</v>
      </c>
      <c r="K153" s="27">
        <v>1776.4395360000001</v>
      </c>
      <c r="L153" s="27">
        <v>105.596912</v>
      </c>
    </row>
    <row r="154" spans="2:12" x14ac:dyDescent="0.45">
      <c r="B154" s="27">
        <v>1778.368352</v>
      </c>
      <c r="C154" s="27">
        <v>128.31512499999999</v>
      </c>
      <c r="E154" s="27">
        <v>1778.368352</v>
      </c>
      <c r="F154" s="27">
        <v>118.64948099999999</v>
      </c>
      <c r="H154" s="27">
        <v>1778.368352</v>
      </c>
      <c r="I154" s="27">
        <v>112.974413</v>
      </c>
      <c r="K154" s="27">
        <v>1778.368352</v>
      </c>
      <c r="L154" s="27">
        <v>105.55658</v>
      </c>
    </row>
    <row r="155" spans="2:12" x14ac:dyDescent="0.45">
      <c r="B155" s="27">
        <v>1780.2971680000001</v>
      </c>
      <c r="C155" s="27">
        <v>128.24572899999998</v>
      </c>
      <c r="E155" s="27">
        <v>1780.2971680000001</v>
      </c>
      <c r="F155" s="27">
        <v>118.657843</v>
      </c>
      <c r="H155" s="27">
        <v>1780.2971680000001</v>
      </c>
      <c r="I155" s="27">
        <v>112.893255</v>
      </c>
      <c r="K155" s="27">
        <v>1780.2971680000001</v>
      </c>
      <c r="L155" s="27">
        <v>105.55212899999999</v>
      </c>
    </row>
    <row r="156" spans="2:12" x14ac:dyDescent="0.45">
      <c r="B156" s="27">
        <v>1782.2259839999999</v>
      </c>
      <c r="C156" s="27">
        <v>128.275104</v>
      </c>
      <c r="E156" s="27">
        <v>1782.2259839999999</v>
      </c>
      <c r="F156" s="27">
        <v>118.678445</v>
      </c>
      <c r="H156" s="27">
        <v>1782.2259839999999</v>
      </c>
      <c r="I156" s="27">
        <v>112.894372</v>
      </c>
      <c r="K156" s="27">
        <v>1782.2259839999999</v>
      </c>
      <c r="L156" s="27">
        <v>105.57516</v>
      </c>
    </row>
    <row r="157" spans="2:12" x14ac:dyDescent="0.45">
      <c r="B157" s="27">
        <v>1784.1548</v>
      </c>
      <c r="C157" s="27">
        <v>128.26908299999999</v>
      </c>
      <c r="E157" s="27">
        <v>1784.1548</v>
      </c>
      <c r="F157" s="27">
        <v>118.666383</v>
      </c>
      <c r="H157" s="27">
        <v>1784.1548</v>
      </c>
      <c r="I157" s="27">
        <v>112.93426599999999</v>
      </c>
      <c r="K157" s="27">
        <v>1784.1548</v>
      </c>
      <c r="L157" s="27">
        <v>105.52238800000001</v>
      </c>
    </row>
    <row r="158" spans="2:12" x14ac:dyDescent="0.45">
      <c r="B158" s="27">
        <v>1786.0836159999999</v>
      </c>
      <c r="C158" s="27">
        <v>128.28565500000002</v>
      </c>
      <c r="E158" s="27">
        <v>1786.0836159999999</v>
      </c>
      <c r="F158" s="27">
        <v>118.612847</v>
      </c>
      <c r="H158" s="27">
        <v>1786.0836159999999</v>
      </c>
      <c r="I158" s="27">
        <v>112.94572599999999</v>
      </c>
      <c r="K158" s="27">
        <v>1786.0836159999999</v>
      </c>
      <c r="L158" s="27">
        <v>105.56938700000001</v>
      </c>
    </row>
    <row r="159" spans="2:12" x14ac:dyDescent="0.45">
      <c r="B159" s="27">
        <v>1788.012432</v>
      </c>
      <c r="C159" s="27">
        <v>128.27879300000001</v>
      </c>
      <c r="E159" s="27">
        <v>1788.012432</v>
      </c>
      <c r="F159" s="27">
        <v>118.59201400000001</v>
      </c>
      <c r="H159" s="27">
        <v>1788.012432</v>
      </c>
      <c r="I159" s="27">
        <v>112.907465</v>
      </c>
      <c r="K159" s="27">
        <v>1788.012432</v>
      </c>
      <c r="L159" s="27">
        <v>105.540845</v>
      </c>
    </row>
    <row r="160" spans="2:12" x14ac:dyDescent="0.45">
      <c r="B160" s="27">
        <v>1789.9412480000001</v>
      </c>
      <c r="C160" s="27">
        <v>128.17515500000002</v>
      </c>
      <c r="E160" s="27">
        <v>1789.9412480000001</v>
      </c>
      <c r="F160" s="27">
        <v>118.523475</v>
      </c>
      <c r="H160" s="27">
        <v>1789.9412480000001</v>
      </c>
      <c r="I160" s="27">
        <v>112.829206</v>
      </c>
      <c r="K160" s="27">
        <v>1789.9412480000001</v>
      </c>
      <c r="L160" s="27">
        <v>105.399423</v>
      </c>
    </row>
    <row r="161" spans="2:12" x14ac:dyDescent="0.45">
      <c r="B161" s="27">
        <v>1791.870064</v>
      </c>
      <c r="C161" s="27">
        <v>128.11061699999999</v>
      </c>
      <c r="E161" s="27">
        <v>1791.870064</v>
      </c>
      <c r="F161" s="27">
        <v>118.43295999999999</v>
      </c>
      <c r="H161" s="27">
        <v>1791.870064</v>
      </c>
      <c r="I161" s="27">
        <v>112.720794</v>
      </c>
      <c r="K161" s="27">
        <v>1791.870064</v>
      </c>
      <c r="L161" s="27">
        <v>105.36753299999999</v>
      </c>
    </row>
    <row r="162" spans="2:12" x14ac:dyDescent="0.45">
      <c r="B162" s="27">
        <v>1793.7988800000001</v>
      </c>
      <c r="C162" s="27">
        <v>128.13533200000001</v>
      </c>
      <c r="E162" s="27">
        <v>1793.7988800000001</v>
      </c>
      <c r="F162" s="27">
        <v>118.511956</v>
      </c>
      <c r="H162" s="27">
        <v>1793.7988800000001</v>
      </c>
      <c r="I162" s="27">
        <v>112.749577</v>
      </c>
      <c r="K162" s="27">
        <v>1793.7988800000001</v>
      </c>
      <c r="L162" s="27">
        <v>105.524021</v>
      </c>
    </row>
    <row r="163" spans="2:12" x14ac:dyDescent="0.45">
      <c r="B163" s="27">
        <v>1795.7276959999999</v>
      </c>
      <c r="C163" s="27">
        <v>128.15216599999999</v>
      </c>
      <c r="E163" s="27">
        <v>1795.7276959999999</v>
      </c>
      <c r="F163" s="27">
        <v>118.60381099999999</v>
      </c>
      <c r="H163" s="27">
        <v>1795.7276959999999</v>
      </c>
      <c r="I163" s="27">
        <v>112.75929499999999</v>
      </c>
      <c r="K163" s="27">
        <v>1795.7276959999999</v>
      </c>
      <c r="L163" s="27">
        <v>105.47423999999999</v>
      </c>
    </row>
    <row r="164" spans="2:12" x14ac:dyDescent="0.45">
      <c r="B164" s="27">
        <v>1797.656512</v>
      </c>
      <c r="C164" s="27">
        <v>128.16354000000001</v>
      </c>
      <c r="E164" s="27">
        <v>1797.656512</v>
      </c>
      <c r="F164" s="27">
        <v>118.586969</v>
      </c>
      <c r="H164" s="27">
        <v>1797.656512</v>
      </c>
      <c r="I164" s="27">
        <v>112.73824399999999</v>
      </c>
      <c r="K164" s="27">
        <v>1797.656512</v>
      </c>
      <c r="L164" s="27">
        <v>105.37110199999999</v>
      </c>
    </row>
    <row r="165" spans="2:12" x14ac:dyDescent="0.45">
      <c r="B165" s="27">
        <v>1799.5853279999999</v>
      </c>
      <c r="C165" s="27">
        <v>128.059282</v>
      </c>
      <c r="E165" s="27">
        <v>1799.5853279999999</v>
      </c>
      <c r="F165" s="27">
        <v>118.54991800000001</v>
      </c>
      <c r="H165" s="27">
        <v>1799.5853279999999</v>
      </c>
      <c r="I165" s="27">
        <v>112.696776</v>
      </c>
      <c r="K165" s="27">
        <v>1799.5853279999999</v>
      </c>
      <c r="L165" s="27">
        <v>105.31355000000001</v>
      </c>
    </row>
    <row r="166" spans="2:12" x14ac:dyDescent="0.45">
      <c r="B166" s="27">
        <v>1801.514144</v>
      </c>
      <c r="C166" s="27">
        <v>128.05398400000001</v>
      </c>
      <c r="E166" s="27">
        <v>1801.514144</v>
      </c>
      <c r="F166" s="27">
        <v>118.539025</v>
      </c>
      <c r="H166" s="27">
        <v>1801.514144</v>
      </c>
      <c r="I166" s="27">
        <v>112.681562</v>
      </c>
      <c r="K166" s="27">
        <v>1801.514144</v>
      </c>
      <c r="L166" s="27">
        <v>105.342116</v>
      </c>
    </row>
    <row r="167" spans="2:12" x14ac:dyDescent="0.45">
      <c r="B167" s="27">
        <v>1803.4429600000001</v>
      </c>
      <c r="C167" s="27">
        <v>128.13963799999999</v>
      </c>
      <c r="E167" s="27">
        <v>1803.4429600000001</v>
      </c>
      <c r="F167" s="27">
        <v>118.527519</v>
      </c>
      <c r="H167" s="27">
        <v>1803.4429600000001</v>
      </c>
      <c r="I167" s="27">
        <v>112.740336</v>
      </c>
      <c r="K167" s="27">
        <v>1803.4429600000001</v>
      </c>
      <c r="L167" s="27">
        <v>105.35801600000001</v>
      </c>
    </row>
    <row r="168" spans="2:12" x14ac:dyDescent="0.45">
      <c r="B168" s="27">
        <v>1805.371776</v>
      </c>
      <c r="C168" s="27">
        <v>128.131663</v>
      </c>
      <c r="E168" s="27">
        <v>1805.371776</v>
      </c>
      <c r="F168" s="27">
        <v>118.5168</v>
      </c>
      <c r="H168" s="27">
        <v>1805.371776</v>
      </c>
      <c r="I168" s="27">
        <v>112.766775</v>
      </c>
      <c r="K168" s="27">
        <v>1805.371776</v>
      </c>
      <c r="L168" s="27">
        <v>105.37078</v>
      </c>
    </row>
    <row r="169" spans="2:12" x14ac:dyDescent="0.45">
      <c r="B169" s="27">
        <v>1807.3005920000001</v>
      </c>
      <c r="C169" s="27">
        <v>128.07833299999999</v>
      </c>
      <c r="E169" s="27">
        <v>1807.3005920000001</v>
      </c>
      <c r="F169" s="27">
        <v>118.499521</v>
      </c>
      <c r="H169" s="27">
        <v>1807.3005920000001</v>
      </c>
      <c r="I169" s="27">
        <v>112.76205299999999</v>
      </c>
      <c r="K169" s="27">
        <v>1807.3005920000001</v>
      </c>
      <c r="L169" s="27">
        <v>105.347734</v>
      </c>
    </row>
    <row r="170" spans="2:12" x14ac:dyDescent="0.45">
      <c r="B170" s="27">
        <v>1809.2294079999999</v>
      </c>
      <c r="C170" s="27">
        <v>128.02952199999999</v>
      </c>
      <c r="E170" s="27">
        <v>1809.2294079999999</v>
      </c>
      <c r="F170" s="27">
        <v>118.516358</v>
      </c>
      <c r="H170" s="27">
        <v>1809.2294079999999</v>
      </c>
      <c r="I170" s="27">
        <v>112.732107</v>
      </c>
      <c r="K170" s="27">
        <v>1809.2294079999999</v>
      </c>
      <c r="L170" s="27">
        <v>105.305454</v>
      </c>
    </row>
    <row r="171" spans="2:12" x14ac:dyDescent="0.45">
      <c r="B171" s="27">
        <v>1811.158224</v>
      </c>
      <c r="C171" s="27">
        <v>127.980225</v>
      </c>
      <c r="E171" s="27">
        <v>1811.158224</v>
      </c>
      <c r="F171" s="27">
        <v>118.477762</v>
      </c>
      <c r="H171" s="27">
        <v>1811.158224</v>
      </c>
      <c r="I171" s="27">
        <v>112.67771500000001</v>
      </c>
      <c r="K171" s="27">
        <v>1811.158224</v>
      </c>
      <c r="L171" s="27">
        <v>105.309917</v>
      </c>
    </row>
    <row r="172" spans="2:12" x14ac:dyDescent="0.45">
      <c r="B172" s="27">
        <v>1813.0870399999999</v>
      </c>
      <c r="C172" s="27">
        <v>127.97333500000001</v>
      </c>
      <c r="E172" s="27">
        <v>1813.0870399999999</v>
      </c>
      <c r="F172" s="27">
        <v>118.448832</v>
      </c>
      <c r="H172" s="27">
        <v>1813.0870399999999</v>
      </c>
      <c r="I172" s="27">
        <v>112.67311100000001</v>
      </c>
      <c r="K172" s="27">
        <v>1813.0870399999999</v>
      </c>
      <c r="L172" s="27">
        <v>105.37836900000001</v>
      </c>
    </row>
    <row r="173" spans="2:12" x14ac:dyDescent="0.45">
      <c r="B173" s="27">
        <v>1815.015856</v>
      </c>
      <c r="C173" s="27">
        <v>127.996</v>
      </c>
      <c r="E173" s="27">
        <v>1815.015856</v>
      </c>
      <c r="F173" s="27">
        <v>118.458969</v>
      </c>
      <c r="H173" s="27">
        <v>1815.015856</v>
      </c>
      <c r="I173" s="27">
        <v>112.67372400000001</v>
      </c>
      <c r="K173" s="27">
        <v>1815.015856</v>
      </c>
      <c r="L173" s="27">
        <v>105.36248000000001</v>
      </c>
    </row>
    <row r="174" spans="2:12" x14ac:dyDescent="0.45">
      <c r="B174" s="27">
        <v>1816.9446720000001</v>
      </c>
      <c r="C174" s="27">
        <v>127.939262</v>
      </c>
      <c r="E174" s="27">
        <v>1816.9446720000001</v>
      </c>
      <c r="F174" s="27">
        <v>118.45910000000001</v>
      </c>
      <c r="H174" s="27">
        <v>1816.9446720000001</v>
      </c>
      <c r="I174" s="27">
        <v>112.635783</v>
      </c>
      <c r="K174" s="27">
        <v>1816.9446720000001</v>
      </c>
      <c r="L174" s="27">
        <v>105.303546</v>
      </c>
    </row>
    <row r="175" spans="2:12" x14ac:dyDescent="0.45">
      <c r="B175" s="27">
        <v>1818.873488</v>
      </c>
      <c r="C175" s="27">
        <v>127.822801</v>
      </c>
      <c r="E175" s="27">
        <v>1818.873488</v>
      </c>
      <c r="F175" s="27">
        <v>118.434096</v>
      </c>
      <c r="H175" s="27">
        <v>1818.873488</v>
      </c>
      <c r="I175" s="27">
        <v>112.615667</v>
      </c>
      <c r="K175" s="27">
        <v>1818.873488</v>
      </c>
      <c r="L175" s="27">
        <v>105.311021</v>
      </c>
    </row>
    <row r="176" spans="2:12" x14ac:dyDescent="0.45">
      <c r="B176" s="27">
        <v>1820.802304</v>
      </c>
      <c r="C176" s="27">
        <v>127.73858199999999</v>
      </c>
      <c r="E176" s="27">
        <v>1820.802304</v>
      </c>
      <c r="F176" s="27">
        <v>118.37295899999999</v>
      </c>
      <c r="H176" s="27">
        <v>1820.802304</v>
      </c>
      <c r="I176" s="27">
        <v>112.5668</v>
      </c>
      <c r="K176" s="27">
        <v>1820.802304</v>
      </c>
      <c r="L176" s="27">
        <v>105.37308</v>
      </c>
    </row>
    <row r="177" spans="2:12" x14ac:dyDescent="0.45">
      <c r="B177" s="27">
        <v>1822.7311199999999</v>
      </c>
      <c r="C177" s="27">
        <v>127.702787</v>
      </c>
      <c r="E177" s="27">
        <v>1822.7311199999999</v>
      </c>
      <c r="F177" s="27">
        <v>118.267996</v>
      </c>
      <c r="H177" s="27">
        <v>1822.7311199999999</v>
      </c>
      <c r="I177" s="27">
        <v>112.541273</v>
      </c>
      <c r="K177" s="27">
        <v>1822.7311199999999</v>
      </c>
      <c r="L177" s="27">
        <v>105.361227</v>
      </c>
    </row>
    <row r="178" spans="2:12" x14ac:dyDescent="0.45">
      <c r="B178" s="27">
        <v>1824.659936</v>
      </c>
      <c r="C178" s="27">
        <v>127.710324</v>
      </c>
      <c r="E178" s="27">
        <v>1824.659936</v>
      </c>
      <c r="F178" s="27">
        <v>118.25092100000001</v>
      </c>
      <c r="H178" s="27">
        <v>1824.659936</v>
      </c>
      <c r="I178" s="27">
        <v>112.43016</v>
      </c>
      <c r="K178" s="27">
        <v>1824.659936</v>
      </c>
      <c r="L178" s="27">
        <v>105.34134</v>
      </c>
    </row>
    <row r="179" spans="2:12" x14ac:dyDescent="0.45">
      <c r="B179" s="27">
        <v>1826.5887520000001</v>
      </c>
      <c r="C179" s="27">
        <v>127.794753</v>
      </c>
      <c r="E179" s="27">
        <v>1826.5887520000001</v>
      </c>
      <c r="F179" s="27">
        <v>118.352949</v>
      </c>
      <c r="H179" s="27">
        <v>1826.5887520000001</v>
      </c>
      <c r="I179" s="27">
        <v>112.408551</v>
      </c>
      <c r="K179" s="27">
        <v>1826.5887520000001</v>
      </c>
      <c r="L179" s="27">
        <v>105.240624</v>
      </c>
    </row>
    <row r="180" spans="2:12" x14ac:dyDescent="0.45">
      <c r="B180" s="27">
        <v>1828.517568</v>
      </c>
      <c r="C180" s="27">
        <v>127.68557699999999</v>
      </c>
      <c r="E180" s="27">
        <v>1828.517568</v>
      </c>
      <c r="F180" s="27">
        <v>118.38381699999999</v>
      </c>
      <c r="H180" s="27">
        <v>1828.517568</v>
      </c>
      <c r="I180" s="27">
        <v>112.41252799999999</v>
      </c>
      <c r="K180" s="27">
        <v>1828.517568</v>
      </c>
      <c r="L180" s="27">
        <v>105.04475100000001</v>
      </c>
    </row>
    <row r="181" spans="2:12" x14ac:dyDescent="0.45">
      <c r="B181" s="27">
        <v>1830.4463840000001</v>
      </c>
      <c r="C181" s="27">
        <v>127.682878</v>
      </c>
      <c r="E181" s="27">
        <v>1830.4463840000001</v>
      </c>
      <c r="F181" s="27">
        <v>118.39709999999999</v>
      </c>
      <c r="H181" s="27">
        <v>1830.4463840000001</v>
      </c>
      <c r="I181" s="27">
        <v>112.34665699999999</v>
      </c>
      <c r="K181" s="27">
        <v>1830.4463840000001</v>
      </c>
      <c r="L181" s="27">
        <v>105.09107899999999</v>
      </c>
    </row>
    <row r="182" spans="2:12" x14ac:dyDescent="0.45">
      <c r="B182" s="27">
        <v>1832.3751999999999</v>
      </c>
      <c r="C182" s="27">
        <v>127.706873</v>
      </c>
      <c r="E182" s="27">
        <v>1832.3751999999999</v>
      </c>
      <c r="F182" s="27">
        <v>118.399354</v>
      </c>
      <c r="H182" s="27">
        <v>1832.3751999999999</v>
      </c>
      <c r="I182" s="27">
        <v>112.390567</v>
      </c>
      <c r="K182" s="27">
        <v>1832.3751999999999</v>
      </c>
      <c r="L182" s="27">
        <v>105.243275</v>
      </c>
    </row>
    <row r="183" spans="2:12" x14ac:dyDescent="0.45">
      <c r="B183" s="27">
        <v>1834.304016</v>
      </c>
      <c r="C183" s="27">
        <v>127.672318</v>
      </c>
      <c r="E183" s="27">
        <v>1834.304016</v>
      </c>
      <c r="F183" s="27">
        <v>118.341469</v>
      </c>
      <c r="H183" s="27">
        <v>1834.304016</v>
      </c>
      <c r="I183" s="27">
        <v>112.408022</v>
      </c>
      <c r="K183" s="27">
        <v>1834.304016</v>
      </c>
      <c r="L183" s="27">
        <v>105.18739600000001</v>
      </c>
    </row>
    <row r="184" spans="2:12" x14ac:dyDescent="0.45">
      <c r="B184" s="27">
        <v>1836.2328319999999</v>
      </c>
      <c r="C184" s="27">
        <v>127.628106</v>
      </c>
      <c r="E184" s="27">
        <v>1836.2328319999999</v>
      </c>
      <c r="F184" s="27">
        <v>118.312088</v>
      </c>
      <c r="H184" s="27">
        <v>1836.2328319999999</v>
      </c>
      <c r="I184" s="27">
        <v>112.378703</v>
      </c>
      <c r="K184" s="27">
        <v>1836.2328319999999</v>
      </c>
      <c r="L184" s="27">
        <v>105.159645</v>
      </c>
    </row>
    <row r="185" spans="2:12" x14ac:dyDescent="0.45">
      <c r="B185" s="27">
        <v>1838.161648</v>
      </c>
      <c r="C185" s="27">
        <v>127.59261600000001</v>
      </c>
      <c r="E185" s="27">
        <v>1838.161648</v>
      </c>
      <c r="F185" s="27">
        <v>118.250055</v>
      </c>
      <c r="H185" s="27">
        <v>1838.161648</v>
      </c>
      <c r="I185" s="27">
        <v>112.39580599999999</v>
      </c>
      <c r="K185" s="27">
        <v>1838.161648</v>
      </c>
      <c r="L185" s="27">
        <v>105.147661</v>
      </c>
    </row>
    <row r="186" spans="2:12" x14ac:dyDescent="0.45">
      <c r="B186" s="27">
        <v>1840.0904640000001</v>
      </c>
      <c r="C186" s="27">
        <v>127.602756</v>
      </c>
      <c r="E186" s="27">
        <v>1840.0904640000001</v>
      </c>
      <c r="F186" s="27">
        <v>118.18978199999999</v>
      </c>
      <c r="H186" s="27">
        <v>1840.0904640000001</v>
      </c>
      <c r="I186" s="27">
        <v>112.41279299999999</v>
      </c>
      <c r="K186" s="27">
        <v>1840.0904640000001</v>
      </c>
      <c r="L186" s="27">
        <v>105.046808</v>
      </c>
    </row>
    <row r="187" spans="2:12" x14ac:dyDescent="0.45">
      <c r="B187" s="27">
        <v>1842.01928</v>
      </c>
      <c r="C187" s="27">
        <v>127.55989099999999</v>
      </c>
      <c r="E187" s="27">
        <v>1842.01928</v>
      </c>
      <c r="F187" s="27">
        <v>118.16911399999999</v>
      </c>
      <c r="H187" s="27">
        <v>1842.01928</v>
      </c>
      <c r="I187" s="27">
        <v>112.30120100000001</v>
      </c>
      <c r="K187" s="27">
        <v>1842.01928</v>
      </c>
      <c r="L187" s="27">
        <v>104.90936600000001</v>
      </c>
    </row>
    <row r="188" spans="2:12" x14ac:dyDescent="0.45">
      <c r="B188" s="27">
        <v>1843.9480960000001</v>
      </c>
      <c r="C188" s="27">
        <v>127.426987</v>
      </c>
      <c r="E188" s="27">
        <v>1843.9480960000001</v>
      </c>
      <c r="F188" s="27">
        <v>118.173427</v>
      </c>
      <c r="H188" s="27">
        <v>1843.9480960000001</v>
      </c>
      <c r="I188" s="27">
        <v>112.211074</v>
      </c>
      <c r="K188" s="27">
        <v>1843.9480960000001</v>
      </c>
      <c r="L188" s="27">
        <v>104.859504</v>
      </c>
    </row>
    <row r="189" spans="2:12" x14ac:dyDescent="0.45">
      <c r="B189" s="27">
        <v>1845.8769119999999</v>
      </c>
      <c r="C189" s="27">
        <v>127.381291</v>
      </c>
      <c r="E189" s="27">
        <v>1845.8769119999999</v>
      </c>
      <c r="F189" s="27">
        <v>118.199181</v>
      </c>
      <c r="H189" s="27">
        <v>1845.8769119999999</v>
      </c>
      <c r="I189" s="27">
        <v>112.28789999999999</v>
      </c>
      <c r="K189" s="27">
        <v>1845.8769119999999</v>
      </c>
      <c r="L189" s="27">
        <v>104.913578</v>
      </c>
    </row>
    <row r="190" spans="2:12" x14ac:dyDescent="0.45">
      <c r="B190" s="27">
        <v>1847.805728</v>
      </c>
      <c r="C190" s="27">
        <v>127.415065</v>
      </c>
      <c r="E190" s="27">
        <v>1847.805728</v>
      </c>
      <c r="F190" s="27">
        <v>118.198393</v>
      </c>
      <c r="H190" s="27">
        <v>1847.805728</v>
      </c>
      <c r="I190" s="27">
        <v>112.31208700000001</v>
      </c>
      <c r="K190" s="27">
        <v>1847.805728</v>
      </c>
      <c r="L190" s="27">
        <v>104.995953</v>
      </c>
    </row>
    <row r="191" spans="2:12" x14ac:dyDescent="0.45">
      <c r="B191" s="27">
        <v>1849.7345439999999</v>
      </c>
      <c r="C191" s="27">
        <v>127.476829</v>
      </c>
      <c r="E191" s="27">
        <v>1849.7345439999999</v>
      </c>
      <c r="F191" s="27">
        <v>118.1875</v>
      </c>
      <c r="H191" s="27">
        <v>1849.7345439999999</v>
      </c>
      <c r="I191" s="27">
        <v>112.286545</v>
      </c>
      <c r="K191" s="27">
        <v>1849.7345439999999</v>
      </c>
      <c r="L191" s="27">
        <v>105.04043799999999</v>
      </c>
    </row>
    <row r="192" spans="2:12" x14ac:dyDescent="0.45">
      <c r="B192" s="27">
        <v>1851.66336</v>
      </c>
      <c r="C192" s="27">
        <v>127.4452</v>
      </c>
      <c r="E192" s="27">
        <v>1851.66336</v>
      </c>
      <c r="F192" s="27">
        <v>118.17698</v>
      </c>
      <c r="H192" s="27">
        <v>1851.66336</v>
      </c>
      <c r="I192" s="27">
        <v>112.30436400000001</v>
      </c>
      <c r="K192" s="27">
        <v>1851.66336</v>
      </c>
      <c r="L192" s="27">
        <v>105.006418</v>
      </c>
    </row>
    <row r="193" spans="2:12" x14ac:dyDescent="0.45">
      <c r="B193" s="27">
        <v>1853.5921760000001</v>
      </c>
      <c r="C193" s="27">
        <v>127.434603</v>
      </c>
      <c r="E193" s="27">
        <v>1853.5921760000001</v>
      </c>
      <c r="F193" s="27">
        <v>118.191742</v>
      </c>
      <c r="H193" s="27">
        <v>1853.5921760000001</v>
      </c>
      <c r="I193" s="27">
        <v>112.30821299999999</v>
      </c>
      <c r="K193" s="27">
        <v>1853.5921760000001</v>
      </c>
      <c r="L193" s="27">
        <v>104.937111</v>
      </c>
    </row>
    <row r="194" spans="2:12" x14ac:dyDescent="0.45">
      <c r="B194" s="27">
        <v>1855.520992</v>
      </c>
      <c r="C194" s="27">
        <v>127.47395299999999</v>
      </c>
      <c r="E194" s="27">
        <v>1855.520992</v>
      </c>
      <c r="F194" s="27">
        <v>118.13919</v>
      </c>
      <c r="H194" s="27">
        <v>1855.520992</v>
      </c>
      <c r="I194" s="27">
        <v>112.264589</v>
      </c>
      <c r="K194" s="27">
        <v>1855.520992</v>
      </c>
      <c r="L194" s="27">
        <v>104.948871</v>
      </c>
    </row>
    <row r="195" spans="2:12" x14ac:dyDescent="0.45">
      <c r="B195" s="27">
        <v>1857.4498080000001</v>
      </c>
      <c r="C195" s="27">
        <v>127.474294</v>
      </c>
      <c r="E195" s="27">
        <v>1857.4498080000001</v>
      </c>
      <c r="F195" s="27">
        <v>118.09222</v>
      </c>
      <c r="H195" s="27">
        <v>1857.4498080000001</v>
      </c>
      <c r="I195" s="27">
        <v>112.20431000000001</v>
      </c>
      <c r="K195" s="27">
        <v>1857.4498080000001</v>
      </c>
      <c r="L195" s="27">
        <v>105.040632</v>
      </c>
    </row>
    <row r="196" spans="2:12" x14ac:dyDescent="0.45">
      <c r="B196" s="27">
        <v>1859.3786239999999</v>
      </c>
      <c r="C196" s="27">
        <v>127.37889300000001</v>
      </c>
      <c r="E196" s="27">
        <v>1859.3786239999999</v>
      </c>
      <c r="F196" s="27">
        <v>118.074639</v>
      </c>
      <c r="H196" s="27">
        <v>1859.3786239999999</v>
      </c>
      <c r="I196" s="27">
        <v>112.16454299999999</v>
      </c>
      <c r="K196" s="27">
        <v>1859.3786239999999</v>
      </c>
      <c r="L196" s="27">
        <v>105.093074</v>
      </c>
    </row>
    <row r="197" spans="2:12" x14ac:dyDescent="0.45">
      <c r="B197" s="27">
        <v>1861.30744</v>
      </c>
      <c r="C197" s="27">
        <v>127.289411</v>
      </c>
      <c r="E197" s="27">
        <v>1861.30744</v>
      </c>
      <c r="F197" s="27">
        <v>118.111602</v>
      </c>
      <c r="H197" s="27">
        <v>1861.30744</v>
      </c>
      <c r="I197" s="27">
        <v>112.185265</v>
      </c>
      <c r="K197" s="27">
        <v>1861.30744</v>
      </c>
      <c r="L197" s="27">
        <v>105.02193800000001</v>
      </c>
    </row>
    <row r="198" spans="2:12" x14ac:dyDescent="0.45">
      <c r="B198" s="27">
        <v>1863.2362559999999</v>
      </c>
      <c r="C198" s="27">
        <v>127.31209699999999</v>
      </c>
      <c r="E198" s="27">
        <v>1863.2362559999999</v>
      </c>
      <c r="F198" s="27">
        <v>118.16857299999999</v>
      </c>
      <c r="H198" s="27">
        <v>1863.2362559999999</v>
      </c>
      <c r="I198" s="27">
        <v>112.19293999999999</v>
      </c>
      <c r="K198" s="27">
        <v>1863.2362559999999</v>
      </c>
      <c r="L198" s="27">
        <v>104.92592999999999</v>
      </c>
    </row>
    <row r="199" spans="2:12" x14ac:dyDescent="0.45">
      <c r="B199" s="27">
        <v>1865.165072</v>
      </c>
      <c r="C199" s="27">
        <v>127.37061199999999</v>
      </c>
      <c r="E199" s="27">
        <v>1865.165072</v>
      </c>
      <c r="F199" s="27">
        <v>118.099335</v>
      </c>
      <c r="H199" s="27">
        <v>1865.165072</v>
      </c>
      <c r="I199" s="27">
        <v>112.176756</v>
      </c>
      <c r="K199" s="27">
        <v>1865.165072</v>
      </c>
      <c r="L199" s="27">
        <v>104.890676</v>
      </c>
    </row>
    <row r="200" spans="2:12" x14ac:dyDescent="0.45">
      <c r="B200" s="27">
        <v>1867.0938880000001</v>
      </c>
      <c r="C200" s="27">
        <v>127.271219</v>
      </c>
      <c r="E200" s="27">
        <v>1867.0938880000001</v>
      </c>
      <c r="F200" s="27">
        <v>118.01861100000001</v>
      </c>
      <c r="H200" s="27">
        <v>1867.0938880000001</v>
      </c>
      <c r="I200" s="27">
        <v>112.145668</v>
      </c>
      <c r="K200" s="27">
        <v>1867.0938880000001</v>
      </c>
      <c r="L200" s="27">
        <v>104.86264</v>
      </c>
    </row>
    <row r="201" spans="2:12" x14ac:dyDescent="0.45">
      <c r="B201" s="27">
        <v>1869.022704</v>
      </c>
      <c r="C201" s="27">
        <v>127.16355299999999</v>
      </c>
      <c r="E201" s="27">
        <v>1869.022704</v>
      </c>
      <c r="F201" s="27">
        <v>118.05038399999999</v>
      </c>
      <c r="H201" s="27">
        <v>1869.022704</v>
      </c>
      <c r="I201" s="27">
        <v>112.082435</v>
      </c>
      <c r="K201" s="27">
        <v>1869.022704</v>
      </c>
      <c r="L201" s="27">
        <v>104.969392</v>
      </c>
    </row>
    <row r="202" spans="2:12" x14ac:dyDescent="0.45">
      <c r="B202" s="27">
        <v>1870.9515200000001</v>
      </c>
      <c r="C202" s="27">
        <v>127.16502199999999</v>
      </c>
      <c r="E202" s="27">
        <v>1870.9515200000001</v>
      </c>
      <c r="F202" s="27">
        <v>118.039248</v>
      </c>
      <c r="H202" s="27">
        <v>1870.9515200000001</v>
      </c>
      <c r="I202" s="27">
        <v>112.141153</v>
      </c>
      <c r="K202" s="27">
        <v>1870.9515200000001</v>
      </c>
      <c r="L202" s="27">
        <v>105.021055</v>
      </c>
    </row>
    <row r="203" spans="2:12" x14ac:dyDescent="0.45">
      <c r="B203" s="27">
        <v>1872.8803359999999</v>
      </c>
      <c r="C203" s="27">
        <v>127.274978</v>
      </c>
      <c r="E203" s="27">
        <v>1872.8803359999999</v>
      </c>
      <c r="F203" s="27">
        <v>117.980458</v>
      </c>
      <c r="H203" s="27">
        <v>1872.8803359999999</v>
      </c>
      <c r="I203" s="27">
        <v>112.17472100000001</v>
      </c>
      <c r="K203" s="27">
        <v>1872.8803359999999</v>
      </c>
      <c r="L203" s="27">
        <v>105.001659</v>
      </c>
    </row>
    <row r="204" spans="2:12" x14ac:dyDescent="0.45">
      <c r="B204" s="27">
        <v>1874.809152</v>
      </c>
      <c r="C204" s="27">
        <v>127.37544800000001</v>
      </c>
      <c r="E204" s="27">
        <v>1874.809152</v>
      </c>
      <c r="F204" s="27">
        <v>117.958285</v>
      </c>
      <c r="H204" s="27">
        <v>1874.809152</v>
      </c>
      <c r="I204" s="27">
        <v>112.160735</v>
      </c>
      <c r="K204" s="27">
        <v>1874.809152</v>
      </c>
      <c r="L204" s="27">
        <v>104.99431800000001</v>
      </c>
    </row>
    <row r="205" spans="2:12" x14ac:dyDescent="0.45">
      <c r="B205" s="27">
        <v>1876.7379679999999</v>
      </c>
      <c r="C205" s="27">
        <v>127.369266</v>
      </c>
      <c r="E205" s="27">
        <v>1876.7379679999999</v>
      </c>
      <c r="F205" s="27">
        <v>117.87044299999999</v>
      </c>
      <c r="H205" s="27">
        <v>1876.7379679999999</v>
      </c>
      <c r="I205" s="27">
        <v>112.125818</v>
      </c>
      <c r="K205" s="27">
        <v>1876.7379679999999</v>
      </c>
      <c r="L205" s="27">
        <v>104.929756</v>
      </c>
    </row>
    <row r="206" spans="2:12" x14ac:dyDescent="0.45">
      <c r="B206" s="27">
        <v>1878.666784</v>
      </c>
      <c r="C206" s="27">
        <v>127.248071</v>
      </c>
      <c r="E206" s="27">
        <v>1878.666784</v>
      </c>
      <c r="F206" s="27">
        <v>117.930487</v>
      </c>
      <c r="H206" s="27">
        <v>1878.666784</v>
      </c>
      <c r="I206" s="27">
        <v>112.025578</v>
      </c>
      <c r="K206" s="27">
        <v>1878.666784</v>
      </c>
      <c r="L206" s="27">
        <v>104.87044299999999</v>
      </c>
    </row>
    <row r="207" spans="2:12" x14ac:dyDescent="0.45">
      <c r="B207" s="27">
        <v>1880.5956000000001</v>
      </c>
      <c r="C207" s="27">
        <v>127.138716</v>
      </c>
      <c r="E207" s="27">
        <v>1880.5956000000001</v>
      </c>
      <c r="F207" s="27">
        <v>118.106982</v>
      </c>
      <c r="H207" s="27">
        <v>1880.5956000000001</v>
      </c>
      <c r="I207" s="27">
        <v>111.969964</v>
      </c>
      <c r="K207" s="27">
        <v>1880.5956000000001</v>
      </c>
      <c r="L207" s="27">
        <v>104.84086000000001</v>
      </c>
    </row>
    <row r="208" spans="2:12" x14ac:dyDescent="0.45">
      <c r="B208" s="27">
        <v>1882.524416</v>
      </c>
      <c r="C208" s="27">
        <v>127.077325</v>
      </c>
      <c r="E208" s="27">
        <v>1882.524416</v>
      </c>
      <c r="F208" s="27">
        <v>118.12178400000001</v>
      </c>
      <c r="H208" s="27">
        <v>1882.524416</v>
      </c>
      <c r="I208" s="27">
        <v>111.98117999999999</v>
      </c>
      <c r="K208" s="27">
        <v>1882.524416</v>
      </c>
      <c r="L208" s="27">
        <v>104.827108</v>
      </c>
    </row>
    <row r="209" spans="2:12" x14ac:dyDescent="0.45">
      <c r="B209" s="27">
        <v>1884.4532320000001</v>
      </c>
      <c r="C209" s="27">
        <v>127.140951</v>
      </c>
      <c r="E209" s="27">
        <v>1884.4532320000001</v>
      </c>
      <c r="F209" s="27">
        <v>118.035912</v>
      </c>
      <c r="H209" s="27">
        <v>1884.4532320000001</v>
      </c>
      <c r="I209" s="27">
        <v>112.05197800000001</v>
      </c>
      <c r="K209" s="27">
        <v>1884.4532320000001</v>
      </c>
      <c r="L209" s="27">
        <v>104.815479</v>
      </c>
    </row>
    <row r="210" spans="2:12" x14ac:dyDescent="0.45">
      <c r="B210" s="27">
        <v>1886.3820479999999</v>
      </c>
      <c r="C210" s="27">
        <v>127.182463</v>
      </c>
      <c r="E210" s="27">
        <v>1886.3820479999999</v>
      </c>
      <c r="F210" s="27">
        <v>118.024146</v>
      </c>
      <c r="H210" s="27">
        <v>1886.3820479999999</v>
      </c>
      <c r="I210" s="27">
        <v>112.155597</v>
      </c>
      <c r="K210" s="27">
        <v>1886.3820479999999</v>
      </c>
      <c r="L210" s="27">
        <v>104.908794</v>
      </c>
    </row>
    <row r="211" spans="2:12" x14ac:dyDescent="0.45">
      <c r="B211" s="27">
        <v>1888.310864</v>
      </c>
      <c r="C211" s="27">
        <v>127.09612199999999</v>
      </c>
      <c r="E211" s="27">
        <v>1888.310864</v>
      </c>
      <c r="F211" s="27">
        <v>118.08553499999999</v>
      </c>
      <c r="H211" s="27">
        <v>1888.310864</v>
      </c>
      <c r="I211" s="27">
        <v>112.04718</v>
      </c>
      <c r="K211" s="27">
        <v>1888.310864</v>
      </c>
      <c r="L211" s="27">
        <v>104.923884</v>
      </c>
    </row>
    <row r="212" spans="2:12" x14ac:dyDescent="0.45">
      <c r="B212" s="27">
        <v>1890.2396799999999</v>
      </c>
      <c r="C212" s="27">
        <v>126.979378</v>
      </c>
      <c r="E212" s="27">
        <v>1890.2396799999999</v>
      </c>
      <c r="F212" s="27">
        <v>118.061773</v>
      </c>
      <c r="H212" s="27">
        <v>1890.2396799999999</v>
      </c>
      <c r="I212" s="27">
        <v>111.83144299999999</v>
      </c>
      <c r="K212" s="27">
        <v>1890.2396799999999</v>
      </c>
      <c r="L212" s="27">
        <v>104.97085199999999</v>
      </c>
    </row>
    <row r="213" spans="2:12" x14ac:dyDescent="0.45">
      <c r="B213" s="27">
        <v>1892.168496</v>
      </c>
      <c r="C213" s="27">
        <v>127.073452</v>
      </c>
      <c r="E213" s="27">
        <v>1892.168496</v>
      </c>
      <c r="F213" s="27">
        <v>117.994316</v>
      </c>
      <c r="H213" s="27">
        <v>1892.168496</v>
      </c>
      <c r="I213" s="27">
        <v>111.87543700000001</v>
      </c>
      <c r="K213" s="27">
        <v>1892.168496</v>
      </c>
      <c r="L213" s="27">
        <v>104.893354</v>
      </c>
    </row>
    <row r="214" spans="2:12" x14ac:dyDescent="0.45">
      <c r="B214" s="27">
        <v>1894.0973120000001</v>
      </c>
      <c r="C214" s="27">
        <v>127.06881199999999</v>
      </c>
      <c r="E214" s="27">
        <v>1894.0973120000001</v>
      </c>
      <c r="F214" s="27">
        <v>117.969691</v>
      </c>
      <c r="H214" s="27">
        <v>1894.0973120000001</v>
      </c>
      <c r="I214" s="27">
        <v>111.915313</v>
      </c>
      <c r="K214" s="27">
        <v>1894.0973120000001</v>
      </c>
      <c r="L214" s="27">
        <v>104.793842</v>
      </c>
    </row>
    <row r="215" spans="2:12" x14ac:dyDescent="0.45">
      <c r="B215" s="27">
        <v>1896.026128</v>
      </c>
      <c r="C215" s="27">
        <v>127.125398</v>
      </c>
      <c r="E215" s="27">
        <v>1896.026128</v>
      </c>
      <c r="F215" s="27">
        <v>117.988247</v>
      </c>
      <c r="H215" s="27">
        <v>1896.026128</v>
      </c>
      <c r="I215" s="27">
        <v>111.900192</v>
      </c>
      <c r="K215" s="27">
        <v>1896.026128</v>
      </c>
      <c r="L215" s="27">
        <v>104.697734</v>
      </c>
    </row>
    <row r="216" spans="2:12" x14ac:dyDescent="0.45">
      <c r="B216" s="27">
        <v>1897.9549440000001</v>
      </c>
      <c r="C216" s="27">
        <v>127.180475</v>
      </c>
      <c r="E216" s="27">
        <v>1897.9549440000001</v>
      </c>
      <c r="F216" s="27">
        <v>117.968805</v>
      </c>
      <c r="H216" s="27">
        <v>1897.9549440000001</v>
      </c>
      <c r="I216" s="27">
        <v>111.87402400000001</v>
      </c>
      <c r="K216" s="27">
        <v>1897.9549440000001</v>
      </c>
      <c r="L216" s="27">
        <v>104.71084500000001</v>
      </c>
    </row>
    <row r="217" spans="2:12" x14ac:dyDescent="0.45">
      <c r="B217" s="27">
        <v>1899.8837599999999</v>
      </c>
      <c r="C217" s="27">
        <v>127.21807800000001</v>
      </c>
      <c r="E217" s="27">
        <v>1899.8837599999999</v>
      </c>
      <c r="F217" s="27">
        <v>117.989458</v>
      </c>
      <c r="H217" s="27">
        <v>1899.8837599999999</v>
      </c>
      <c r="I217" s="27">
        <v>111.89331300000001</v>
      </c>
      <c r="K217" s="27">
        <v>1899.8837599999999</v>
      </c>
      <c r="L217" s="27">
        <v>104.796864</v>
      </c>
    </row>
    <row r="218" spans="2:12" x14ac:dyDescent="0.45">
      <c r="B218" s="27">
        <v>1901.812576</v>
      </c>
      <c r="C218" s="27">
        <v>127.218743</v>
      </c>
      <c r="E218" s="27">
        <v>1901.812576</v>
      </c>
      <c r="F218" s="27">
        <v>118.062963</v>
      </c>
      <c r="H218" s="27">
        <v>1901.812576</v>
      </c>
      <c r="I218" s="27">
        <v>111.883264</v>
      </c>
      <c r="K218" s="27">
        <v>1901.812576</v>
      </c>
      <c r="L218" s="27">
        <v>104.898625</v>
      </c>
    </row>
    <row r="219" spans="2:12" x14ac:dyDescent="0.45">
      <c r="B219" s="27">
        <v>1903.7413919999999</v>
      </c>
      <c r="C219" s="27">
        <v>127.19284399999999</v>
      </c>
      <c r="E219" s="27">
        <v>1903.7413919999999</v>
      </c>
      <c r="F219" s="27">
        <v>118.021156</v>
      </c>
      <c r="H219" s="27">
        <v>1903.7413919999999</v>
      </c>
      <c r="I219" s="27">
        <v>111.804312</v>
      </c>
      <c r="K219" s="27">
        <v>1903.7413919999999</v>
      </c>
      <c r="L219" s="27">
        <v>105.10069900000001</v>
      </c>
    </row>
    <row r="220" spans="2:12" x14ac:dyDescent="0.45">
      <c r="B220" s="27">
        <v>1905.670208</v>
      </c>
      <c r="C220" s="27">
        <v>127.10711000000001</v>
      </c>
      <c r="E220" s="27">
        <v>1905.670208</v>
      </c>
      <c r="F220" s="27">
        <v>117.974394</v>
      </c>
      <c r="H220" s="27">
        <v>1905.670208</v>
      </c>
      <c r="I220" s="27">
        <v>111.866985</v>
      </c>
      <c r="K220" s="27">
        <v>1905.670208</v>
      </c>
      <c r="L220" s="27">
        <v>105.17070099999999</v>
      </c>
    </row>
    <row r="221" spans="2:12" x14ac:dyDescent="0.45">
      <c r="B221" s="27">
        <v>1907.5990240000001</v>
      </c>
      <c r="C221" s="27">
        <v>127.069199</v>
      </c>
      <c r="E221" s="27">
        <v>1907.5990240000001</v>
      </c>
      <c r="F221" s="27">
        <v>118.04756</v>
      </c>
      <c r="H221" s="27">
        <v>1907.5990240000001</v>
      </c>
      <c r="I221" s="27">
        <v>111.977543</v>
      </c>
      <c r="K221" s="27">
        <v>1907.5990240000001</v>
      </c>
      <c r="L221" s="27">
        <v>105.109095</v>
      </c>
    </row>
    <row r="222" spans="2:12" x14ac:dyDescent="0.45">
      <c r="B222" s="27">
        <v>1909.52784</v>
      </c>
      <c r="C222" s="27">
        <v>127.03468700000001</v>
      </c>
      <c r="E222" s="27">
        <v>1909.52784</v>
      </c>
      <c r="F222" s="27">
        <v>118.07603400000001</v>
      </c>
      <c r="H222" s="27">
        <v>1909.52784</v>
      </c>
      <c r="I222" s="27">
        <v>111.93088899999999</v>
      </c>
      <c r="K222" s="27">
        <v>1909.52784</v>
      </c>
      <c r="L222" s="27">
        <v>104.953166</v>
      </c>
    </row>
    <row r="223" spans="2:12" x14ac:dyDescent="0.45">
      <c r="B223" s="27">
        <v>1911.4566560000001</v>
      </c>
      <c r="C223" s="27">
        <v>127.109797</v>
      </c>
      <c r="E223" s="27">
        <v>1911.4566560000001</v>
      </c>
      <c r="F223" s="27">
        <v>118.05044700000001</v>
      </c>
      <c r="H223" s="27">
        <v>1911.4566560000001</v>
      </c>
      <c r="I223" s="27">
        <v>111.889633</v>
      </c>
      <c r="K223" s="27">
        <v>1911.4566560000001</v>
      </c>
      <c r="L223" s="27">
        <v>104.758082</v>
      </c>
    </row>
    <row r="224" spans="2:12" x14ac:dyDescent="0.45">
      <c r="B224" s="27">
        <v>1913.3854719999999</v>
      </c>
      <c r="C224" s="27">
        <v>126.87408000000001</v>
      </c>
      <c r="E224" s="27">
        <v>1913.3854719999999</v>
      </c>
      <c r="F224" s="27">
        <v>118.0423</v>
      </c>
      <c r="H224" s="27">
        <v>1913.3854719999999</v>
      </c>
      <c r="I224" s="27">
        <v>111.92883</v>
      </c>
      <c r="K224" s="27">
        <v>1913.3854719999999</v>
      </c>
      <c r="L224" s="27">
        <v>104.64891799999999</v>
      </c>
    </row>
    <row r="225" spans="2:12" x14ac:dyDescent="0.45">
      <c r="B225" s="27">
        <v>1915.314288</v>
      </c>
      <c r="C225" s="27">
        <v>126.70402</v>
      </c>
      <c r="E225" s="27">
        <v>1915.314288</v>
      </c>
      <c r="F225" s="27">
        <v>118.081014</v>
      </c>
      <c r="H225" s="27">
        <v>1915.314288</v>
      </c>
      <c r="I225" s="27">
        <v>111.833437</v>
      </c>
      <c r="K225" s="27">
        <v>1915.314288</v>
      </c>
      <c r="L225" s="27">
        <v>104.800241</v>
      </c>
    </row>
    <row r="226" spans="2:12" x14ac:dyDescent="0.45">
      <c r="B226" s="27">
        <v>1917.2431039999999</v>
      </c>
      <c r="C226" s="27">
        <v>126.734171</v>
      </c>
      <c r="E226" s="27">
        <v>1917.2431039999999</v>
      </c>
      <c r="F226" s="27">
        <v>118.08788800000001</v>
      </c>
      <c r="H226" s="27">
        <v>1917.2431039999999</v>
      </c>
      <c r="I226" s="27">
        <v>111.648239</v>
      </c>
      <c r="K226" s="27">
        <v>1917.2431039999999</v>
      </c>
      <c r="L226" s="27">
        <v>104.896719</v>
      </c>
    </row>
    <row r="227" spans="2:12" x14ac:dyDescent="0.45">
      <c r="B227" s="27">
        <v>1919.17192</v>
      </c>
      <c r="C227" s="27">
        <v>126.77879799999999</v>
      </c>
      <c r="E227" s="27">
        <v>1919.17192</v>
      </c>
      <c r="F227" s="27">
        <v>118.033935</v>
      </c>
      <c r="H227" s="27">
        <v>1919.17192</v>
      </c>
      <c r="I227" s="27">
        <v>111.75973</v>
      </c>
      <c r="K227" s="27">
        <v>1919.17192</v>
      </c>
      <c r="L227" s="27">
        <v>104.77286700000001</v>
      </c>
    </row>
    <row r="228" spans="2:12" x14ac:dyDescent="0.45">
      <c r="B228" s="27">
        <v>1921.1007360000001</v>
      </c>
      <c r="C228" s="27">
        <v>126.94445</v>
      </c>
      <c r="E228" s="27">
        <v>1921.1007360000001</v>
      </c>
      <c r="F228" s="27">
        <v>117.97649199999999</v>
      </c>
      <c r="H228" s="27">
        <v>1921.1007360000001</v>
      </c>
      <c r="I228" s="27">
        <v>111.898909</v>
      </c>
      <c r="K228" s="27">
        <v>1921.1007360000001</v>
      </c>
      <c r="L228" s="27">
        <v>104.70486200000001</v>
      </c>
    </row>
    <row r="229" spans="2:12" x14ac:dyDescent="0.45">
      <c r="B229" s="27">
        <v>1923.029552</v>
      </c>
      <c r="C229" s="27">
        <v>127.060458</v>
      </c>
      <c r="E229" s="27">
        <v>1923.029552</v>
      </c>
      <c r="F229" s="27">
        <v>117.92755200000001</v>
      </c>
      <c r="H229" s="27">
        <v>1923.029552</v>
      </c>
      <c r="I229" s="27">
        <v>111.79382699999999</v>
      </c>
      <c r="K229" s="27">
        <v>1923.029552</v>
      </c>
      <c r="L229" s="27">
        <v>104.839511</v>
      </c>
    </row>
    <row r="230" spans="2:12" x14ac:dyDescent="0.45">
      <c r="B230" s="27">
        <v>1924.9583680000001</v>
      </c>
      <c r="C230" s="27">
        <v>126.893125</v>
      </c>
      <c r="E230" s="27">
        <v>1924.9583680000001</v>
      </c>
      <c r="F230" s="27">
        <v>117.900302</v>
      </c>
      <c r="H230" s="27">
        <v>1924.9583680000001</v>
      </c>
      <c r="I230" s="27">
        <v>111.732331</v>
      </c>
      <c r="K230" s="27">
        <v>1924.9583680000001</v>
      </c>
      <c r="L230" s="27">
        <v>104.854259</v>
      </c>
    </row>
    <row r="231" spans="2:12" x14ac:dyDescent="0.45">
      <c r="B231" s="27">
        <v>1926.8871839999999</v>
      </c>
      <c r="C231" s="27">
        <v>126.83487700000001</v>
      </c>
      <c r="E231" s="27">
        <v>1926.8871839999999</v>
      </c>
      <c r="F231" s="27">
        <v>117.979682</v>
      </c>
      <c r="H231" s="27">
        <v>1926.8871839999999</v>
      </c>
      <c r="I231" s="27">
        <v>111.73771600000001</v>
      </c>
      <c r="K231" s="27">
        <v>1926.8871839999999</v>
      </c>
      <c r="L231" s="27">
        <v>104.69843299999999</v>
      </c>
    </row>
    <row r="232" spans="2:12" x14ac:dyDescent="0.45">
      <c r="B232" s="27">
        <v>1928.816</v>
      </c>
      <c r="C232" s="27">
        <v>126.899073</v>
      </c>
      <c r="E232" s="27">
        <v>1928.816</v>
      </c>
      <c r="F232" s="27">
        <v>117.956541</v>
      </c>
      <c r="H232" s="27">
        <v>1928.816</v>
      </c>
      <c r="I232" s="27">
        <v>111.691354</v>
      </c>
      <c r="K232" s="27">
        <v>1928.816</v>
      </c>
      <c r="L232" s="27">
        <v>104.643517</v>
      </c>
    </row>
    <row r="233" spans="2:12" x14ac:dyDescent="0.45">
      <c r="B233" s="27">
        <v>1930.7448159999999</v>
      </c>
      <c r="C233" s="27">
        <v>126.87262800000001</v>
      </c>
      <c r="E233" s="27">
        <v>1930.7448159999999</v>
      </c>
      <c r="F233" s="27">
        <v>117.886765</v>
      </c>
      <c r="H233" s="27">
        <v>1930.7448159999999</v>
      </c>
      <c r="I233" s="27">
        <v>111.742091</v>
      </c>
      <c r="K233" s="27">
        <v>1930.7448159999999</v>
      </c>
      <c r="L233" s="27">
        <v>104.72992600000001</v>
      </c>
    </row>
    <row r="234" spans="2:12" x14ac:dyDescent="0.45">
      <c r="B234" s="27">
        <v>1932.673632</v>
      </c>
      <c r="C234" s="27">
        <v>126.93123900000001</v>
      </c>
      <c r="E234" s="27">
        <v>1932.673632</v>
      </c>
      <c r="F234" s="27">
        <v>117.929233</v>
      </c>
      <c r="H234" s="27">
        <v>1932.673632</v>
      </c>
      <c r="I234" s="27">
        <v>111.795337</v>
      </c>
      <c r="K234" s="27">
        <v>1932.673632</v>
      </c>
      <c r="L234" s="27">
        <v>104.78112</v>
      </c>
    </row>
    <row r="235" spans="2:12" x14ac:dyDescent="0.45">
      <c r="B235" s="27">
        <v>1934.6024480000001</v>
      </c>
      <c r="C235" s="27">
        <v>127.07768900000001</v>
      </c>
      <c r="E235" s="27">
        <v>1934.6024480000001</v>
      </c>
      <c r="F235" s="27">
        <v>118.02186500000001</v>
      </c>
      <c r="H235" s="27">
        <v>1934.6024480000001</v>
      </c>
      <c r="I235" s="27">
        <v>111.828444</v>
      </c>
      <c r="K235" s="27">
        <v>1934.6024480000001</v>
      </c>
      <c r="L235" s="27">
        <v>104.906244</v>
      </c>
    </row>
    <row r="236" spans="2:12" x14ac:dyDescent="0.45">
      <c r="B236" s="27">
        <v>1936.531264</v>
      </c>
      <c r="C236" s="27">
        <v>127.00187099999999</v>
      </c>
      <c r="E236" s="27">
        <v>1936.531264</v>
      </c>
      <c r="F236" s="27">
        <v>117.942899</v>
      </c>
      <c r="H236" s="27">
        <v>1936.531264</v>
      </c>
      <c r="I236" s="27">
        <v>111.741237</v>
      </c>
      <c r="K236" s="27">
        <v>1936.531264</v>
      </c>
      <c r="L236" s="27">
        <v>104.99772400000001</v>
      </c>
    </row>
    <row r="237" spans="2:12" x14ac:dyDescent="0.45">
      <c r="B237" s="27">
        <v>1938.4600800000001</v>
      </c>
      <c r="C237" s="27">
        <v>126.618166</v>
      </c>
      <c r="E237" s="27">
        <v>1938.4600800000001</v>
      </c>
      <c r="F237" s="27">
        <v>117.87844800000001</v>
      </c>
      <c r="H237" s="27">
        <v>1938.4600800000001</v>
      </c>
      <c r="I237" s="27">
        <v>111.762325</v>
      </c>
      <c r="K237" s="27">
        <v>1938.4600800000001</v>
      </c>
      <c r="L237" s="27">
        <v>104.937479</v>
      </c>
    </row>
    <row r="238" spans="2:12" x14ac:dyDescent="0.45">
      <c r="B238" s="27">
        <v>1940.3888959999999</v>
      </c>
      <c r="C238" s="27">
        <v>126.346017</v>
      </c>
      <c r="E238" s="27">
        <v>1940.3888959999999</v>
      </c>
      <c r="F238" s="27">
        <v>117.877211</v>
      </c>
      <c r="H238" s="27">
        <v>1940.3888959999999</v>
      </c>
      <c r="I238" s="27">
        <v>111.75069000000001</v>
      </c>
      <c r="K238" s="27">
        <v>1940.3888959999999</v>
      </c>
      <c r="L238" s="27">
        <v>104.97088100000001</v>
      </c>
    </row>
    <row r="239" spans="2:12" x14ac:dyDescent="0.45">
      <c r="B239" s="27">
        <v>1942.317712</v>
      </c>
      <c r="C239" s="27">
        <v>126.287356</v>
      </c>
      <c r="E239" s="27">
        <v>1942.317712</v>
      </c>
      <c r="F239" s="27">
        <v>117.99959200000001</v>
      </c>
      <c r="H239" s="27">
        <v>1942.317712</v>
      </c>
      <c r="I239" s="27">
        <v>111.559664</v>
      </c>
      <c r="K239" s="27">
        <v>1942.317712</v>
      </c>
      <c r="L239" s="27">
        <v>105.108119</v>
      </c>
    </row>
    <row r="240" spans="2:12" x14ac:dyDescent="0.45">
      <c r="B240" s="27">
        <v>1944.2465279999999</v>
      </c>
      <c r="C240" s="27">
        <v>126.30469600000001</v>
      </c>
      <c r="E240" s="27">
        <v>1944.2465279999999</v>
      </c>
      <c r="F240" s="27">
        <v>118.03107</v>
      </c>
      <c r="H240" s="27">
        <v>1944.2465279999999</v>
      </c>
      <c r="I240" s="27">
        <v>111.459484</v>
      </c>
      <c r="K240" s="27">
        <v>1944.2465279999999</v>
      </c>
      <c r="L240" s="27">
        <v>104.93185099999999</v>
      </c>
    </row>
    <row r="241" spans="2:12" x14ac:dyDescent="0.45">
      <c r="B241" s="27">
        <v>1946.175344</v>
      </c>
      <c r="C241" s="27">
        <v>126.50278400000001</v>
      </c>
      <c r="E241" s="27">
        <v>1946.175344</v>
      </c>
      <c r="F241" s="27">
        <v>118.066931</v>
      </c>
      <c r="H241" s="27">
        <v>1946.175344</v>
      </c>
      <c r="I241" s="27">
        <v>111.397102</v>
      </c>
      <c r="K241" s="27">
        <v>1946.175344</v>
      </c>
      <c r="L241" s="27">
        <v>104.783607</v>
      </c>
    </row>
    <row r="242" spans="2:12" x14ac:dyDescent="0.45">
      <c r="B242" s="27">
        <v>1948.1041600000001</v>
      </c>
      <c r="C242" s="27">
        <v>126.56366800000001</v>
      </c>
      <c r="E242" s="27">
        <v>1948.1041600000001</v>
      </c>
      <c r="F242" s="27">
        <v>118.050932</v>
      </c>
      <c r="H242" s="27">
        <v>1948.1041600000001</v>
      </c>
      <c r="I242" s="27">
        <v>111.49100900000001</v>
      </c>
      <c r="K242" s="27">
        <v>1948.1041600000001</v>
      </c>
      <c r="L242" s="27">
        <v>104.84416400000001</v>
      </c>
    </row>
    <row r="243" spans="2:12" x14ac:dyDescent="0.45">
      <c r="B243" s="27">
        <v>1950.032976</v>
      </c>
      <c r="C243" s="27">
        <v>126.474909</v>
      </c>
      <c r="E243" s="27">
        <v>1950.032976</v>
      </c>
      <c r="F243" s="27">
        <v>117.96770600000001</v>
      </c>
      <c r="H243" s="27">
        <v>1950.032976</v>
      </c>
      <c r="I243" s="27">
        <v>111.65672499999999</v>
      </c>
      <c r="K243" s="27">
        <v>1950.032976</v>
      </c>
      <c r="L243" s="27">
        <v>104.75604199999999</v>
      </c>
    </row>
    <row r="244" spans="2:12" x14ac:dyDescent="0.45">
      <c r="B244" s="27">
        <v>1951.9617920000001</v>
      </c>
      <c r="C244" s="27">
        <v>126.633914</v>
      </c>
      <c r="E244" s="27">
        <v>1951.9617920000001</v>
      </c>
      <c r="F244" s="27">
        <v>117.889877</v>
      </c>
      <c r="H244" s="27">
        <v>1951.9617920000001</v>
      </c>
      <c r="I244" s="27">
        <v>111.56702</v>
      </c>
      <c r="K244" s="27">
        <v>1951.9617920000001</v>
      </c>
      <c r="L244" s="27">
        <v>104.88106399999999</v>
      </c>
    </row>
    <row r="245" spans="2:12" x14ac:dyDescent="0.45">
      <c r="B245" s="27">
        <v>1953.8906079999999</v>
      </c>
      <c r="C245" s="27">
        <v>126.762164</v>
      </c>
      <c r="E245" s="27">
        <v>1953.8906079999999</v>
      </c>
      <c r="F245" s="27">
        <v>117.863848</v>
      </c>
      <c r="H245" s="27">
        <v>1953.8906079999999</v>
      </c>
      <c r="I245" s="27">
        <v>111.433021</v>
      </c>
      <c r="K245" s="27">
        <v>1953.8906079999999</v>
      </c>
      <c r="L245" s="27">
        <v>104.96684999999999</v>
      </c>
    </row>
    <row r="246" spans="2:12" x14ac:dyDescent="0.45">
      <c r="B246" s="27">
        <v>1955.819424</v>
      </c>
      <c r="C246" s="27">
        <v>126.841019</v>
      </c>
      <c r="E246" s="27">
        <v>1955.819424</v>
      </c>
      <c r="F246" s="27">
        <v>117.975065</v>
      </c>
      <c r="H246" s="27">
        <v>1955.819424</v>
      </c>
      <c r="I246" s="27">
        <v>111.467383</v>
      </c>
      <c r="K246" s="27">
        <v>1955.819424</v>
      </c>
      <c r="L246" s="27">
        <v>104.81226100000001</v>
      </c>
    </row>
    <row r="247" spans="2:12" x14ac:dyDescent="0.45">
      <c r="B247" s="27">
        <v>1957.7482399999999</v>
      </c>
      <c r="C247" s="27">
        <v>126.355037</v>
      </c>
      <c r="E247" s="27">
        <v>1957.7482399999999</v>
      </c>
      <c r="F247" s="27">
        <v>117.818473</v>
      </c>
      <c r="H247" s="27">
        <v>1957.7482399999999</v>
      </c>
      <c r="I247" s="27">
        <v>111.43594299999999</v>
      </c>
      <c r="K247" s="27">
        <v>1957.7482399999999</v>
      </c>
      <c r="L247" s="27">
        <v>104.856165</v>
      </c>
    </row>
    <row r="248" spans="2:12" x14ac:dyDescent="0.45">
      <c r="B248" s="27">
        <v>1959.677056</v>
      </c>
      <c r="C248" s="27">
        <v>125.988337</v>
      </c>
      <c r="E248" s="27">
        <v>1959.677056</v>
      </c>
      <c r="F248" s="27">
        <v>117.742896</v>
      </c>
      <c r="H248" s="27">
        <v>1959.677056</v>
      </c>
      <c r="I248" s="27">
        <v>111.42291</v>
      </c>
      <c r="K248" s="27">
        <v>1959.677056</v>
      </c>
      <c r="L248" s="27">
        <v>105.16932</v>
      </c>
    </row>
    <row r="249" spans="2:12" x14ac:dyDescent="0.45">
      <c r="B249" s="27">
        <v>1961.6058720000001</v>
      </c>
      <c r="C249" s="27">
        <v>126.169853</v>
      </c>
      <c r="E249" s="27">
        <v>1961.6058720000001</v>
      </c>
      <c r="F249" s="27">
        <v>117.822744</v>
      </c>
      <c r="H249" s="27">
        <v>1961.6058720000001</v>
      </c>
      <c r="I249" s="27">
        <v>111.53425</v>
      </c>
      <c r="K249" s="27">
        <v>1961.6058720000001</v>
      </c>
      <c r="L249" s="27">
        <v>105.20448399999999</v>
      </c>
    </row>
    <row r="250" spans="2:12" x14ac:dyDescent="0.45">
      <c r="B250" s="27">
        <v>1963.534688</v>
      </c>
      <c r="C250" s="27">
        <v>126.23642700000001</v>
      </c>
      <c r="E250" s="27">
        <v>1963.534688</v>
      </c>
      <c r="F250" s="27">
        <v>117.86381299999999</v>
      </c>
      <c r="H250" s="27">
        <v>1963.534688</v>
      </c>
      <c r="I250" s="27">
        <v>111.675012</v>
      </c>
      <c r="K250" s="27">
        <v>1963.534688</v>
      </c>
      <c r="L250" s="27">
        <v>105.431195</v>
      </c>
    </row>
    <row r="251" spans="2:12" x14ac:dyDescent="0.45">
      <c r="B251" s="27">
        <v>1965.4635040000001</v>
      </c>
      <c r="C251" s="27">
        <v>125.75720200000001</v>
      </c>
      <c r="E251" s="27">
        <v>1965.4635040000001</v>
      </c>
      <c r="F251" s="27">
        <v>117.989964</v>
      </c>
      <c r="H251" s="27">
        <v>1965.4635040000001</v>
      </c>
      <c r="I251" s="27">
        <v>111.800809</v>
      </c>
      <c r="K251" s="27">
        <v>1965.4635040000001</v>
      </c>
      <c r="L251" s="27">
        <v>105.450352</v>
      </c>
    </row>
    <row r="252" spans="2:12" x14ac:dyDescent="0.45">
      <c r="B252" s="27">
        <v>1967.3923199999999</v>
      </c>
      <c r="C252" s="27">
        <v>125.362542</v>
      </c>
      <c r="E252" s="27">
        <v>1967.3923199999999</v>
      </c>
      <c r="F252" s="27">
        <v>117.806558</v>
      </c>
      <c r="H252" s="27">
        <v>1967.3923199999999</v>
      </c>
      <c r="I252" s="27">
        <v>111.677998</v>
      </c>
      <c r="K252" s="27">
        <v>1967.3923199999999</v>
      </c>
      <c r="L252" s="27">
        <v>105.04738500000001</v>
      </c>
    </row>
    <row r="253" spans="2:12" x14ac:dyDescent="0.45">
      <c r="B253" s="27">
        <v>1969.321136</v>
      </c>
      <c r="C253" s="27">
        <v>126.016025</v>
      </c>
      <c r="E253" s="27">
        <v>1969.321136</v>
      </c>
      <c r="F253" s="27">
        <v>117.550291</v>
      </c>
      <c r="H253" s="27">
        <v>1969.321136</v>
      </c>
      <c r="I253" s="27">
        <v>111.59578500000001</v>
      </c>
      <c r="K253" s="27">
        <v>1969.321136</v>
      </c>
      <c r="L253" s="27">
        <v>104.972448</v>
      </c>
    </row>
    <row r="254" spans="2:12" x14ac:dyDescent="0.45">
      <c r="B254" s="27">
        <v>1971.2499519999999</v>
      </c>
      <c r="C254" s="27">
        <v>126.26038699999999</v>
      </c>
      <c r="E254" s="27">
        <v>1971.2499519999999</v>
      </c>
      <c r="F254" s="27">
        <v>117.46225699999999</v>
      </c>
      <c r="H254" s="27">
        <v>1971.2499519999999</v>
      </c>
      <c r="I254" s="27">
        <v>111.57392</v>
      </c>
      <c r="K254" s="27">
        <v>1971.2499519999999</v>
      </c>
      <c r="L254" s="27">
        <v>104.883312</v>
      </c>
    </row>
    <row r="255" spans="2:12" x14ac:dyDescent="0.45">
      <c r="B255" s="27">
        <v>1973.178768</v>
      </c>
      <c r="C255" s="27">
        <v>125.997657</v>
      </c>
      <c r="E255" s="27">
        <v>1973.178768</v>
      </c>
      <c r="F255" s="27">
        <v>117.617502</v>
      </c>
      <c r="H255" s="27">
        <v>1973.178768</v>
      </c>
      <c r="I255" s="27">
        <v>111.490933</v>
      </c>
      <c r="K255" s="27">
        <v>1973.178768</v>
      </c>
      <c r="L255" s="27">
        <v>104.661975</v>
      </c>
    </row>
    <row r="256" spans="2:12" x14ac:dyDescent="0.45">
      <c r="B256" s="27">
        <v>1975.1075840000001</v>
      </c>
      <c r="C256" s="27">
        <v>125.692391</v>
      </c>
      <c r="E256" s="27">
        <v>1975.1075840000001</v>
      </c>
      <c r="F256" s="27">
        <v>117.862584</v>
      </c>
      <c r="H256" s="27">
        <v>1975.1075840000001</v>
      </c>
      <c r="I256" s="27">
        <v>111.312389</v>
      </c>
      <c r="K256" s="27">
        <v>1975.1075840000001</v>
      </c>
      <c r="L256" s="27">
        <v>104.625861</v>
      </c>
    </row>
    <row r="257" spans="2:12" x14ac:dyDescent="0.45">
      <c r="B257" s="27">
        <v>1977.0364</v>
      </c>
      <c r="C257" s="27">
        <v>125.38903500000001</v>
      </c>
      <c r="E257" s="27">
        <v>1977.0364</v>
      </c>
      <c r="F257" s="27">
        <v>117.889335</v>
      </c>
      <c r="H257" s="27">
        <v>1977.0364</v>
      </c>
      <c r="I257" s="27">
        <v>111.50701599999999</v>
      </c>
      <c r="K257" s="27">
        <v>1977.0364</v>
      </c>
      <c r="L257" s="27">
        <v>104.719526</v>
      </c>
    </row>
    <row r="258" spans="2:12" x14ac:dyDescent="0.45">
      <c r="B258" s="27">
        <v>1978.9652160000001</v>
      </c>
      <c r="C258" s="27">
        <v>125.17974700000001</v>
      </c>
      <c r="E258" s="27">
        <v>1978.9652160000001</v>
      </c>
      <c r="F258" s="27">
        <v>117.948149</v>
      </c>
      <c r="H258" s="27">
        <v>1978.9652160000001</v>
      </c>
      <c r="I258" s="27">
        <v>111.413106</v>
      </c>
      <c r="K258" s="27">
        <v>1978.9652160000001</v>
      </c>
      <c r="L258" s="27">
        <v>104.87009999999999</v>
      </c>
    </row>
    <row r="259" spans="2:12" x14ac:dyDescent="0.45">
      <c r="B259" s="27">
        <v>1980.8940319999999</v>
      </c>
      <c r="C259" s="27">
        <v>125.548233</v>
      </c>
      <c r="E259" s="27">
        <v>1980.8940319999999</v>
      </c>
      <c r="F259" s="27">
        <v>117.727057</v>
      </c>
      <c r="H259" s="27">
        <v>1980.8940319999999</v>
      </c>
      <c r="I259" s="27">
        <v>111.53282900000001</v>
      </c>
      <c r="K259" s="27">
        <v>1980.8940319999999</v>
      </c>
      <c r="L259" s="27">
        <v>105.243049</v>
      </c>
    </row>
    <row r="260" spans="2:12" x14ac:dyDescent="0.45">
      <c r="B260" s="27">
        <v>1982.822848</v>
      </c>
      <c r="C260" s="27">
        <v>125.80273699999999</v>
      </c>
      <c r="E260" s="27">
        <v>1982.822848</v>
      </c>
      <c r="F260" s="27">
        <v>117.44689</v>
      </c>
      <c r="H260" s="27">
        <v>1982.822848</v>
      </c>
      <c r="I260" s="27">
        <v>111.46418799999999</v>
      </c>
      <c r="K260" s="27">
        <v>1982.822848</v>
      </c>
      <c r="L260" s="27">
        <v>105.273781</v>
      </c>
    </row>
    <row r="261" spans="2:12" x14ac:dyDescent="0.45">
      <c r="B261" s="27">
        <v>1984.7516639999999</v>
      </c>
      <c r="C261" s="27">
        <v>125.860236</v>
      </c>
      <c r="E261" s="27">
        <v>1984.7516639999999</v>
      </c>
      <c r="F261" s="27">
        <v>117.664249</v>
      </c>
      <c r="H261" s="27">
        <v>1984.7516639999999</v>
      </c>
      <c r="I261" s="27">
        <v>111.483948</v>
      </c>
      <c r="K261" s="27">
        <v>1984.7516639999999</v>
      </c>
      <c r="L261" s="27">
        <v>105.093566</v>
      </c>
    </row>
    <row r="262" spans="2:12" x14ac:dyDescent="0.45">
      <c r="B262" s="27">
        <v>1986.68048</v>
      </c>
      <c r="C262" s="27">
        <v>126.11899099999999</v>
      </c>
      <c r="E262" s="27">
        <v>1986.68048</v>
      </c>
      <c r="F262" s="27">
        <v>117.55891800000001</v>
      </c>
      <c r="H262" s="27">
        <v>1986.68048</v>
      </c>
      <c r="I262" s="27">
        <v>111.546447</v>
      </c>
      <c r="K262" s="27">
        <v>1986.68048</v>
      </c>
      <c r="L262" s="27">
        <v>104.93035999999999</v>
      </c>
    </row>
    <row r="263" spans="2:12" x14ac:dyDescent="0.45">
      <c r="B263" s="27">
        <v>1988.6092960000001</v>
      </c>
      <c r="C263" s="27">
        <v>126.150503</v>
      </c>
      <c r="E263" s="27">
        <v>1988.6092960000001</v>
      </c>
      <c r="F263" s="27">
        <v>117.361512</v>
      </c>
      <c r="H263" s="27">
        <v>1988.6092960000001</v>
      </c>
      <c r="I263" s="27">
        <v>111.519907</v>
      </c>
      <c r="K263" s="27">
        <v>1988.6092960000001</v>
      </c>
      <c r="L263" s="27">
        <v>104.81802500000001</v>
      </c>
    </row>
    <row r="264" spans="2:12" x14ac:dyDescent="0.45">
      <c r="B264" s="27">
        <v>1990.538112</v>
      </c>
      <c r="C264" s="27">
        <v>125.96344499999999</v>
      </c>
      <c r="E264" s="27">
        <v>1990.538112</v>
      </c>
      <c r="F264" s="27">
        <v>117.435085</v>
      </c>
      <c r="H264" s="27">
        <v>1990.538112</v>
      </c>
      <c r="I264" s="27">
        <v>111.487089</v>
      </c>
      <c r="K264" s="27">
        <v>1990.538112</v>
      </c>
      <c r="L264" s="27">
        <v>105.34236799999999</v>
      </c>
    </row>
    <row r="265" spans="2:12" x14ac:dyDescent="0.45">
      <c r="B265" s="27">
        <v>1992.4669280000001</v>
      </c>
      <c r="C265" s="27">
        <v>125.89826100000001</v>
      </c>
      <c r="E265" s="27">
        <v>1992.4669280000001</v>
      </c>
      <c r="F265" s="27">
        <v>117.725138</v>
      </c>
      <c r="H265" s="27">
        <v>1992.4669280000001</v>
      </c>
      <c r="I265" s="27">
        <v>111.651712</v>
      </c>
      <c r="K265" s="27">
        <v>1992.4669280000001</v>
      </c>
      <c r="L265" s="27">
        <v>105.387694</v>
      </c>
    </row>
    <row r="266" spans="2:12" x14ac:dyDescent="0.45">
      <c r="B266" s="27">
        <v>1994.3957439999999</v>
      </c>
      <c r="C266" s="27">
        <v>126.16306299999999</v>
      </c>
      <c r="E266" s="27">
        <v>1994.3957439999999</v>
      </c>
      <c r="F266" s="27">
        <v>118.074856</v>
      </c>
      <c r="H266" s="27">
        <v>1994.3957439999999</v>
      </c>
      <c r="I266" s="27">
        <v>111.857496</v>
      </c>
      <c r="K266" s="27">
        <v>1994.3957439999999</v>
      </c>
      <c r="L266" s="27">
        <v>105.352549</v>
      </c>
    </row>
    <row r="267" spans="2:12" x14ac:dyDescent="0.45">
      <c r="B267" s="27">
        <v>1996.32456</v>
      </c>
      <c r="C267" s="27">
        <v>126.141113</v>
      </c>
      <c r="E267" s="27">
        <v>1996.32456</v>
      </c>
      <c r="F267" s="27">
        <v>118.138525</v>
      </c>
      <c r="H267" s="27">
        <v>1996.32456</v>
      </c>
      <c r="I267" s="27">
        <v>112.114896</v>
      </c>
      <c r="K267" s="27">
        <v>1996.32456</v>
      </c>
      <c r="L267" s="27">
        <v>105.62833500000001</v>
      </c>
    </row>
    <row r="268" spans="2:12" x14ac:dyDescent="0.45">
      <c r="B268" s="27">
        <v>1998.2533759999999</v>
      </c>
      <c r="C268" s="27">
        <v>126.225092</v>
      </c>
      <c r="E268" s="27">
        <v>1998.2533759999999</v>
      </c>
      <c r="F268" s="27">
        <v>117.86062800000001</v>
      </c>
      <c r="H268" s="27">
        <v>1998.2533759999999</v>
      </c>
      <c r="I268" s="27">
        <v>112.423861</v>
      </c>
      <c r="K268" s="27">
        <v>1998.2533759999999</v>
      </c>
      <c r="L268" s="27">
        <v>105.79182900000001</v>
      </c>
    </row>
    <row r="269" spans="2:12" x14ac:dyDescent="0.45">
      <c r="B269" s="27">
        <v>2000.182192</v>
      </c>
      <c r="C269" s="27">
        <v>126.73846399999999</v>
      </c>
      <c r="E269" s="27">
        <v>2000.182192</v>
      </c>
      <c r="F269" s="27">
        <v>117.73639300000001</v>
      </c>
      <c r="H269" s="27">
        <v>2000.182192</v>
      </c>
      <c r="I269" s="27">
        <v>112.463516</v>
      </c>
      <c r="K269" s="27">
        <v>2000.182192</v>
      </c>
      <c r="L269" s="27">
        <v>105.56545699999999</v>
      </c>
    </row>
    <row r="270" spans="2:12" x14ac:dyDescent="0.45">
      <c r="B270" s="27">
        <v>2002.1110080000001</v>
      </c>
      <c r="C270" s="27">
        <v>126.717288</v>
      </c>
      <c r="E270" s="27">
        <v>2002.1110080000001</v>
      </c>
      <c r="F270" s="27">
        <v>117.718135</v>
      </c>
      <c r="H270" s="27">
        <v>2002.1110080000001</v>
      </c>
      <c r="I270" s="27">
        <v>112.18992900000001</v>
      </c>
      <c r="K270" s="27">
        <v>2002.1110080000001</v>
      </c>
      <c r="L270" s="27">
        <v>105.43769899999999</v>
      </c>
    </row>
    <row r="271" spans="2:12" x14ac:dyDescent="0.45">
      <c r="B271" s="27">
        <v>2004.039824</v>
      </c>
      <c r="C271" s="27">
        <v>126.79282600000001</v>
      </c>
      <c r="E271" s="27">
        <v>2004.039824</v>
      </c>
      <c r="F271" s="27">
        <v>117.874223</v>
      </c>
      <c r="H271" s="27">
        <v>2004.039824</v>
      </c>
      <c r="I271" s="27">
        <v>112.070734</v>
      </c>
      <c r="K271" s="27">
        <v>2004.039824</v>
      </c>
      <c r="L271" s="27">
        <v>105.844185</v>
      </c>
    </row>
    <row r="272" spans="2:12" x14ac:dyDescent="0.45">
      <c r="B272" s="27">
        <v>2005.9686400000001</v>
      </c>
      <c r="C272" s="27">
        <v>126.52782999999999</v>
      </c>
      <c r="E272" s="27">
        <v>2005.9686400000001</v>
      </c>
      <c r="F272" s="27">
        <v>118.36618</v>
      </c>
      <c r="H272" s="27">
        <v>2005.9686400000001</v>
      </c>
      <c r="I272" s="27">
        <v>112.12679900000001</v>
      </c>
      <c r="K272" s="27">
        <v>2005.9686400000001</v>
      </c>
      <c r="L272" s="27">
        <v>106.122439</v>
      </c>
    </row>
    <row r="273" spans="2:12" x14ac:dyDescent="0.45">
      <c r="B273" s="27">
        <v>2007.8974559999999</v>
      </c>
      <c r="C273" s="27">
        <v>126.10075000000001</v>
      </c>
      <c r="E273" s="27">
        <v>2007.8974559999999</v>
      </c>
      <c r="F273" s="27">
        <v>118.58745399999999</v>
      </c>
      <c r="H273" s="27">
        <v>2007.8974559999999</v>
      </c>
      <c r="I273" s="27">
        <v>112.21413699999999</v>
      </c>
      <c r="K273" s="27">
        <v>2007.8974559999999</v>
      </c>
      <c r="L273" s="27">
        <v>106.117199</v>
      </c>
    </row>
    <row r="274" spans="2:12" x14ac:dyDescent="0.45">
      <c r="B274" s="27">
        <v>2009.826272</v>
      </c>
      <c r="C274" s="27">
        <v>125.99279799999999</v>
      </c>
      <c r="E274" s="27">
        <v>2009.826272</v>
      </c>
      <c r="F274" s="27">
        <v>118.590344</v>
      </c>
      <c r="H274" s="27">
        <v>2009.826272</v>
      </c>
      <c r="I274" s="27">
        <v>112.48293</v>
      </c>
      <c r="K274" s="27">
        <v>2009.826272</v>
      </c>
      <c r="L274" s="27">
        <v>106.29351</v>
      </c>
    </row>
    <row r="275" spans="2:12" x14ac:dyDescent="0.45">
      <c r="B275" s="27">
        <v>2011.7550879999999</v>
      </c>
      <c r="C275" s="27">
        <v>126.422579</v>
      </c>
      <c r="E275" s="27">
        <v>2011.7550879999999</v>
      </c>
      <c r="F275" s="27">
        <v>118.340069</v>
      </c>
      <c r="H275" s="27">
        <v>2011.7550879999999</v>
      </c>
      <c r="I275" s="27">
        <v>112.588472</v>
      </c>
      <c r="K275" s="27">
        <v>2011.7550879999999</v>
      </c>
      <c r="L275" s="27">
        <v>106.296937</v>
      </c>
    </row>
    <row r="276" spans="2:12" x14ac:dyDescent="0.45">
      <c r="B276" s="27">
        <v>2013.683904</v>
      </c>
      <c r="C276" s="27">
        <v>126.228442</v>
      </c>
      <c r="E276" s="27">
        <v>2013.683904</v>
      </c>
      <c r="F276" s="27">
        <v>118.061919</v>
      </c>
      <c r="H276" s="27">
        <v>2013.683904</v>
      </c>
      <c r="I276" s="27">
        <v>112.446806</v>
      </c>
      <c r="K276" s="27">
        <v>2013.683904</v>
      </c>
      <c r="L276" s="27">
        <v>106.47223200000001</v>
      </c>
    </row>
    <row r="277" spans="2:12" x14ac:dyDescent="0.45">
      <c r="B277" s="27">
        <v>2015.6127200000001</v>
      </c>
      <c r="C277" s="27">
        <v>126.339715</v>
      </c>
      <c r="E277" s="27">
        <v>2015.6127200000001</v>
      </c>
      <c r="F277" s="27">
        <v>118.09942599999999</v>
      </c>
      <c r="H277" s="27">
        <v>2015.6127200000001</v>
      </c>
      <c r="I277" s="27">
        <v>112.251892</v>
      </c>
      <c r="K277" s="27">
        <v>2015.6127200000001</v>
      </c>
      <c r="L277" s="27">
        <v>106.79631999999999</v>
      </c>
    </row>
    <row r="278" spans="2:12" x14ac:dyDescent="0.45">
      <c r="B278" s="27">
        <v>2017.541536</v>
      </c>
      <c r="C278" s="27">
        <v>126.80698099999999</v>
      </c>
      <c r="E278" s="27">
        <v>2017.541536</v>
      </c>
      <c r="F278" s="27">
        <v>118.32319099999999</v>
      </c>
      <c r="H278" s="27">
        <v>2017.541536</v>
      </c>
      <c r="I278" s="27">
        <v>112.319913</v>
      </c>
      <c r="K278" s="27">
        <v>2017.541536</v>
      </c>
      <c r="L278" s="27">
        <v>106.93681100000001</v>
      </c>
    </row>
    <row r="279" spans="2:12" x14ac:dyDescent="0.45">
      <c r="B279" s="27">
        <v>2019.470352</v>
      </c>
      <c r="C279" s="27">
        <v>126.934276</v>
      </c>
      <c r="E279" s="27">
        <v>2019.470352</v>
      </c>
      <c r="F279" s="27">
        <v>118.37576799999999</v>
      </c>
      <c r="H279" s="27">
        <v>2019.470352</v>
      </c>
      <c r="I279" s="27">
        <v>112.62114699999999</v>
      </c>
      <c r="K279" s="27">
        <v>2019.470352</v>
      </c>
      <c r="L279" s="27">
        <v>106.54508</v>
      </c>
    </row>
    <row r="280" spans="2:12" x14ac:dyDescent="0.45">
      <c r="B280" s="27">
        <v>2021.3991679999999</v>
      </c>
      <c r="C280" s="27">
        <v>126.82266799999999</v>
      </c>
      <c r="E280" s="27">
        <v>2021.3991679999999</v>
      </c>
      <c r="F280" s="27">
        <v>118.659707</v>
      </c>
      <c r="H280" s="27">
        <v>2021.3991679999999</v>
      </c>
      <c r="I280" s="27">
        <v>112.922332</v>
      </c>
      <c r="K280" s="27">
        <v>2021.3991679999999</v>
      </c>
      <c r="L280" s="27">
        <v>106.388898</v>
      </c>
    </row>
    <row r="281" spans="2:12" x14ac:dyDescent="0.45">
      <c r="B281" s="27">
        <v>2023.327984</v>
      </c>
      <c r="C281" s="27">
        <v>127.25584499999999</v>
      </c>
      <c r="E281" s="27">
        <v>2023.327984</v>
      </c>
      <c r="F281" s="27">
        <v>118.935935</v>
      </c>
      <c r="H281" s="27">
        <v>2023.327984</v>
      </c>
      <c r="I281" s="27">
        <v>113.137947</v>
      </c>
      <c r="K281" s="27">
        <v>2023.327984</v>
      </c>
      <c r="L281" s="27">
        <v>106.799139</v>
      </c>
    </row>
    <row r="282" spans="2:12" x14ac:dyDescent="0.45">
      <c r="B282" s="27">
        <v>2025.2568000000001</v>
      </c>
      <c r="C282" s="27">
        <v>127.064335</v>
      </c>
      <c r="E282" s="27">
        <v>2025.2568000000001</v>
      </c>
      <c r="F282" s="27">
        <v>118.920097</v>
      </c>
      <c r="H282" s="27">
        <v>2025.2568000000001</v>
      </c>
      <c r="I282" s="27">
        <v>113.351905</v>
      </c>
      <c r="K282" s="27">
        <v>2025.2568000000001</v>
      </c>
      <c r="L282" s="27">
        <v>106.85326000000001</v>
      </c>
    </row>
    <row r="283" spans="2:12" x14ac:dyDescent="0.45">
      <c r="B283" s="27">
        <v>2027.185616</v>
      </c>
      <c r="C283" s="27">
        <v>126.613685</v>
      </c>
      <c r="E283" s="27">
        <v>2027.185616</v>
      </c>
      <c r="F283" s="27">
        <v>119.218863</v>
      </c>
      <c r="H283" s="27">
        <v>2027.185616</v>
      </c>
      <c r="I283" s="27">
        <v>113.324219</v>
      </c>
      <c r="K283" s="27">
        <v>2027.185616</v>
      </c>
      <c r="L283" s="27">
        <v>106.970405</v>
      </c>
    </row>
    <row r="284" spans="2:12" x14ac:dyDescent="0.45">
      <c r="B284" s="27">
        <v>2029.1144320000001</v>
      </c>
      <c r="C284" s="27">
        <v>126.690444</v>
      </c>
      <c r="E284" s="27">
        <v>2029.1144320000001</v>
      </c>
      <c r="F284" s="27">
        <v>119.278532</v>
      </c>
      <c r="H284" s="27">
        <v>2029.1144320000001</v>
      </c>
      <c r="I284" s="27">
        <v>113.168651</v>
      </c>
      <c r="K284" s="27">
        <v>2029.1144320000001</v>
      </c>
      <c r="L284" s="27">
        <v>107.03507999999999</v>
      </c>
    </row>
    <row r="285" spans="2:12" x14ac:dyDescent="0.45">
      <c r="B285" s="27">
        <v>2031.0432479999999</v>
      </c>
      <c r="C285" s="27">
        <v>127.01326400000001</v>
      </c>
      <c r="E285" s="27">
        <v>2031.0432479999999</v>
      </c>
      <c r="F285" s="27">
        <v>118.76839</v>
      </c>
      <c r="H285" s="27">
        <v>2031.0432479999999</v>
      </c>
      <c r="I285" s="27">
        <v>113.02537599999999</v>
      </c>
      <c r="K285" s="27">
        <v>2031.0432479999999</v>
      </c>
      <c r="L285" s="27">
        <v>106.474169</v>
      </c>
    </row>
    <row r="286" spans="2:12" x14ac:dyDescent="0.45">
      <c r="B286" s="27">
        <v>2032.972064</v>
      </c>
      <c r="C286" s="27">
        <v>127.530276</v>
      </c>
      <c r="E286" s="27">
        <v>2032.972064</v>
      </c>
      <c r="F286" s="27">
        <v>118.970056</v>
      </c>
      <c r="H286" s="27">
        <v>2032.972064</v>
      </c>
      <c r="I286" s="27">
        <v>112.836524</v>
      </c>
      <c r="K286" s="27">
        <v>2032.972064</v>
      </c>
      <c r="L286" s="27">
        <v>106.319169</v>
      </c>
    </row>
    <row r="287" spans="2:12" x14ac:dyDescent="0.45">
      <c r="B287" s="27">
        <v>2034.9008799999999</v>
      </c>
      <c r="C287" s="27">
        <v>127.81437200000001</v>
      </c>
      <c r="E287" s="27">
        <v>2034.9008799999999</v>
      </c>
      <c r="F287" s="27">
        <v>119.25633500000001</v>
      </c>
      <c r="H287" s="27">
        <v>2034.9008799999999</v>
      </c>
      <c r="I287" s="27">
        <v>113.21194300000001</v>
      </c>
      <c r="K287" s="27">
        <v>2034.9008799999999</v>
      </c>
      <c r="L287" s="27">
        <v>106.339265</v>
      </c>
    </row>
    <row r="288" spans="2:12" x14ac:dyDescent="0.45">
      <c r="B288" s="27">
        <v>2036.829696</v>
      </c>
      <c r="C288" s="27">
        <v>127.73581799999999</v>
      </c>
      <c r="E288" s="27">
        <v>2036.829696</v>
      </c>
      <c r="F288" s="27">
        <v>119.433733</v>
      </c>
      <c r="H288" s="27">
        <v>2036.829696</v>
      </c>
      <c r="I288" s="27">
        <v>113.190602</v>
      </c>
      <c r="K288" s="27">
        <v>2036.829696</v>
      </c>
      <c r="L288" s="27">
        <v>106.303692</v>
      </c>
    </row>
    <row r="289" spans="2:12" x14ac:dyDescent="0.45">
      <c r="B289" s="27">
        <v>2038.7585120000001</v>
      </c>
      <c r="C289" s="27">
        <v>127.44633</v>
      </c>
      <c r="E289" s="27">
        <v>2038.7585120000001</v>
      </c>
      <c r="F289" s="27">
        <v>119.491035</v>
      </c>
      <c r="H289" s="27">
        <v>2038.7585120000001</v>
      </c>
      <c r="I289" s="27">
        <v>112.73242500000001</v>
      </c>
      <c r="K289" s="27">
        <v>2038.7585120000001</v>
      </c>
      <c r="L289" s="27">
        <v>106.717456</v>
      </c>
    </row>
    <row r="290" spans="2:12" x14ac:dyDescent="0.45">
      <c r="B290" s="27">
        <v>2040.687328</v>
      </c>
      <c r="C290" s="27">
        <v>127.67518200000001</v>
      </c>
      <c r="E290" s="27">
        <v>2040.687328</v>
      </c>
      <c r="F290" s="27">
        <v>119.290885</v>
      </c>
      <c r="H290" s="27">
        <v>2040.687328</v>
      </c>
      <c r="I290" s="27">
        <v>112.82871400000001</v>
      </c>
      <c r="K290" s="27">
        <v>2040.687328</v>
      </c>
      <c r="L290" s="27">
        <v>106.874105</v>
      </c>
    </row>
    <row r="291" spans="2:12" x14ac:dyDescent="0.45">
      <c r="B291" s="27">
        <v>2042.6161440000001</v>
      </c>
      <c r="C291" s="27">
        <v>127.754609</v>
      </c>
      <c r="E291" s="27">
        <v>2042.6161440000001</v>
      </c>
      <c r="F291" s="27">
        <v>119.162515</v>
      </c>
      <c r="H291" s="27">
        <v>2042.6161440000001</v>
      </c>
      <c r="I291" s="27">
        <v>112.822142</v>
      </c>
      <c r="K291" s="27">
        <v>2042.6161440000001</v>
      </c>
      <c r="L291" s="27">
        <v>106.67152400000001</v>
      </c>
    </row>
    <row r="292" spans="2:12" x14ac:dyDescent="0.45">
      <c r="B292" s="27">
        <v>2044.5449599999999</v>
      </c>
      <c r="C292" s="27">
        <v>127.548457</v>
      </c>
      <c r="E292" s="27">
        <v>2044.5449599999999</v>
      </c>
      <c r="F292" s="27">
        <v>119.115453</v>
      </c>
      <c r="H292" s="27">
        <v>2044.5449599999999</v>
      </c>
      <c r="I292" s="27">
        <v>112.91276999999999</v>
      </c>
      <c r="K292" s="27">
        <v>2044.5449599999999</v>
      </c>
      <c r="L292" s="27">
        <v>106.80757699999999</v>
      </c>
    </row>
    <row r="293" spans="2:12" x14ac:dyDescent="0.45">
      <c r="B293" s="27">
        <v>2046.473776</v>
      </c>
      <c r="C293" s="27">
        <v>127.66798</v>
      </c>
      <c r="E293" s="27">
        <v>2046.473776</v>
      </c>
      <c r="F293" s="27">
        <v>119.109385</v>
      </c>
      <c r="H293" s="27">
        <v>2046.473776</v>
      </c>
      <c r="I293" s="27">
        <v>112.956593</v>
      </c>
      <c r="K293" s="27">
        <v>2046.473776</v>
      </c>
      <c r="L293" s="27">
        <v>106.70737699999999</v>
      </c>
    </row>
    <row r="294" spans="2:12" x14ac:dyDescent="0.45">
      <c r="B294" s="27">
        <v>2048.4025919999999</v>
      </c>
      <c r="C294" s="27">
        <v>127.775913</v>
      </c>
      <c r="E294" s="27">
        <v>2048.4025919999999</v>
      </c>
      <c r="F294" s="27">
        <v>118.82967600000001</v>
      </c>
      <c r="H294" s="27">
        <v>2048.4025919999999</v>
      </c>
      <c r="I294" s="27">
        <v>112.74475099999999</v>
      </c>
      <c r="K294" s="27">
        <v>2048.4025919999999</v>
      </c>
      <c r="L294" s="27">
        <v>106.540272</v>
      </c>
    </row>
    <row r="295" spans="2:12" x14ac:dyDescent="0.45">
      <c r="B295" s="27">
        <v>2050.331408</v>
      </c>
      <c r="C295" s="27">
        <v>127.731616</v>
      </c>
      <c r="E295" s="27">
        <v>2050.331408</v>
      </c>
      <c r="F295" s="27">
        <v>118.474251</v>
      </c>
      <c r="H295" s="27">
        <v>2050.331408</v>
      </c>
      <c r="I295" s="27">
        <v>112.55135300000001</v>
      </c>
      <c r="K295" s="27">
        <v>2050.331408</v>
      </c>
      <c r="L295" s="27">
        <v>106.379673</v>
      </c>
    </row>
    <row r="296" spans="2:12" x14ac:dyDescent="0.45">
      <c r="B296" s="27">
        <v>2052.2602240000001</v>
      </c>
      <c r="C296" s="27">
        <v>127.546587</v>
      </c>
      <c r="E296" s="27">
        <v>2052.2602240000001</v>
      </c>
      <c r="F296" s="27">
        <v>118.485511</v>
      </c>
      <c r="H296" s="27">
        <v>2052.2602240000001</v>
      </c>
      <c r="I296" s="27">
        <v>112.56126500000001</v>
      </c>
      <c r="K296" s="27">
        <v>2052.2602240000001</v>
      </c>
      <c r="L296" s="27">
        <v>106.325886</v>
      </c>
    </row>
    <row r="297" spans="2:12" x14ac:dyDescent="0.45">
      <c r="B297" s="27">
        <v>2054.1890400000002</v>
      </c>
      <c r="C297" s="27">
        <v>127.436736</v>
      </c>
      <c r="E297" s="27">
        <v>2054.1890400000002</v>
      </c>
      <c r="F297" s="27">
        <v>118.543671</v>
      </c>
      <c r="H297" s="27">
        <v>2054.1890400000002</v>
      </c>
      <c r="I297" s="27">
        <v>112.71460399999999</v>
      </c>
      <c r="K297" s="27">
        <v>2054.1890400000002</v>
      </c>
      <c r="L297" s="27">
        <v>105.978696</v>
      </c>
    </row>
    <row r="298" spans="2:12" x14ac:dyDescent="0.45">
      <c r="B298" s="27">
        <v>2056.1178559999998</v>
      </c>
      <c r="C298" s="27">
        <v>127.44051</v>
      </c>
      <c r="E298" s="27">
        <v>2056.1178559999998</v>
      </c>
      <c r="F298" s="27">
        <v>118.460733</v>
      </c>
      <c r="H298" s="27">
        <v>2056.1178559999998</v>
      </c>
      <c r="I298" s="27">
        <v>112.783416</v>
      </c>
      <c r="K298" s="27">
        <v>2056.1178559999998</v>
      </c>
      <c r="L298" s="27">
        <v>105.71104699999999</v>
      </c>
    </row>
    <row r="299" spans="2:12" x14ac:dyDescent="0.45">
      <c r="B299" s="27">
        <v>2058.0466719999999</v>
      </c>
      <c r="C299" s="27">
        <v>127.76802000000001</v>
      </c>
      <c r="E299" s="27">
        <v>2058.0466719999999</v>
      </c>
      <c r="F299" s="27">
        <v>118.530282</v>
      </c>
      <c r="H299" s="27">
        <v>2058.0466719999999</v>
      </c>
      <c r="I299" s="27">
        <v>112.89999899999999</v>
      </c>
      <c r="K299" s="27">
        <v>2058.0466719999999</v>
      </c>
      <c r="L299" s="27">
        <v>105.72846199999999</v>
      </c>
    </row>
    <row r="300" spans="2:12" x14ac:dyDescent="0.45">
      <c r="B300" s="27">
        <v>2059.975488</v>
      </c>
      <c r="C300" s="27">
        <v>127.714371</v>
      </c>
      <c r="E300" s="27">
        <v>2059.975488</v>
      </c>
      <c r="F300" s="27">
        <v>118.549404</v>
      </c>
      <c r="H300" s="27">
        <v>2059.975488</v>
      </c>
      <c r="I300" s="27">
        <v>112.938498</v>
      </c>
      <c r="K300" s="27">
        <v>2059.975488</v>
      </c>
      <c r="L300" s="27">
        <v>105.958859</v>
      </c>
    </row>
    <row r="301" spans="2:12" x14ac:dyDescent="0.45">
      <c r="B301" s="27">
        <v>2061.9043040000001</v>
      </c>
      <c r="C301" s="27">
        <v>127.528229</v>
      </c>
      <c r="E301" s="27">
        <v>2061.9043040000001</v>
      </c>
      <c r="F301" s="27">
        <v>118.471317</v>
      </c>
      <c r="H301" s="27">
        <v>2061.9043040000001</v>
      </c>
      <c r="I301" s="27">
        <v>112.872373</v>
      </c>
      <c r="K301" s="27">
        <v>2061.9043040000001</v>
      </c>
      <c r="L301" s="27">
        <v>106.221508</v>
      </c>
    </row>
    <row r="302" spans="2:12" x14ac:dyDescent="0.45">
      <c r="B302" s="27">
        <v>2063.8331199999998</v>
      </c>
      <c r="C302" s="27">
        <v>127.52745</v>
      </c>
      <c r="E302" s="27">
        <v>2063.8331199999998</v>
      </c>
      <c r="F302" s="27">
        <v>118.372213</v>
      </c>
      <c r="H302" s="27">
        <v>2063.8331199999998</v>
      </c>
      <c r="I302" s="27">
        <v>112.730108</v>
      </c>
      <c r="K302" s="27">
        <v>2063.8331199999998</v>
      </c>
      <c r="L302" s="27">
        <v>106.15159800000001</v>
      </c>
    </row>
    <row r="303" spans="2:12" x14ac:dyDescent="0.45">
      <c r="B303" s="27">
        <v>2065.7619359999999</v>
      </c>
      <c r="C303" s="27">
        <v>127.66279900000001</v>
      </c>
      <c r="E303" s="27">
        <v>2065.7619359999999</v>
      </c>
      <c r="F303" s="27">
        <v>118.340434</v>
      </c>
      <c r="H303" s="27">
        <v>2065.7619359999999</v>
      </c>
      <c r="I303" s="27">
        <v>112.74190900000001</v>
      </c>
      <c r="K303" s="27">
        <v>2065.7619359999999</v>
      </c>
      <c r="L303" s="27">
        <v>105.741676</v>
      </c>
    </row>
    <row r="304" spans="2:12" x14ac:dyDescent="0.45">
      <c r="B304" s="27">
        <v>2067.690752</v>
      </c>
      <c r="C304" s="27">
        <v>127.604669</v>
      </c>
      <c r="E304" s="27">
        <v>2067.690752</v>
      </c>
      <c r="F304" s="27">
        <v>118.377422</v>
      </c>
      <c r="H304" s="27">
        <v>2067.690752</v>
      </c>
      <c r="I304" s="27">
        <v>112.86702200000001</v>
      </c>
      <c r="K304" s="27">
        <v>2067.690752</v>
      </c>
      <c r="L304" s="27">
        <v>105.64967900000001</v>
      </c>
    </row>
    <row r="305" spans="2:12" x14ac:dyDescent="0.45">
      <c r="B305" s="27">
        <v>2069.6195680000001</v>
      </c>
      <c r="C305" s="27">
        <v>127.52878699999999</v>
      </c>
      <c r="E305" s="27">
        <v>2069.6195680000001</v>
      </c>
      <c r="F305" s="27">
        <v>118.56814799999999</v>
      </c>
      <c r="H305" s="27">
        <v>2069.6195680000001</v>
      </c>
      <c r="I305" s="27">
        <v>112.589788</v>
      </c>
      <c r="K305" s="27">
        <v>2069.6195680000001</v>
      </c>
      <c r="L305" s="27">
        <v>105.673378</v>
      </c>
    </row>
    <row r="306" spans="2:12" x14ac:dyDescent="0.45">
      <c r="B306" s="27">
        <v>2071.5483840000002</v>
      </c>
      <c r="C306" s="27">
        <v>127.527922</v>
      </c>
      <c r="E306" s="27">
        <v>2071.5483840000002</v>
      </c>
      <c r="F306" s="27">
        <v>118.548889</v>
      </c>
      <c r="H306" s="27">
        <v>2071.5483840000002</v>
      </c>
      <c r="I306" s="27">
        <v>112.401805</v>
      </c>
      <c r="K306" s="27">
        <v>2071.5483840000002</v>
      </c>
      <c r="L306" s="27">
        <v>105.371691</v>
      </c>
    </row>
    <row r="307" spans="2:12" x14ac:dyDescent="0.45">
      <c r="B307" s="27">
        <v>2073.4771999999998</v>
      </c>
      <c r="C307" s="27">
        <v>127.439505</v>
      </c>
      <c r="E307" s="27">
        <v>2073.4771999999998</v>
      </c>
      <c r="F307" s="27">
        <v>118.465341</v>
      </c>
      <c r="H307" s="27">
        <v>2073.4771999999998</v>
      </c>
      <c r="I307" s="27">
        <v>112.34989400000001</v>
      </c>
      <c r="K307" s="27">
        <v>2073.4771999999998</v>
      </c>
      <c r="L307" s="27">
        <v>105.115628</v>
      </c>
    </row>
    <row r="308" spans="2:12" x14ac:dyDescent="0.45">
      <c r="B308" s="27">
        <v>2075.4060159999999</v>
      </c>
      <c r="C308" s="27">
        <v>127.45486099999999</v>
      </c>
      <c r="E308" s="27">
        <v>2075.4060159999999</v>
      </c>
      <c r="F308" s="27">
        <v>118.291763</v>
      </c>
      <c r="H308" s="27">
        <v>2075.4060159999999</v>
      </c>
      <c r="I308" s="27">
        <v>112.359353</v>
      </c>
      <c r="K308" s="27">
        <v>2075.4060159999999</v>
      </c>
      <c r="L308" s="27">
        <v>105.354812</v>
      </c>
    </row>
    <row r="309" spans="2:12" x14ac:dyDescent="0.45">
      <c r="B309" s="27">
        <v>2077.334832</v>
      </c>
      <c r="C309" s="27">
        <v>127.486589</v>
      </c>
      <c r="E309" s="27">
        <v>2077.334832</v>
      </c>
      <c r="F309" s="27">
        <v>118.126384</v>
      </c>
      <c r="H309" s="27">
        <v>2077.334832</v>
      </c>
      <c r="I309" s="27">
        <v>112.34783</v>
      </c>
      <c r="K309" s="27">
        <v>2077.334832</v>
      </c>
      <c r="L309" s="27">
        <v>105.601962</v>
      </c>
    </row>
    <row r="310" spans="2:12" x14ac:dyDescent="0.45">
      <c r="B310" s="27">
        <v>2079.2636480000001</v>
      </c>
      <c r="C310" s="27">
        <v>127.344257</v>
      </c>
      <c r="E310" s="27">
        <v>2079.2636480000001</v>
      </c>
      <c r="F310" s="27">
        <v>118.21383</v>
      </c>
      <c r="H310" s="27">
        <v>2079.2636480000001</v>
      </c>
      <c r="I310" s="27">
        <v>112.373288</v>
      </c>
      <c r="K310" s="27">
        <v>2079.2636480000001</v>
      </c>
      <c r="L310" s="27">
        <v>105.39210799999999</v>
      </c>
    </row>
    <row r="311" spans="2:12" x14ac:dyDescent="0.45">
      <c r="B311" s="27">
        <v>2081.1924640000002</v>
      </c>
      <c r="C311" s="27">
        <v>127.20137099999999</v>
      </c>
      <c r="E311" s="27">
        <v>2081.1924640000002</v>
      </c>
      <c r="F311" s="27">
        <v>118.374307</v>
      </c>
      <c r="H311" s="27">
        <v>2081.1924640000002</v>
      </c>
      <c r="I311" s="27">
        <v>112.413742</v>
      </c>
      <c r="K311" s="27">
        <v>2081.1924640000002</v>
      </c>
      <c r="L311" s="27">
        <v>105.10647299999999</v>
      </c>
    </row>
    <row r="312" spans="2:12" x14ac:dyDescent="0.45">
      <c r="B312" s="27">
        <v>2083.1212799999998</v>
      </c>
      <c r="C312" s="27">
        <v>127.420739</v>
      </c>
      <c r="E312" s="27">
        <v>2083.1212799999998</v>
      </c>
      <c r="F312" s="27">
        <v>118.28886</v>
      </c>
      <c r="H312" s="27">
        <v>2083.1212799999998</v>
      </c>
      <c r="I312" s="27">
        <v>112.169003</v>
      </c>
      <c r="K312" s="27">
        <v>2083.1212799999998</v>
      </c>
      <c r="L312" s="27">
        <v>105.018388</v>
      </c>
    </row>
    <row r="313" spans="2:12" x14ac:dyDescent="0.45">
      <c r="B313" s="27">
        <v>2085.0500959999999</v>
      </c>
      <c r="C313" s="27">
        <v>127.647254</v>
      </c>
      <c r="E313" s="27">
        <v>2085.0500959999999</v>
      </c>
      <c r="F313" s="27">
        <v>118.19099799999999</v>
      </c>
      <c r="H313" s="27">
        <v>2085.0500959999999</v>
      </c>
      <c r="I313" s="27">
        <v>112.016321</v>
      </c>
      <c r="K313" s="27">
        <v>2085.0500959999999</v>
      </c>
      <c r="L313" s="27">
        <v>104.80685099999999</v>
      </c>
    </row>
    <row r="314" spans="2:12" x14ac:dyDescent="0.45">
      <c r="B314" s="27">
        <v>2086.978912</v>
      </c>
      <c r="C314" s="27">
        <v>127.665576</v>
      </c>
      <c r="E314" s="27">
        <v>2086.978912</v>
      </c>
      <c r="F314" s="27">
        <v>118.23069599999999</v>
      </c>
      <c r="H314" s="27">
        <v>2086.978912</v>
      </c>
      <c r="I314" s="27">
        <v>112.13586100000001</v>
      </c>
      <c r="K314" s="27">
        <v>2086.978912</v>
      </c>
      <c r="L314" s="27">
        <v>104.840912</v>
      </c>
    </row>
    <row r="315" spans="2:12" x14ac:dyDescent="0.45">
      <c r="B315" s="27">
        <v>2088.9077280000001</v>
      </c>
      <c r="C315" s="27">
        <v>127.670559</v>
      </c>
      <c r="E315" s="27">
        <v>2088.9077280000001</v>
      </c>
      <c r="F315" s="27">
        <v>118.249413</v>
      </c>
      <c r="H315" s="27">
        <v>2088.9077280000001</v>
      </c>
      <c r="I315" s="27">
        <v>112.174898</v>
      </c>
      <c r="K315" s="27">
        <v>2088.9077280000001</v>
      </c>
      <c r="L315" s="27">
        <v>105.093869</v>
      </c>
    </row>
    <row r="316" spans="2:12" x14ac:dyDescent="0.45">
      <c r="B316" s="27">
        <v>2090.8365439999998</v>
      </c>
      <c r="C316" s="27">
        <v>127.55452200000001</v>
      </c>
      <c r="E316" s="27">
        <v>2090.8365439999998</v>
      </c>
      <c r="F316" s="27">
        <v>118.18206600000001</v>
      </c>
      <c r="H316" s="27">
        <v>2090.8365439999998</v>
      </c>
      <c r="I316" s="27">
        <v>112.209872</v>
      </c>
      <c r="K316" s="27">
        <v>2090.8365439999998</v>
      </c>
      <c r="L316" s="27">
        <v>105.26097300000001</v>
      </c>
    </row>
    <row r="317" spans="2:12" x14ac:dyDescent="0.45">
      <c r="B317" s="27">
        <v>2092.7653599999999</v>
      </c>
      <c r="C317" s="27">
        <v>127.45177</v>
      </c>
      <c r="E317" s="27">
        <v>2092.7653599999999</v>
      </c>
      <c r="F317" s="27">
        <v>118.189187</v>
      </c>
      <c r="H317" s="27">
        <v>2092.7653599999999</v>
      </c>
      <c r="I317" s="27">
        <v>112.362088</v>
      </c>
      <c r="K317" s="27">
        <v>2092.7653599999999</v>
      </c>
      <c r="L317" s="27">
        <v>105.19885600000001</v>
      </c>
    </row>
    <row r="318" spans="2:12" x14ac:dyDescent="0.45">
      <c r="B318" s="27">
        <v>2094.694176</v>
      </c>
      <c r="C318" s="27">
        <v>127.36676300000001</v>
      </c>
      <c r="E318" s="27">
        <v>2094.694176</v>
      </c>
      <c r="F318" s="27">
        <v>118.098052</v>
      </c>
      <c r="H318" s="27">
        <v>2094.694176</v>
      </c>
      <c r="I318" s="27">
        <v>112.29428</v>
      </c>
      <c r="K318" s="27">
        <v>2094.694176</v>
      </c>
      <c r="L318" s="27">
        <v>105.035437</v>
      </c>
    </row>
    <row r="319" spans="2:12" x14ac:dyDescent="0.45">
      <c r="B319" s="27">
        <v>2096.6229920000001</v>
      </c>
      <c r="C319" s="27">
        <v>127.23025699999999</v>
      </c>
      <c r="E319" s="27">
        <v>2096.6229920000001</v>
      </c>
      <c r="F319" s="27">
        <v>118.002712</v>
      </c>
      <c r="H319" s="27">
        <v>2096.6229920000001</v>
      </c>
      <c r="I319" s="27">
        <v>112.16035100000001</v>
      </c>
      <c r="K319" s="27">
        <v>2096.6229920000001</v>
      </c>
      <c r="L319" s="27">
        <v>104.87092199999999</v>
      </c>
    </row>
    <row r="320" spans="2:12" x14ac:dyDescent="0.45">
      <c r="B320" s="27">
        <v>2098.5518080000002</v>
      </c>
      <c r="C320" s="27">
        <v>127.37308</v>
      </c>
      <c r="E320" s="27">
        <v>2098.5518080000002</v>
      </c>
      <c r="F320" s="27">
        <v>117.98138299999999</v>
      </c>
      <c r="H320" s="27">
        <v>2098.5518080000002</v>
      </c>
      <c r="I320" s="27">
        <v>112.03084699999999</v>
      </c>
      <c r="K320" s="27">
        <v>2098.5518080000002</v>
      </c>
      <c r="L320" s="27">
        <v>104.76376399999999</v>
      </c>
    </row>
    <row r="321" spans="2:12" x14ac:dyDescent="0.45">
      <c r="B321" s="27">
        <v>2100.4806239999998</v>
      </c>
      <c r="C321" s="27">
        <v>127.47430799999999</v>
      </c>
      <c r="E321" s="27">
        <v>2100.4806239999998</v>
      </c>
      <c r="F321" s="27">
        <v>118.057149</v>
      </c>
      <c r="H321" s="27">
        <v>2100.4806239999998</v>
      </c>
      <c r="I321" s="27">
        <v>112.045557</v>
      </c>
      <c r="K321" s="27">
        <v>2100.4806239999998</v>
      </c>
      <c r="L321" s="27">
        <v>104.84931400000001</v>
      </c>
    </row>
    <row r="322" spans="2:12" x14ac:dyDescent="0.45">
      <c r="B322" s="27">
        <v>2102.4094399999999</v>
      </c>
      <c r="C322" s="27">
        <v>127.364318</v>
      </c>
      <c r="E322" s="27">
        <v>2102.4094399999999</v>
      </c>
      <c r="F322" s="27">
        <v>118.08723500000001</v>
      </c>
      <c r="H322" s="27">
        <v>2102.4094399999999</v>
      </c>
      <c r="I322" s="27">
        <v>112.17341399999999</v>
      </c>
      <c r="K322" s="27">
        <v>2102.4094399999999</v>
      </c>
      <c r="L322" s="27">
        <v>104.75335699999999</v>
      </c>
    </row>
    <row r="323" spans="2:12" x14ac:dyDescent="0.45">
      <c r="B323" s="27">
        <v>2104.338256</v>
      </c>
      <c r="C323" s="27">
        <v>127.234522</v>
      </c>
      <c r="E323" s="27">
        <v>2104.338256</v>
      </c>
      <c r="F323" s="27">
        <v>118.079593</v>
      </c>
      <c r="H323" s="27">
        <v>2104.338256</v>
      </c>
      <c r="I323" s="27">
        <v>112.295974</v>
      </c>
      <c r="K323" s="27">
        <v>2104.338256</v>
      </c>
      <c r="L323" s="27">
        <v>104.715046</v>
      </c>
    </row>
    <row r="324" spans="2:12" x14ac:dyDescent="0.45">
      <c r="B324" s="27">
        <v>2106.2670720000001</v>
      </c>
      <c r="C324" s="27">
        <v>127.326562</v>
      </c>
      <c r="E324" s="27">
        <v>2106.2670720000001</v>
      </c>
      <c r="F324" s="27">
        <v>117.96363700000001</v>
      </c>
      <c r="H324" s="27">
        <v>2106.2670720000001</v>
      </c>
      <c r="I324" s="27">
        <v>112.212485</v>
      </c>
      <c r="K324" s="27">
        <v>2106.2670720000001</v>
      </c>
      <c r="L324" s="27">
        <v>104.882468</v>
      </c>
    </row>
    <row r="325" spans="2:12" x14ac:dyDescent="0.45">
      <c r="B325" s="27">
        <v>2108.1958880000002</v>
      </c>
      <c r="C325" s="27">
        <v>127.343058</v>
      </c>
      <c r="E325" s="27">
        <v>2108.1958880000002</v>
      </c>
      <c r="F325" s="27">
        <v>117.880411</v>
      </c>
      <c r="H325" s="27">
        <v>2108.1958880000002</v>
      </c>
      <c r="I325" s="27">
        <v>111.99318599999999</v>
      </c>
      <c r="K325" s="27">
        <v>2108.1958880000002</v>
      </c>
      <c r="L325" s="27">
        <v>104.834673</v>
      </c>
    </row>
    <row r="326" spans="2:12" x14ac:dyDescent="0.45">
      <c r="B326" s="27">
        <v>2110.1247039999998</v>
      </c>
      <c r="C326" s="27">
        <v>127.14209099999999</v>
      </c>
      <c r="E326" s="27">
        <v>2110.1247039999998</v>
      </c>
      <c r="F326" s="27">
        <v>117.970584</v>
      </c>
      <c r="H326" s="27">
        <v>2110.1247039999998</v>
      </c>
      <c r="I326" s="27">
        <v>111.87570100000001</v>
      </c>
      <c r="K326" s="27">
        <v>2110.1247039999998</v>
      </c>
      <c r="L326" s="27">
        <v>104.84509199999999</v>
      </c>
    </row>
    <row r="327" spans="2:12" x14ac:dyDescent="0.45">
      <c r="B327" s="27">
        <v>2112.0535199999999</v>
      </c>
      <c r="C327" s="27">
        <v>127.097837</v>
      </c>
      <c r="E327" s="27">
        <v>2112.0535199999999</v>
      </c>
      <c r="F327" s="27">
        <v>117.939414</v>
      </c>
      <c r="H327" s="27">
        <v>2112.0535199999999</v>
      </c>
      <c r="I327" s="27">
        <v>111.826521</v>
      </c>
      <c r="K327" s="27">
        <v>2112.0535199999999</v>
      </c>
      <c r="L327" s="27">
        <v>104.78139400000001</v>
      </c>
    </row>
    <row r="328" spans="2:12" x14ac:dyDescent="0.45">
      <c r="B328" s="27">
        <v>2113.982336</v>
      </c>
      <c r="C328" s="27">
        <v>127.18004500000001</v>
      </c>
      <c r="E328" s="27">
        <v>2113.982336</v>
      </c>
      <c r="F328" s="27">
        <v>117.84562699999999</v>
      </c>
      <c r="H328" s="27">
        <v>2113.982336</v>
      </c>
      <c r="I328" s="27">
        <v>111.796069</v>
      </c>
      <c r="K328" s="27">
        <v>2113.982336</v>
      </c>
      <c r="L328" s="27">
        <v>104.686774</v>
      </c>
    </row>
    <row r="329" spans="2:12" x14ac:dyDescent="0.45">
      <c r="B329" s="27">
        <v>2115.9111520000001</v>
      </c>
      <c r="C329" s="27">
        <v>127.19726799999999</v>
      </c>
      <c r="E329" s="27">
        <v>2115.9111520000001</v>
      </c>
      <c r="F329" s="27">
        <v>117.920197</v>
      </c>
      <c r="H329" s="27">
        <v>2115.9111520000001</v>
      </c>
      <c r="I329" s="27">
        <v>111.82235799999999</v>
      </c>
      <c r="K329" s="27">
        <v>2115.9111520000001</v>
      </c>
      <c r="L329" s="27">
        <v>104.702123</v>
      </c>
    </row>
    <row r="330" spans="2:12" x14ac:dyDescent="0.45">
      <c r="B330" s="27">
        <v>2117.8399680000002</v>
      </c>
      <c r="C330" s="27">
        <v>127.15459199999999</v>
      </c>
      <c r="E330" s="27">
        <v>2117.8399680000002</v>
      </c>
      <c r="F330" s="27">
        <v>117.97031699999999</v>
      </c>
      <c r="H330" s="27">
        <v>2117.8399680000002</v>
      </c>
      <c r="I330" s="27">
        <v>111.790561</v>
      </c>
      <c r="K330" s="27">
        <v>2117.8399680000002</v>
      </c>
      <c r="L330" s="27">
        <v>104.76170500000001</v>
      </c>
    </row>
    <row r="331" spans="2:12" x14ac:dyDescent="0.45">
      <c r="B331" s="27">
        <v>2119.7687839999999</v>
      </c>
      <c r="C331" s="27">
        <v>127.170798</v>
      </c>
      <c r="E331" s="27">
        <v>2119.7687839999999</v>
      </c>
      <c r="F331" s="27">
        <v>118.086561</v>
      </c>
      <c r="H331" s="27">
        <v>2119.7687839999999</v>
      </c>
      <c r="I331" s="27">
        <v>111.760892</v>
      </c>
      <c r="K331" s="27">
        <v>2119.7687839999999</v>
      </c>
      <c r="L331" s="27">
        <v>104.671526</v>
      </c>
    </row>
    <row r="332" spans="2:12" x14ac:dyDescent="0.45">
      <c r="B332" s="27">
        <v>2121.6976</v>
      </c>
      <c r="C332" s="27">
        <v>127.123744</v>
      </c>
      <c r="E332" s="27">
        <v>2121.6976</v>
      </c>
      <c r="F332" s="27">
        <v>118.095744</v>
      </c>
      <c r="H332" s="27">
        <v>2121.6976</v>
      </c>
      <c r="I332" s="27">
        <v>111.848311</v>
      </c>
      <c r="K332" s="27">
        <v>2121.6976</v>
      </c>
      <c r="L332" s="27">
        <v>104.53759700000001</v>
      </c>
    </row>
    <row r="333" spans="2:12" x14ac:dyDescent="0.45">
      <c r="B333" s="27">
        <v>2123.6264160000001</v>
      </c>
      <c r="C333" s="27">
        <v>127.26128300000001</v>
      </c>
      <c r="E333" s="27">
        <v>2123.6264160000001</v>
      </c>
      <c r="F333" s="27">
        <v>118.03550300000001</v>
      </c>
      <c r="H333" s="27">
        <v>2123.6264160000001</v>
      </c>
      <c r="I333" s="27">
        <v>111.965975</v>
      </c>
      <c r="K333" s="27">
        <v>2123.6264160000001</v>
      </c>
      <c r="L333" s="27">
        <v>104.392855</v>
      </c>
    </row>
    <row r="334" spans="2:12" x14ac:dyDescent="0.45">
      <c r="B334" s="27">
        <v>2125.5552320000002</v>
      </c>
      <c r="C334" s="27">
        <v>127.14067</v>
      </c>
      <c r="E334" s="27">
        <v>2125.5552320000002</v>
      </c>
      <c r="F334" s="27">
        <v>117.929517</v>
      </c>
      <c r="H334" s="27">
        <v>2125.5552320000002</v>
      </c>
      <c r="I334" s="27">
        <v>112.057075</v>
      </c>
      <c r="K334" s="27">
        <v>2125.5552320000002</v>
      </c>
      <c r="L334" s="27">
        <v>104.41620500000001</v>
      </c>
    </row>
    <row r="335" spans="2:12" x14ac:dyDescent="0.45">
      <c r="B335" s="27">
        <v>2127.4840479999998</v>
      </c>
      <c r="C335" s="27">
        <v>127.07522400000001</v>
      </c>
      <c r="E335" s="27">
        <v>2127.4840479999998</v>
      </c>
      <c r="F335" s="27">
        <v>117.92468700000001</v>
      </c>
      <c r="H335" s="27">
        <v>2127.4840479999998</v>
      </c>
      <c r="I335" s="27">
        <v>112.05645800000001</v>
      </c>
      <c r="K335" s="27">
        <v>2127.4840479999998</v>
      </c>
      <c r="L335" s="27">
        <v>104.645139</v>
      </c>
    </row>
    <row r="336" spans="2:12" x14ac:dyDescent="0.45">
      <c r="B336" s="27">
        <v>2129.4128639999999</v>
      </c>
      <c r="C336" s="27">
        <v>127.33643000000001</v>
      </c>
      <c r="E336" s="27">
        <v>2129.4128639999999</v>
      </c>
      <c r="F336" s="27">
        <v>118.024355</v>
      </c>
      <c r="H336" s="27">
        <v>2129.4128639999999</v>
      </c>
      <c r="I336" s="27">
        <v>112.132296</v>
      </c>
      <c r="K336" s="27">
        <v>2129.4128639999999</v>
      </c>
      <c r="L336" s="27">
        <v>104.773726</v>
      </c>
    </row>
    <row r="337" spans="2:12" x14ac:dyDescent="0.45">
      <c r="B337" s="27">
        <v>2131.34168</v>
      </c>
      <c r="C337" s="27">
        <v>127.47954300000001</v>
      </c>
      <c r="E337" s="27">
        <v>2131.34168</v>
      </c>
      <c r="F337" s="27">
        <v>118.258735</v>
      </c>
      <c r="H337" s="27">
        <v>2131.34168</v>
      </c>
      <c r="I337" s="27">
        <v>112.276177</v>
      </c>
      <c r="K337" s="27">
        <v>2131.34168</v>
      </c>
      <c r="L337" s="27">
        <v>105.17993</v>
      </c>
    </row>
    <row r="338" spans="2:12" x14ac:dyDescent="0.45">
      <c r="B338" s="27">
        <v>2133.2704960000001</v>
      </c>
      <c r="C338" s="27">
        <v>127.45343699999999</v>
      </c>
      <c r="E338" s="27">
        <v>2133.2704960000001</v>
      </c>
      <c r="F338" s="27">
        <v>118.277666</v>
      </c>
      <c r="H338" s="27">
        <v>2133.2704960000001</v>
      </c>
      <c r="I338" s="27">
        <v>112.432185</v>
      </c>
      <c r="K338" s="27">
        <v>2133.2704960000001</v>
      </c>
      <c r="L338" s="27">
        <v>105.608904</v>
      </c>
    </row>
    <row r="339" spans="2:12" x14ac:dyDescent="0.45">
      <c r="B339" s="27">
        <v>2135.1993120000002</v>
      </c>
      <c r="C339" s="27">
        <v>127.506748</v>
      </c>
      <c r="E339" s="27">
        <v>2135.1993120000002</v>
      </c>
      <c r="F339" s="27">
        <v>118.22353699999999</v>
      </c>
      <c r="H339" s="27">
        <v>2135.1993120000002</v>
      </c>
      <c r="I339" s="27">
        <v>112.562803</v>
      </c>
      <c r="K339" s="27">
        <v>2135.1993120000002</v>
      </c>
      <c r="L339" s="27">
        <v>105.38655300000001</v>
      </c>
    </row>
    <row r="340" spans="2:12" x14ac:dyDescent="0.45">
      <c r="B340" s="27">
        <v>2137.1281279999998</v>
      </c>
      <c r="C340" s="27">
        <v>127.49476300000001</v>
      </c>
      <c r="E340" s="27">
        <v>2137.1281279999998</v>
      </c>
      <c r="F340" s="27">
        <v>118.386268</v>
      </c>
      <c r="H340" s="27">
        <v>2137.1281279999998</v>
      </c>
      <c r="I340" s="27">
        <v>112.696212</v>
      </c>
      <c r="K340" s="27">
        <v>2137.1281279999998</v>
      </c>
      <c r="L340" s="27">
        <v>105.037333</v>
      </c>
    </row>
    <row r="341" spans="2:12" x14ac:dyDescent="0.45">
      <c r="B341" s="27">
        <v>2139.0569439999999</v>
      </c>
      <c r="C341" s="27">
        <v>127.539562</v>
      </c>
      <c r="E341" s="27">
        <v>2139.0569439999999</v>
      </c>
      <c r="F341" s="27">
        <v>118.58488</v>
      </c>
      <c r="H341" s="27">
        <v>2139.0569439999999</v>
      </c>
      <c r="I341" s="27">
        <v>112.65257</v>
      </c>
      <c r="K341" s="27">
        <v>2139.0569439999999</v>
      </c>
      <c r="L341" s="27">
        <v>105.134207</v>
      </c>
    </row>
    <row r="342" spans="2:12" x14ac:dyDescent="0.45">
      <c r="B342" s="27">
        <v>2140.98576</v>
      </c>
      <c r="C342" s="27">
        <v>127.725438</v>
      </c>
      <c r="E342" s="27">
        <v>2140.98576</v>
      </c>
      <c r="F342" s="27">
        <v>118.65138399999999</v>
      </c>
      <c r="H342" s="27">
        <v>2140.98576</v>
      </c>
      <c r="I342" s="27">
        <v>112.52070000000001</v>
      </c>
      <c r="K342" s="27">
        <v>2140.98576</v>
      </c>
      <c r="L342" s="27">
        <v>105.388051</v>
      </c>
    </row>
    <row r="343" spans="2:12" x14ac:dyDescent="0.45">
      <c r="B343" s="27">
        <v>2142.9145760000001</v>
      </c>
      <c r="C343" s="27">
        <v>127.87216100000001</v>
      </c>
      <c r="E343" s="27">
        <v>2142.9145760000001</v>
      </c>
      <c r="F343" s="27">
        <v>118.74773399999999</v>
      </c>
      <c r="H343" s="27">
        <v>2142.9145760000001</v>
      </c>
      <c r="I343" s="27">
        <v>112.73651599999999</v>
      </c>
      <c r="K343" s="27">
        <v>2142.9145760000001</v>
      </c>
      <c r="L343" s="27">
        <v>105.40725</v>
      </c>
    </row>
    <row r="344" spans="2:12" x14ac:dyDescent="0.45">
      <c r="B344" s="27">
        <v>2144.8433920000002</v>
      </c>
      <c r="C344" s="27">
        <v>127.724023</v>
      </c>
      <c r="E344" s="27">
        <v>2144.8433920000002</v>
      </c>
      <c r="F344" s="27">
        <v>118.98948300000001</v>
      </c>
      <c r="H344" s="27">
        <v>2144.8433920000002</v>
      </c>
      <c r="I344" s="27">
        <v>112.95633100000001</v>
      </c>
      <c r="K344" s="27">
        <v>2144.8433920000002</v>
      </c>
      <c r="L344" s="27">
        <v>105.47281</v>
      </c>
    </row>
    <row r="345" spans="2:12" x14ac:dyDescent="0.45">
      <c r="B345" s="27">
        <v>2146.7722079999999</v>
      </c>
      <c r="C345" s="27">
        <v>127.465298</v>
      </c>
      <c r="E345" s="27">
        <v>2146.7722079999999</v>
      </c>
      <c r="F345" s="27">
        <v>119.028598</v>
      </c>
      <c r="H345" s="27">
        <v>2146.7722079999999</v>
      </c>
      <c r="I345" s="27">
        <v>113.04813900000001</v>
      </c>
      <c r="K345" s="27">
        <v>2146.7722079999999</v>
      </c>
      <c r="L345" s="27">
        <v>105.71304499999999</v>
      </c>
    </row>
    <row r="346" spans="2:12" x14ac:dyDescent="0.45">
      <c r="B346" s="27">
        <v>2148.701024</v>
      </c>
      <c r="C346" s="27">
        <v>127.207464</v>
      </c>
      <c r="E346" s="27">
        <v>2148.701024</v>
      </c>
      <c r="F346" s="27">
        <v>118.99712100000001</v>
      </c>
      <c r="H346" s="27">
        <v>2148.701024</v>
      </c>
      <c r="I346" s="27">
        <v>113.238514</v>
      </c>
      <c r="K346" s="27">
        <v>2148.701024</v>
      </c>
      <c r="L346" s="27">
        <v>105.91964400000001</v>
      </c>
    </row>
    <row r="347" spans="2:12" x14ac:dyDescent="0.45">
      <c r="B347" s="27">
        <v>2150.6298400000001</v>
      </c>
      <c r="C347" s="27">
        <v>127.361373</v>
      </c>
      <c r="E347" s="27">
        <v>2150.6298400000001</v>
      </c>
      <c r="F347" s="27">
        <v>118.959011</v>
      </c>
      <c r="H347" s="27">
        <v>2150.6298400000001</v>
      </c>
      <c r="I347" s="27">
        <v>113.32946</v>
      </c>
      <c r="K347" s="27">
        <v>2150.6298400000001</v>
      </c>
      <c r="L347" s="27">
        <v>105.78097</v>
      </c>
    </row>
    <row r="348" spans="2:12" x14ac:dyDescent="0.45">
      <c r="B348" s="27">
        <v>2152.5586560000002</v>
      </c>
      <c r="C348" s="27">
        <v>127.66618</v>
      </c>
      <c r="E348" s="27">
        <v>2152.5586560000002</v>
      </c>
      <c r="F348" s="27">
        <v>118.936713</v>
      </c>
      <c r="H348" s="27">
        <v>2152.5586560000002</v>
      </c>
      <c r="I348" s="27">
        <v>113.61201800000001</v>
      </c>
      <c r="K348" s="27">
        <v>2152.5586560000002</v>
      </c>
      <c r="L348" s="27">
        <v>105.53854200000001</v>
      </c>
    </row>
    <row r="349" spans="2:12" x14ac:dyDescent="0.45">
      <c r="B349" s="27">
        <v>2154.4874719999998</v>
      </c>
      <c r="C349" s="27">
        <v>128.42540500000001</v>
      </c>
      <c r="E349" s="27">
        <v>2154.4874719999998</v>
      </c>
      <c r="F349" s="27">
        <v>118.93577399999999</v>
      </c>
      <c r="H349" s="27">
        <v>2154.4874719999998</v>
      </c>
      <c r="I349" s="27">
        <v>114.04420500000001</v>
      </c>
      <c r="K349" s="27">
        <v>2154.4874719999998</v>
      </c>
      <c r="L349" s="27">
        <v>105.880188</v>
      </c>
    </row>
    <row r="350" spans="2:12" x14ac:dyDescent="0.45">
      <c r="B350" s="27">
        <v>2156.4162879999999</v>
      </c>
      <c r="C350" s="27">
        <v>128.678077</v>
      </c>
      <c r="E350" s="27">
        <v>2156.4162879999999</v>
      </c>
      <c r="F350" s="27">
        <v>119.37998399999999</v>
      </c>
      <c r="H350" s="27">
        <v>2156.4162879999999</v>
      </c>
      <c r="I350" s="27">
        <v>114.055655</v>
      </c>
      <c r="K350" s="27">
        <v>2156.4162879999999</v>
      </c>
      <c r="L350" s="27">
        <v>106.652863</v>
      </c>
    </row>
    <row r="351" spans="2:12" x14ac:dyDescent="0.45">
      <c r="B351" s="27">
        <v>2158.345104</v>
      </c>
      <c r="C351" s="27">
        <v>128.22542199999998</v>
      </c>
      <c r="E351" s="27">
        <v>2158.345104</v>
      </c>
      <c r="F351" s="27">
        <v>119.877101</v>
      </c>
      <c r="H351" s="27">
        <v>2158.345104</v>
      </c>
      <c r="I351" s="27">
        <v>113.60056299999999</v>
      </c>
      <c r="K351" s="27">
        <v>2158.345104</v>
      </c>
      <c r="L351" s="27">
        <v>106.443763</v>
      </c>
    </row>
    <row r="352" spans="2:12" x14ac:dyDescent="0.45">
      <c r="B352" s="27">
        <v>2160.2739200000001</v>
      </c>
      <c r="C352" s="27">
        <v>127.30496599999999</v>
      </c>
      <c r="E352" s="27">
        <v>2160.2739200000001</v>
      </c>
      <c r="F352" s="27">
        <v>119.235033</v>
      </c>
      <c r="H352" s="27">
        <v>2160.2739200000001</v>
      </c>
      <c r="I352" s="27">
        <v>113.206372</v>
      </c>
      <c r="K352" s="27">
        <v>2160.2739200000001</v>
      </c>
      <c r="L352" s="27">
        <v>106.419051</v>
      </c>
    </row>
    <row r="353" spans="2:12" x14ac:dyDescent="0.45">
      <c r="B353" s="27">
        <v>2162.2027360000002</v>
      </c>
      <c r="C353" s="27">
        <v>127.443667</v>
      </c>
      <c r="E353" s="27">
        <v>2162.2027360000002</v>
      </c>
      <c r="F353" s="27">
        <v>118.954033</v>
      </c>
      <c r="H353" s="27">
        <v>2162.2027360000002</v>
      </c>
      <c r="I353" s="27">
        <v>112.952956</v>
      </c>
      <c r="K353" s="27">
        <v>2162.2027360000002</v>
      </c>
      <c r="L353" s="27">
        <v>106.47735400000001</v>
      </c>
    </row>
    <row r="354" spans="2:12" x14ac:dyDescent="0.45">
      <c r="B354" s="27">
        <v>2164.1315519999998</v>
      </c>
      <c r="C354" s="27">
        <v>127.73457399999999</v>
      </c>
      <c r="E354" s="27">
        <v>2164.1315519999998</v>
      </c>
      <c r="F354" s="27">
        <v>118.69903600000001</v>
      </c>
      <c r="H354" s="27">
        <v>2164.1315519999998</v>
      </c>
      <c r="I354" s="27">
        <v>112.744077</v>
      </c>
      <c r="K354" s="27">
        <v>2164.1315519999998</v>
      </c>
      <c r="L354" s="27">
        <v>106.188056</v>
      </c>
    </row>
    <row r="355" spans="2:12" x14ac:dyDescent="0.45">
      <c r="B355" s="27">
        <v>2166.0603679999999</v>
      </c>
      <c r="C355" s="27">
        <v>127.55271</v>
      </c>
      <c r="E355" s="27">
        <v>2166.0603679999999</v>
      </c>
      <c r="F355" s="27">
        <v>118.378561</v>
      </c>
      <c r="H355" s="27">
        <v>2166.0603679999999</v>
      </c>
      <c r="I355" s="27">
        <v>112.729882</v>
      </c>
      <c r="K355" s="27">
        <v>2166.0603679999999</v>
      </c>
      <c r="L355" s="27">
        <v>105.429751</v>
      </c>
    </row>
    <row r="356" spans="2:12" x14ac:dyDescent="0.45">
      <c r="B356" s="27">
        <v>2167.989184</v>
      </c>
      <c r="C356" s="27">
        <v>127.039383</v>
      </c>
      <c r="E356" s="27">
        <v>2167.989184</v>
      </c>
      <c r="F356" s="27">
        <v>118.525204</v>
      </c>
      <c r="H356" s="27">
        <v>2167.989184</v>
      </c>
      <c r="I356" s="27">
        <v>112.678909</v>
      </c>
      <c r="K356" s="27">
        <v>2167.989184</v>
      </c>
      <c r="L356" s="27">
        <v>105.66416</v>
      </c>
    </row>
    <row r="357" spans="2:12" x14ac:dyDescent="0.45">
      <c r="B357" s="27">
        <v>2169.9180000000001</v>
      </c>
      <c r="C357" s="27">
        <v>127.194197</v>
      </c>
      <c r="E357" s="27">
        <v>2169.9180000000001</v>
      </c>
      <c r="F357" s="27">
        <v>118.746835</v>
      </c>
      <c r="H357" s="27">
        <v>2169.9180000000001</v>
      </c>
      <c r="I357" s="27">
        <v>112.608188</v>
      </c>
      <c r="K357" s="27">
        <v>2169.9180000000001</v>
      </c>
      <c r="L357" s="27">
        <v>105.451859</v>
      </c>
    </row>
    <row r="358" spans="2:12" x14ac:dyDescent="0.45">
      <c r="B358" s="27">
        <v>2171.8468160000002</v>
      </c>
      <c r="C358" s="27">
        <v>127.15406</v>
      </c>
      <c r="E358" s="27">
        <v>2171.8468160000002</v>
      </c>
      <c r="F358" s="27">
        <v>118.80292300000001</v>
      </c>
      <c r="H358" s="27">
        <v>2171.8468160000002</v>
      </c>
      <c r="I358" s="27">
        <v>112.596825</v>
      </c>
      <c r="K358" s="27">
        <v>2171.8468160000002</v>
      </c>
      <c r="L358" s="27">
        <v>105.03583</v>
      </c>
    </row>
    <row r="359" spans="2:12" x14ac:dyDescent="0.45">
      <c r="B359" s="27">
        <v>2173.7756319999999</v>
      </c>
      <c r="C359" s="27">
        <v>126.885713</v>
      </c>
      <c r="E359" s="27">
        <v>2173.7756319999999</v>
      </c>
      <c r="F359" s="27">
        <v>118.751965</v>
      </c>
      <c r="H359" s="27">
        <v>2173.7756319999999</v>
      </c>
      <c r="I359" s="27">
        <v>112.27946300000001</v>
      </c>
      <c r="K359" s="27">
        <v>2173.7756319999999</v>
      </c>
      <c r="L359" s="27">
        <v>105.40987800000001</v>
      </c>
    </row>
    <row r="360" spans="2:12" x14ac:dyDescent="0.45">
      <c r="B360" s="27">
        <v>2175.704448</v>
      </c>
      <c r="C360" s="27">
        <v>127.301243</v>
      </c>
      <c r="E360" s="27">
        <v>2175.704448</v>
      </c>
      <c r="F360" s="27">
        <v>118.484725</v>
      </c>
      <c r="H360" s="27">
        <v>2175.704448</v>
      </c>
      <c r="I360" s="27">
        <v>111.874872</v>
      </c>
      <c r="K360" s="27">
        <v>2175.704448</v>
      </c>
      <c r="L360" s="27">
        <v>105.430271</v>
      </c>
    </row>
    <row r="361" spans="2:12" x14ac:dyDescent="0.45">
      <c r="B361" s="27">
        <v>2177.6332640000001</v>
      </c>
      <c r="C361" s="27">
        <v>127.46865699999999</v>
      </c>
      <c r="E361" s="27">
        <v>2177.6332640000001</v>
      </c>
      <c r="F361" s="27">
        <v>118.33031</v>
      </c>
      <c r="H361" s="27">
        <v>2177.6332640000001</v>
      </c>
      <c r="I361" s="27">
        <v>111.960679</v>
      </c>
      <c r="K361" s="27">
        <v>2177.6332640000001</v>
      </c>
      <c r="L361" s="27">
        <v>105.29634900000001</v>
      </c>
    </row>
    <row r="362" spans="2:12" x14ac:dyDescent="0.45">
      <c r="B362" s="27">
        <v>2179.5620800000002</v>
      </c>
      <c r="C362" s="27">
        <v>127.13154299999999</v>
      </c>
      <c r="E362" s="27">
        <v>2179.5620800000002</v>
      </c>
      <c r="F362" s="27">
        <v>118.142217</v>
      </c>
      <c r="H362" s="27">
        <v>2179.5620800000002</v>
      </c>
      <c r="I362" s="27">
        <v>112.241654</v>
      </c>
      <c r="K362" s="27">
        <v>2179.5620800000002</v>
      </c>
      <c r="L362" s="27">
        <v>105.382312</v>
      </c>
    </row>
    <row r="363" spans="2:12" x14ac:dyDescent="0.45">
      <c r="B363" s="27">
        <v>2181.4908959999998</v>
      </c>
      <c r="C363" s="27">
        <v>127.10211700000001</v>
      </c>
      <c r="E363" s="27">
        <v>2181.4908959999998</v>
      </c>
      <c r="F363" s="27">
        <v>118.183402</v>
      </c>
      <c r="H363" s="27">
        <v>2181.4908959999998</v>
      </c>
      <c r="I363" s="27">
        <v>112.00265899999999</v>
      </c>
      <c r="K363" s="27">
        <v>2181.4908959999998</v>
      </c>
      <c r="L363" s="27">
        <v>104.92862</v>
      </c>
    </row>
    <row r="364" spans="2:12" x14ac:dyDescent="0.45">
      <c r="B364" s="27">
        <v>2183.4197119999999</v>
      </c>
      <c r="C364" s="27">
        <v>127.240742</v>
      </c>
      <c r="E364" s="27">
        <v>2183.4197119999999</v>
      </c>
      <c r="F364" s="27">
        <v>118.069507</v>
      </c>
      <c r="H364" s="27">
        <v>2183.4197119999999</v>
      </c>
      <c r="I364" s="27">
        <v>112.023629</v>
      </c>
      <c r="K364" s="27">
        <v>2183.4197119999999</v>
      </c>
      <c r="L364" s="27">
        <v>104.451972</v>
      </c>
    </row>
    <row r="365" spans="2:12" x14ac:dyDescent="0.45">
      <c r="B365" s="27">
        <v>2185.348528</v>
      </c>
      <c r="C365" s="27">
        <v>127.028806</v>
      </c>
      <c r="E365" s="27">
        <v>2185.348528</v>
      </c>
      <c r="F365" s="27">
        <v>117.902198</v>
      </c>
      <c r="H365" s="27">
        <v>2185.348528</v>
      </c>
      <c r="I365" s="27">
        <v>112.237866</v>
      </c>
      <c r="K365" s="27">
        <v>2185.348528</v>
      </c>
      <c r="L365" s="27">
        <v>104.487193</v>
      </c>
    </row>
    <row r="366" spans="2:12" x14ac:dyDescent="0.45">
      <c r="B366" s="27">
        <v>2187.2773440000001</v>
      </c>
      <c r="C366" s="27">
        <v>126.545995</v>
      </c>
      <c r="E366" s="27">
        <v>2187.2773440000001</v>
      </c>
      <c r="F366" s="27">
        <v>117.97660399999999</v>
      </c>
      <c r="H366" s="27">
        <v>2187.2773440000001</v>
      </c>
      <c r="I366" s="27">
        <v>112.11136</v>
      </c>
      <c r="K366" s="27">
        <v>2187.2773440000001</v>
      </c>
      <c r="L366" s="27">
        <v>104.428482</v>
      </c>
    </row>
    <row r="367" spans="2:12" x14ac:dyDescent="0.45">
      <c r="B367" s="27">
        <v>2189.2061600000002</v>
      </c>
      <c r="C367" s="27">
        <v>126.69757</v>
      </c>
      <c r="E367" s="27">
        <v>2189.2061600000002</v>
      </c>
      <c r="F367" s="27">
        <v>117.93675399999999</v>
      </c>
      <c r="H367" s="27">
        <v>2189.2061600000002</v>
      </c>
      <c r="I367" s="27">
        <v>111.853573</v>
      </c>
      <c r="K367" s="27">
        <v>2189.2061600000002</v>
      </c>
      <c r="L367" s="27">
        <v>104.364902</v>
      </c>
    </row>
    <row r="368" spans="2:12" x14ac:dyDescent="0.45">
      <c r="B368" s="27">
        <v>2191.1349759999998</v>
      </c>
      <c r="C368" s="27">
        <v>126.781187</v>
      </c>
      <c r="E368" s="27">
        <v>2191.1349759999998</v>
      </c>
      <c r="F368" s="27">
        <v>117.69561400000001</v>
      </c>
      <c r="H368" s="27">
        <v>2191.1349759999998</v>
      </c>
      <c r="I368" s="27">
        <v>111.75903599999999</v>
      </c>
      <c r="K368" s="27">
        <v>2191.1349759999998</v>
      </c>
      <c r="L368" s="27">
        <v>104.351602</v>
      </c>
    </row>
    <row r="369" spans="2:12" x14ac:dyDescent="0.45">
      <c r="B369" s="27">
        <v>2193.0637919999999</v>
      </c>
      <c r="C369" s="27">
        <v>126.634536</v>
      </c>
      <c r="E369" s="27">
        <v>2193.0637919999999</v>
      </c>
      <c r="F369" s="27">
        <v>117.528294</v>
      </c>
      <c r="H369" s="27">
        <v>2193.0637919999999</v>
      </c>
      <c r="I369" s="27">
        <v>111.619322</v>
      </c>
      <c r="K369" s="27">
        <v>2193.0637919999999</v>
      </c>
      <c r="L369" s="27">
        <v>104.332089</v>
      </c>
    </row>
    <row r="370" spans="2:12" x14ac:dyDescent="0.45">
      <c r="B370" s="27">
        <v>2194.992608</v>
      </c>
      <c r="C370" s="27">
        <v>126.365531</v>
      </c>
      <c r="E370" s="27">
        <v>2194.992608</v>
      </c>
      <c r="F370" s="27">
        <v>117.550237</v>
      </c>
      <c r="H370" s="27">
        <v>2194.992608</v>
      </c>
      <c r="I370" s="27">
        <v>111.36906999999999</v>
      </c>
      <c r="K370" s="27">
        <v>2194.992608</v>
      </c>
      <c r="L370" s="27">
        <v>104.27773999999999</v>
      </c>
    </row>
    <row r="371" spans="2:12" x14ac:dyDescent="0.45">
      <c r="B371" s="27">
        <v>2196.9214240000001</v>
      </c>
      <c r="C371" s="27">
        <v>126.381328</v>
      </c>
      <c r="E371" s="27">
        <v>2196.9214240000001</v>
      </c>
      <c r="F371" s="27">
        <v>117.743258</v>
      </c>
      <c r="H371" s="27">
        <v>2196.9214240000001</v>
      </c>
      <c r="I371" s="27">
        <v>111.34747400000001</v>
      </c>
      <c r="K371" s="27">
        <v>2196.9214240000001</v>
      </c>
      <c r="L371" s="27">
        <v>104.004992</v>
      </c>
    </row>
    <row r="372" spans="2:12" x14ac:dyDescent="0.45">
      <c r="B372" s="27">
        <v>2198.8502400000002</v>
      </c>
      <c r="C372" s="27">
        <v>126.53018299999999</v>
      </c>
      <c r="E372" s="27">
        <v>2198.8502400000002</v>
      </c>
      <c r="F372" s="27">
        <v>117.851664</v>
      </c>
      <c r="H372" s="27">
        <v>2198.8502400000002</v>
      </c>
      <c r="I372" s="27">
        <v>111.50733099999999</v>
      </c>
      <c r="K372" s="27">
        <v>2198.8502400000002</v>
      </c>
      <c r="L372" s="27">
        <v>104.143181</v>
      </c>
    </row>
    <row r="373" spans="2:12" x14ac:dyDescent="0.45">
      <c r="B373" s="27">
        <v>2200.7790559999999</v>
      </c>
      <c r="C373" s="27">
        <v>126.717669</v>
      </c>
      <c r="E373" s="27">
        <v>2200.7790559999999</v>
      </c>
      <c r="F373" s="27">
        <v>117.870817</v>
      </c>
      <c r="H373" s="27">
        <v>2200.7790559999999</v>
      </c>
      <c r="I373" s="27">
        <v>111.461781</v>
      </c>
      <c r="K373" s="27">
        <v>2200.7790559999999</v>
      </c>
      <c r="L373" s="27">
        <v>104.031339</v>
      </c>
    </row>
    <row r="374" spans="2:12" x14ac:dyDescent="0.45">
      <c r="B374" s="27">
        <v>2202.707872</v>
      </c>
      <c r="C374" s="27">
        <v>126.53271100000001</v>
      </c>
      <c r="E374" s="27">
        <v>2202.707872</v>
      </c>
      <c r="F374" s="27">
        <v>117.574977</v>
      </c>
      <c r="H374" s="27">
        <v>2202.707872</v>
      </c>
      <c r="I374" s="27">
        <v>111.170753</v>
      </c>
      <c r="K374" s="27">
        <v>2202.707872</v>
      </c>
      <c r="L374" s="27">
        <v>103.723615</v>
      </c>
    </row>
    <row r="375" spans="2:12" x14ac:dyDescent="0.45">
      <c r="B375" s="27">
        <v>2204.636688</v>
      </c>
      <c r="C375" s="27">
        <v>126.336772</v>
      </c>
      <c r="E375" s="27">
        <v>2204.636688</v>
      </c>
      <c r="F375" s="27">
        <v>117.253953</v>
      </c>
      <c r="H375" s="27">
        <v>2204.636688</v>
      </c>
      <c r="I375" s="27">
        <v>111.058193</v>
      </c>
      <c r="K375" s="27">
        <v>2204.636688</v>
      </c>
      <c r="L375" s="27">
        <v>104.10438499999999</v>
      </c>
    </row>
    <row r="376" spans="2:12" x14ac:dyDescent="0.45">
      <c r="B376" s="27">
        <v>2206.5655040000001</v>
      </c>
      <c r="C376" s="27">
        <v>126.145949</v>
      </c>
      <c r="E376" s="27">
        <v>2206.5655040000001</v>
      </c>
      <c r="F376" s="27">
        <v>117.20159700000001</v>
      </c>
      <c r="H376" s="27">
        <v>2206.5655040000001</v>
      </c>
      <c r="I376" s="27">
        <v>111.114724</v>
      </c>
      <c r="K376" s="27">
        <v>2206.5655040000001</v>
      </c>
      <c r="L376" s="27">
        <v>104.246771</v>
      </c>
    </row>
    <row r="377" spans="2:12" x14ac:dyDescent="0.45">
      <c r="B377" s="27">
        <v>2208.4943199999998</v>
      </c>
      <c r="C377" s="27">
        <v>126.143275</v>
      </c>
      <c r="E377" s="27">
        <v>2208.4943199999998</v>
      </c>
      <c r="F377" s="27">
        <v>117.16162300000001</v>
      </c>
      <c r="H377" s="27">
        <v>2208.4943199999998</v>
      </c>
      <c r="I377" s="27">
        <v>111.19171900000001</v>
      </c>
      <c r="K377" s="27">
        <v>2208.4943199999998</v>
      </c>
      <c r="L377" s="27">
        <v>104.072434</v>
      </c>
    </row>
    <row r="378" spans="2:12" x14ac:dyDescent="0.45">
      <c r="B378" s="27">
        <v>2210.4231359999999</v>
      </c>
      <c r="C378" s="27">
        <v>125.928721</v>
      </c>
      <c r="E378" s="27">
        <v>2210.4231359999999</v>
      </c>
      <c r="F378" s="27">
        <v>117.08127399999999</v>
      </c>
      <c r="H378" s="27">
        <v>2210.4231359999999</v>
      </c>
      <c r="I378" s="27">
        <v>111.160168</v>
      </c>
      <c r="K378" s="27">
        <v>2210.4231359999999</v>
      </c>
      <c r="L378" s="27">
        <v>104.062192</v>
      </c>
    </row>
    <row r="379" spans="2:12" x14ac:dyDescent="0.45">
      <c r="B379" s="27">
        <v>2212.351952</v>
      </c>
      <c r="C379" s="27">
        <v>125.81005</v>
      </c>
      <c r="E379" s="27">
        <v>2212.351952</v>
      </c>
      <c r="F379" s="27">
        <v>116.878319</v>
      </c>
      <c r="H379" s="27">
        <v>2212.351952</v>
      </c>
      <c r="I379" s="27">
        <v>111.264008</v>
      </c>
      <c r="K379" s="27">
        <v>2212.351952</v>
      </c>
      <c r="L379" s="27">
        <v>103.76084899999999</v>
      </c>
    </row>
    <row r="380" spans="2:12" x14ac:dyDescent="0.45">
      <c r="B380" s="27">
        <v>2214.2807680000001</v>
      </c>
      <c r="C380" s="27">
        <v>126.0371</v>
      </c>
      <c r="E380" s="27">
        <v>2214.2807680000001</v>
      </c>
      <c r="F380" s="27">
        <v>116.836506</v>
      </c>
      <c r="H380" s="27">
        <v>2214.2807680000001</v>
      </c>
      <c r="I380" s="27">
        <v>111.428518</v>
      </c>
      <c r="K380" s="27">
        <v>2214.2807680000001</v>
      </c>
      <c r="L380" s="27">
        <v>103.837289</v>
      </c>
    </row>
    <row r="381" spans="2:12" x14ac:dyDescent="0.45">
      <c r="B381" s="27">
        <v>2216.2095840000002</v>
      </c>
      <c r="C381" s="27">
        <v>126.114255</v>
      </c>
      <c r="E381" s="27">
        <v>2216.2095840000002</v>
      </c>
      <c r="F381" s="27">
        <v>117.095342</v>
      </c>
      <c r="H381" s="27">
        <v>2216.2095840000002</v>
      </c>
      <c r="I381" s="27">
        <v>111.2942</v>
      </c>
      <c r="K381" s="27">
        <v>2216.2095840000002</v>
      </c>
      <c r="L381" s="27">
        <v>103.967044</v>
      </c>
    </row>
    <row r="382" spans="2:12" x14ac:dyDescent="0.45">
      <c r="B382" s="27">
        <v>2218.1383999999998</v>
      </c>
      <c r="C382" s="27">
        <v>126.191551</v>
      </c>
      <c r="E382" s="27">
        <v>2218.1383999999998</v>
      </c>
      <c r="F382" s="27">
        <v>117.168954</v>
      </c>
      <c r="H382" s="27">
        <v>2218.1383999999998</v>
      </c>
      <c r="I382" s="27">
        <v>110.872738</v>
      </c>
      <c r="K382" s="27">
        <v>2218.1383999999998</v>
      </c>
      <c r="L382" s="27">
        <v>103.621173</v>
      </c>
    </row>
    <row r="383" spans="2:12" x14ac:dyDescent="0.45">
      <c r="B383" s="27">
        <v>2220.0672159999999</v>
      </c>
      <c r="C383" s="27">
        <v>126.11553499999999</v>
      </c>
      <c r="E383" s="27">
        <v>2220.0672159999999</v>
      </c>
      <c r="F383" s="27">
        <v>117.066272</v>
      </c>
      <c r="H383" s="27">
        <v>2220.0672159999999</v>
      </c>
      <c r="I383" s="27">
        <v>110.774297</v>
      </c>
      <c r="K383" s="27">
        <v>2220.0672159999999</v>
      </c>
      <c r="L383" s="27">
        <v>103.37063999999999</v>
      </c>
    </row>
    <row r="384" spans="2:12" x14ac:dyDescent="0.45">
      <c r="B384" s="27">
        <v>2221.996032</v>
      </c>
      <c r="C384" s="27">
        <v>125.842837</v>
      </c>
      <c r="E384" s="27">
        <v>2221.996032</v>
      </c>
      <c r="F384" s="27">
        <v>117.111312</v>
      </c>
      <c r="H384" s="27">
        <v>2221.996032</v>
      </c>
      <c r="I384" s="27">
        <v>110.728262</v>
      </c>
      <c r="K384" s="27">
        <v>2221.996032</v>
      </c>
      <c r="L384" s="27">
        <v>103.641271</v>
      </c>
    </row>
    <row r="385" spans="2:12" x14ac:dyDescent="0.45">
      <c r="B385" s="27">
        <v>2223.9248480000001</v>
      </c>
      <c r="C385" s="27">
        <v>125.717522</v>
      </c>
      <c r="E385" s="27">
        <v>2223.9248480000001</v>
      </c>
      <c r="F385" s="27">
        <v>117.061154</v>
      </c>
      <c r="H385" s="27">
        <v>2223.9248480000001</v>
      </c>
      <c r="I385" s="27">
        <v>110.61547299999999</v>
      </c>
      <c r="K385" s="27">
        <v>2223.9248480000001</v>
      </c>
      <c r="L385" s="27">
        <v>103.806091</v>
      </c>
    </row>
    <row r="386" spans="2:12" x14ac:dyDescent="0.45">
      <c r="B386" s="27">
        <v>2225.8536640000002</v>
      </c>
      <c r="C386" s="27">
        <v>125.784094</v>
      </c>
      <c r="E386" s="27">
        <v>2225.8536640000002</v>
      </c>
      <c r="F386" s="27">
        <v>117.01015599999999</v>
      </c>
      <c r="H386" s="27">
        <v>2225.8536640000002</v>
      </c>
      <c r="I386" s="27">
        <v>110.782482</v>
      </c>
      <c r="K386" s="27">
        <v>2225.8536640000002</v>
      </c>
      <c r="L386" s="27">
        <v>103.76447899999999</v>
      </c>
    </row>
    <row r="387" spans="2:12" x14ac:dyDescent="0.45">
      <c r="B387" s="27">
        <v>2227.7824799999999</v>
      </c>
      <c r="C387" s="27">
        <v>125.875473</v>
      </c>
      <c r="E387" s="27">
        <v>2227.7824799999999</v>
      </c>
      <c r="F387" s="27">
        <v>116.926973</v>
      </c>
      <c r="H387" s="27">
        <v>2227.7824799999999</v>
      </c>
      <c r="I387" s="27">
        <v>111.041341</v>
      </c>
      <c r="K387" s="27">
        <v>2227.7824799999999</v>
      </c>
      <c r="L387" s="27">
        <v>103.666082</v>
      </c>
    </row>
    <row r="388" spans="2:12" x14ac:dyDescent="0.45">
      <c r="B388" s="27">
        <v>2229.7112959999999</v>
      </c>
      <c r="C388" s="27">
        <v>125.74512</v>
      </c>
      <c r="E388" s="27">
        <v>2229.7112959999999</v>
      </c>
      <c r="F388" s="27">
        <v>116.882599</v>
      </c>
      <c r="H388" s="27">
        <v>2229.7112959999999</v>
      </c>
      <c r="I388" s="27">
        <v>110.954494</v>
      </c>
      <c r="K388" s="27">
        <v>2229.7112959999999</v>
      </c>
      <c r="L388" s="27">
        <v>103.573109</v>
      </c>
    </row>
    <row r="389" spans="2:12" x14ac:dyDescent="0.45">
      <c r="B389" s="27">
        <v>2231.640112</v>
      </c>
      <c r="C389" s="27">
        <v>125.785697</v>
      </c>
      <c r="E389" s="27">
        <v>2231.640112</v>
      </c>
      <c r="F389" s="27">
        <v>116.936942</v>
      </c>
      <c r="H389" s="27">
        <v>2231.640112</v>
      </c>
      <c r="I389" s="27">
        <v>110.898831</v>
      </c>
      <c r="K389" s="27">
        <v>2231.640112</v>
      </c>
      <c r="L389" s="27">
        <v>103.695194</v>
      </c>
    </row>
    <row r="390" spans="2:12" x14ac:dyDescent="0.45">
      <c r="B390" s="27">
        <v>2233.5689280000001</v>
      </c>
      <c r="C390" s="27">
        <v>125.851814</v>
      </c>
      <c r="E390" s="27">
        <v>2233.5689280000001</v>
      </c>
      <c r="F390" s="27">
        <v>116.749357</v>
      </c>
      <c r="H390" s="27">
        <v>2233.5689280000001</v>
      </c>
      <c r="I390" s="27">
        <v>110.851533</v>
      </c>
      <c r="K390" s="27">
        <v>2233.5689280000001</v>
      </c>
      <c r="L390" s="27">
        <v>103.797121</v>
      </c>
    </row>
    <row r="391" spans="2:12" x14ac:dyDescent="0.45">
      <c r="B391" s="27">
        <v>2235.4977439999998</v>
      </c>
      <c r="C391" s="27">
        <v>125.872547</v>
      </c>
      <c r="E391" s="27">
        <v>2235.4977439999998</v>
      </c>
      <c r="F391" s="27">
        <v>116.669194</v>
      </c>
      <c r="H391" s="27">
        <v>2235.4977439999998</v>
      </c>
      <c r="I391" s="27">
        <v>110.78852000000001</v>
      </c>
      <c r="K391" s="27">
        <v>2235.4977439999998</v>
      </c>
      <c r="L391" s="27">
        <v>103.608394</v>
      </c>
    </row>
    <row r="392" spans="2:12" x14ac:dyDescent="0.45">
      <c r="B392" s="27">
        <v>2237.4265599999999</v>
      </c>
      <c r="C392" s="27">
        <v>125.90431700000001</v>
      </c>
      <c r="E392" s="27">
        <v>2237.4265599999999</v>
      </c>
      <c r="F392" s="27">
        <v>116.796982</v>
      </c>
      <c r="H392" s="27">
        <v>2237.4265599999999</v>
      </c>
      <c r="I392" s="27">
        <v>110.79829599999999</v>
      </c>
      <c r="K392" s="27">
        <v>2237.4265599999999</v>
      </c>
      <c r="L392" s="27">
        <v>103.47460100000001</v>
      </c>
    </row>
    <row r="393" spans="2:12" x14ac:dyDescent="0.45">
      <c r="B393" s="27">
        <v>2239.355376</v>
      </c>
      <c r="C393" s="27">
        <v>125.701477</v>
      </c>
      <c r="E393" s="27">
        <v>2239.355376</v>
      </c>
      <c r="F393" s="27">
        <v>116.764889</v>
      </c>
      <c r="H393" s="27">
        <v>2239.355376</v>
      </c>
      <c r="I393" s="27">
        <v>110.809478</v>
      </c>
      <c r="K393" s="27">
        <v>2239.355376</v>
      </c>
      <c r="L393" s="27">
        <v>103.410391</v>
      </c>
    </row>
    <row r="394" spans="2:12" x14ac:dyDescent="0.45">
      <c r="B394" s="27">
        <v>2241.2841920000001</v>
      </c>
      <c r="C394" s="27">
        <v>125.466121</v>
      </c>
      <c r="E394" s="27">
        <v>2241.2841920000001</v>
      </c>
      <c r="F394" s="27">
        <v>116.67335300000001</v>
      </c>
      <c r="H394" s="27">
        <v>2241.2841920000001</v>
      </c>
      <c r="I394" s="27">
        <v>110.708276</v>
      </c>
      <c r="K394" s="27">
        <v>2241.2841920000001</v>
      </c>
      <c r="L394" s="27">
        <v>103.46386800000001</v>
      </c>
    </row>
    <row r="395" spans="2:12" x14ac:dyDescent="0.45">
      <c r="B395" s="27">
        <v>2243.2130080000002</v>
      </c>
      <c r="C395" s="27">
        <v>125.371835</v>
      </c>
      <c r="E395" s="27">
        <v>2243.2130080000002</v>
      </c>
      <c r="F395" s="27">
        <v>116.638279</v>
      </c>
      <c r="H395" s="27">
        <v>2243.2130080000002</v>
      </c>
      <c r="I395" s="27">
        <v>110.643587</v>
      </c>
      <c r="K395" s="27">
        <v>2243.2130080000002</v>
      </c>
      <c r="L395" s="27">
        <v>103.410144</v>
      </c>
    </row>
    <row r="396" spans="2:12" x14ac:dyDescent="0.45">
      <c r="B396" s="27">
        <v>2245.1418239999998</v>
      </c>
      <c r="C396" s="27">
        <v>125.417721</v>
      </c>
      <c r="E396" s="27">
        <v>2245.1418239999998</v>
      </c>
      <c r="F396" s="27">
        <v>116.562758</v>
      </c>
      <c r="H396" s="27">
        <v>2245.1418239999998</v>
      </c>
      <c r="I396" s="27">
        <v>110.60104</v>
      </c>
      <c r="K396" s="27">
        <v>2245.1418239999998</v>
      </c>
      <c r="L396" s="27">
        <v>103.12624700000001</v>
      </c>
    </row>
    <row r="397" spans="2:12" x14ac:dyDescent="0.45">
      <c r="B397" s="27">
        <v>2247.0706399999999</v>
      </c>
      <c r="C397" s="27">
        <v>125.57083799999999</v>
      </c>
      <c r="E397" s="27">
        <v>2247.0706399999999</v>
      </c>
      <c r="F397" s="27">
        <v>116.482361</v>
      </c>
      <c r="H397" s="27">
        <v>2247.0706399999999</v>
      </c>
      <c r="I397" s="27">
        <v>110.598057</v>
      </c>
      <c r="K397" s="27">
        <v>2247.0706399999999</v>
      </c>
      <c r="L397" s="27">
        <v>102.942888</v>
      </c>
    </row>
    <row r="398" spans="2:12" x14ac:dyDescent="0.45">
      <c r="B398" s="27">
        <v>2248.999456</v>
      </c>
      <c r="C398" s="27">
        <v>125.546119</v>
      </c>
      <c r="E398" s="27">
        <v>2248.999456</v>
      </c>
      <c r="F398" s="27">
        <v>116.566191</v>
      </c>
      <c r="H398" s="27">
        <v>2248.999456</v>
      </c>
      <c r="I398" s="27">
        <v>110.55126300000001</v>
      </c>
      <c r="K398" s="27">
        <v>2248.999456</v>
      </c>
      <c r="L398" s="27">
        <v>102.986543</v>
      </c>
    </row>
    <row r="399" spans="2:12" x14ac:dyDescent="0.45">
      <c r="B399" s="27">
        <v>2250.9282720000001</v>
      </c>
      <c r="C399" s="27">
        <v>125.579644</v>
      </c>
      <c r="E399" s="27">
        <v>2250.9282720000001</v>
      </c>
      <c r="F399" s="27">
        <v>116.709519</v>
      </c>
      <c r="H399" s="27">
        <v>2250.9282720000001</v>
      </c>
      <c r="I399" s="27">
        <v>110.503719</v>
      </c>
      <c r="K399" s="27">
        <v>2250.9282720000001</v>
      </c>
      <c r="L399" s="27">
        <v>103.052784</v>
      </c>
    </row>
    <row r="400" spans="2:12" x14ac:dyDescent="0.45">
      <c r="B400" s="27">
        <v>2252.8570880000002</v>
      </c>
      <c r="C400" s="27">
        <v>125.608149</v>
      </c>
      <c r="E400" s="27">
        <v>2252.8570880000002</v>
      </c>
      <c r="F400" s="27">
        <v>116.727749</v>
      </c>
      <c r="H400" s="27">
        <v>2252.8570880000002</v>
      </c>
      <c r="I400" s="27">
        <v>110.54415400000001</v>
      </c>
      <c r="K400" s="27">
        <v>2252.8570880000002</v>
      </c>
      <c r="L400" s="27">
        <v>102.993832</v>
      </c>
    </row>
    <row r="401" spans="2:12" x14ac:dyDescent="0.45">
      <c r="B401" s="27">
        <v>2254.7859039999998</v>
      </c>
      <c r="C401" s="27">
        <v>125.600469</v>
      </c>
      <c r="E401" s="27">
        <v>2254.7859039999998</v>
      </c>
      <c r="F401" s="27">
        <v>116.690146</v>
      </c>
      <c r="H401" s="27">
        <v>2254.7859039999998</v>
      </c>
      <c r="I401" s="27">
        <v>110.499177</v>
      </c>
      <c r="K401" s="27">
        <v>2254.7859039999998</v>
      </c>
      <c r="L401" s="27">
        <v>103.053573</v>
      </c>
    </row>
    <row r="402" spans="2:12" x14ac:dyDescent="0.45">
      <c r="B402" s="27">
        <v>2256.7147199999999</v>
      </c>
      <c r="C402" s="27">
        <v>125.43047799999999</v>
      </c>
      <c r="E402" s="27">
        <v>2256.7147199999999</v>
      </c>
      <c r="F402" s="27">
        <v>116.627505</v>
      </c>
      <c r="H402" s="27">
        <v>2256.7147199999999</v>
      </c>
      <c r="I402" s="27">
        <v>110.48894799999999</v>
      </c>
      <c r="K402" s="27">
        <v>2256.7147199999999</v>
      </c>
      <c r="L402" s="27">
        <v>103.11475</v>
      </c>
    </row>
    <row r="403" spans="2:12" x14ac:dyDescent="0.45">
      <c r="B403" s="27">
        <v>2258.643536</v>
      </c>
      <c r="C403" s="27">
        <v>125.249841</v>
      </c>
      <c r="E403" s="27">
        <v>2258.643536</v>
      </c>
      <c r="F403" s="27">
        <v>116.61609900000001</v>
      </c>
      <c r="H403" s="27">
        <v>2258.643536</v>
      </c>
      <c r="I403" s="27">
        <v>110.442988</v>
      </c>
      <c r="K403" s="27">
        <v>2258.643536</v>
      </c>
      <c r="L403" s="27">
        <v>102.924892</v>
      </c>
    </row>
    <row r="404" spans="2:12" x14ac:dyDescent="0.45">
      <c r="B404" s="27">
        <v>2260.5723520000001</v>
      </c>
      <c r="C404" s="27">
        <v>125.242474</v>
      </c>
      <c r="E404" s="27">
        <v>2260.5723520000001</v>
      </c>
      <c r="F404" s="27">
        <v>116.53534399999999</v>
      </c>
      <c r="H404" s="27">
        <v>2260.5723520000001</v>
      </c>
      <c r="I404" s="27">
        <v>110.37271699999999</v>
      </c>
      <c r="K404" s="27">
        <v>2260.5723520000001</v>
      </c>
      <c r="L404" s="27">
        <v>102.745969</v>
      </c>
    </row>
    <row r="405" spans="2:12" x14ac:dyDescent="0.45">
      <c r="B405" s="27">
        <v>2262.5011679999998</v>
      </c>
      <c r="C405" s="27">
        <v>125.27817400000001</v>
      </c>
      <c r="E405" s="27">
        <v>2262.5011679999998</v>
      </c>
      <c r="F405" s="27">
        <v>116.50841200000001</v>
      </c>
      <c r="H405" s="27">
        <v>2262.5011679999998</v>
      </c>
      <c r="I405" s="27">
        <v>110.29118099999999</v>
      </c>
      <c r="K405" s="27">
        <v>2262.5011679999998</v>
      </c>
      <c r="L405" s="27">
        <v>102.770836</v>
      </c>
    </row>
    <row r="406" spans="2:12" x14ac:dyDescent="0.45">
      <c r="B406" s="27">
        <v>2264.4299839999999</v>
      </c>
      <c r="C406" s="27">
        <v>125.33939599999999</v>
      </c>
      <c r="E406" s="27">
        <v>2264.4299839999999</v>
      </c>
      <c r="F406" s="27">
        <v>116.46006800000001</v>
      </c>
      <c r="H406" s="27">
        <v>2264.4299839999999</v>
      </c>
      <c r="I406" s="27">
        <v>110.254496</v>
      </c>
      <c r="K406" s="27">
        <v>2264.4299839999999</v>
      </c>
      <c r="L406" s="27">
        <v>102.760278</v>
      </c>
    </row>
    <row r="407" spans="2:12" x14ac:dyDescent="0.45">
      <c r="B407" s="27">
        <v>2266.3588</v>
      </c>
      <c r="C407" s="27">
        <v>125.236368</v>
      </c>
      <c r="E407" s="27">
        <v>2266.3588</v>
      </c>
      <c r="F407" s="27">
        <v>116.483285</v>
      </c>
      <c r="H407" s="27">
        <v>2266.3588</v>
      </c>
      <c r="I407" s="27">
        <v>110.255126</v>
      </c>
      <c r="K407" s="27">
        <v>2266.3588</v>
      </c>
      <c r="L407" s="27">
        <v>102.761842</v>
      </c>
    </row>
    <row r="408" spans="2:12" x14ac:dyDescent="0.45">
      <c r="B408" s="27">
        <v>2268.2876160000001</v>
      </c>
      <c r="C408" s="27">
        <v>125.183595</v>
      </c>
      <c r="E408" s="27">
        <v>2268.2876160000001</v>
      </c>
      <c r="F408" s="27">
        <v>116.443727</v>
      </c>
      <c r="H408" s="27">
        <v>2268.2876160000001</v>
      </c>
      <c r="I408" s="27">
        <v>110.228374</v>
      </c>
      <c r="K408" s="27">
        <v>2268.2876160000001</v>
      </c>
      <c r="L408" s="27">
        <v>102.73401</v>
      </c>
    </row>
    <row r="409" spans="2:12" x14ac:dyDescent="0.45">
      <c r="B409" s="27">
        <v>2270.2164320000002</v>
      </c>
      <c r="C409" s="27">
        <v>125.323033</v>
      </c>
      <c r="E409" s="27">
        <v>2270.2164320000002</v>
      </c>
      <c r="F409" s="27">
        <v>116.394237</v>
      </c>
      <c r="H409" s="27">
        <v>2270.2164320000002</v>
      </c>
      <c r="I409" s="27">
        <v>110.289766</v>
      </c>
      <c r="K409" s="27">
        <v>2270.2164320000002</v>
      </c>
      <c r="L409" s="27">
        <v>102.649349</v>
      </c>
    </row>
    <row r="410" spans="2:12" x14ac:dyDescent="0.45">
      <c r="B410" s="27">
        <v>2272.1452479999998</v>
      </c>
      <c r="C410" s="27">
        <v>125.44824</v>
      </c>
      <c r="E410" s="27">
        <v>2272.1452479999998</v>
      </c>
      <c r="F410" s="27">
        <v>116.359774</v>
      </c>
      <c r="H410" s="27">
        <v>2272.1452479999998</v>
      </c>
      <c r="I410" s="27">
        <v>110.262185</v>
      </c>
      <c r="K410" s="27">
        <v>2272.1452479999998</v>
      </c>
      <c r="L410" s="27">
        <v>102.756055</v>
      </c>
    </row>
    <row r="411" spans="2:12" x14ac:dyDescent="0.45">
      <c r="B411" s="27">
        <v>2274.0740639999999</v>
      </c>
      <c r="C411" s="27">
        <v>125.408312</v>
      </c>
      <c r="E411" s="27">
        <v>2274.0740639999999</v>
      </c>
      <c r="F411" s="27">
        <v>116.352941</v>
      </c>
      <c r="H411" s="27">
        <v>2274.0740639999999</v>
      </c>
      <c r="I411" s="27">
        <v>110.13307</v>
      </c>
      <c r="K411" s="27">
        <v>2274.0740639999999</v>
      </c>
      <c r="L411" s="27">
        <v>102.922436</v>
      </c>
    </row>
    <row r="412" spans="2:12" x14ac:dyDescent="0.45">
      <c r="B412" s="27">
        <v>2276.00288</v>
      </c>
      <c r="C412" s="27">
        <v>125.35974899999999</v>
      </c>
      <c r="E412" s="27">
        <v>2276.00288</v>
      </c>
      <c r="F412" s="27">
        <v>116.348528</v>
      </c>
      <c r="H412" s="27">
        <v>2276.00288</v>
      </c>
      <c r="I412" s="27">
        <v>110.114806</v>
      </c>
      <c r="K412" s="27">
        <v>2276.00288</v>
      </c>
      <c r="L412" s="27">
        <v>102.859432</v>
      </c>
    </row>
    <row r="413" spans="2:12" x14ac:dyDescent="0.45">
      <c r="B413" s="27">
        <v>2277.9316960000001</v>
      </c>
      <c r="C413" s="27">
        <v>125.385595</v>
      </c>
      <c r="E413" s="27">
        <v>2277.9316960000001</v>
      </c>
      <c r="F413" s="27">
        <v>116.36804600000001</v>
      </c>
      <c r="H413" s="27">
        <v>2277.9316960000001</v>
      </c>
      <c r="I413" s="27">
        <v>110.146019</v>
      </c>
      <c r="K413" s="27">
        <v>2277.9316960000001</v>
      </c>
      <c r="L413" s="27">
        <v>102.603701</v>
      </c>
    </row>
    <row r="414" spans="2:12" x14ac:dyDescent="0.45">
      <c r="B414" s="27">
        <v>2279.8605120000002</v>
      </c>
      <c r="C414" s="27">
        <v>125.337217</v>
      </c>
      <c r="E414" s="27">
        <v>2279.8605120000002</v>
      </c>
      <c r="F414" s="27">
        <v>116.282415</v>
      </c>
      <c r="H414" s="27">
        <v>2279.8605120000002</v>
      </c>
      <c r="I414" s="27">
        <v>110.00729200000001</v>
      </c>
      <c r="K414" s="27">
        <v>2279.8605120000002</v>
      </c>
      <c r="L414" s="27">
        <v>102.492938</v>
      </c>
    </row>
    <row r="415" spans="2:12" x14ac:dyDescent="0.45">
      <c r="B415" s="27">
        <v>2281.7893279999998</v>
      </c>
      <c r="C415" s="27">
        <v>125.31935300000001</v>
      </c>
      <c r="E415" s="27">
        <v>2281.7893279999998</v>
      </c>
      <c r="F415" s="27">
        <v>116.234568</v>
      </c>
      <c r="H415" s="27">
        <v>2281.7893279999998</v>
      </c>
      <c r="I415" s="27">
        <v>109.934164</v>
      </c>
      <c r="K415" s="27">
        <v>2281.7893279999998</v>
      </c>
      <c r="L415" s="27">
        <v>102.556417</v>
      </c>
    </row>
    <row r="416" spans="2:12" x14ac:dyDescent="0.45">
      <c r="B416" s="27">
        <v>2283.7181439999999</v>
      </c>
      <c r="C416" s="27">
        <v>125.35308999999999</v>
      </c>
      <c r="E416" s="27">
        <v>2283.7181439999999</v>
      </c>
      <c r="F416" s="27">
        <v>116.292243</v>
      </c>
      <c r="H416" s="27">
        <v>2283.7181439999999</v>
      </c>
      <c r="I416" s="27">
        <v>109.93570200000001</v>
      </c>
      <c r="K416" s="27">
        <v>2283.7181439999999</v>
      </c>
      <c r="L416" s="27">
        <v>102.587896</v>
      </c>
    </row>
    <row r="417" spans="2:12" x14ac:dyDescent="0.45">
      <c r="B417" s="27">
        <v>2285.64696</v>
      </c>
      <c r="C417" s="27">
        <v>125.329166</v>
      </c>
      <c r="E417" s="27">
        <v>2285.64696</v>
      </c>
      <c r="F417" s="27">
        <v>116.34335299999999</v>
      </c>
      <c r="H417" s="27">
        <v>2285.64696</v>
      </c>
      <c r="I417" s="27">
        <v>109.909454</v>
      </c>
      <c r="K417" s="27">
        <v>2285.64696</v>
      </c>
      <c r="L417" s="27">
        <v>102.38464999999999</v>
      </c>
    </row>
    <row r="418" spans="2:12" x14ac:dyDescent="0.45">
      <c r="B418" s="27">
        <v>2287.5757760000001</v>
      </c>
      <c r="C418" s="27">
        <v>125.26081000000001</v>
      </c>
      <c r="E418" s="27">
        <v>2287.5757760000001</v>
      </c>
      <c r="F418" s="27">
        <v>116.30136400000001</v>
      </c>
      <c r="H418" s="27">
        <v>2287.5757760000001</v>
      </c>
      <c r="I418" s="27">
        <v>109.930019</v>
      </c>
      <c r="K418" s="27">
        <v>2287.5757760000001</v>
      </c>
      <c r="L418" s="27">
        <v>102.26378800000001</v>
      </c>
    </row>
    <row r="419" spans="2:12" x14ac:dyDescent="0.45">
      <c r="B419" s="27">
        <v>2289.5045919999998</v>
      </c>
      <c r="C419" s="27">
        <v>125.190468</v>
      </c>
      <c r="E419" s="27">
        <v>2289.5045919999998</v>
      </c>
      <c r="F419" s="27">
        <v>116.20689</v>
      </c>
      <c r="H419" s="27">
        <v>2289.5045919999998</v>
      </c>
      <c r="I419" s="27">
        <v>109.98296000000001</v>
      </c>
      <c r="K419" s="27">
        <v>2289.5045919999998</v>
      </c>
      <c r="L419" s="27">
        <v>102.40381499999999</v>
      </c>
    </row>
    <row r="420" spans="2:12" x14ac:dyDescent="0.45">
      <c r="B420" s="27">
        <v>2291.4334079999999</v>
      </c>
      <c r="C420" s="27">
        <v>125.08712800000001</v>
      </c>
      <c r="E420" s="27">
        <v>2291.4334079999999</v>
      </c>
      <c r="F420" s="27">
        <v>116.23715</v>
      </c>
      <c r="H420" s="27">
        <v>2291.4334079999999</v>
      </c>
      <c r="I420" s="27">
        <v>109.977076</v>
      </c>
      <c r="K420" s="27">
        <v>2291.4334079999999</v>
      </c>
      <c r="L420" s="27">
        <v>102.493262</v>
      </c>
    </row>
    <row r="421" spans="2:12" x14ac:dyDescent="0.45">
      <c r="B421" s="27">
        <v>2293.362224</v>
      </c>
      <c r="C421" s="27">
        <v>125.14517499999999</v>
      </c>
      <c r="E421" s="27">
        <v>2293.362224</v>
      </c>
      <c r="F421" s="27">
        <v>116.2501</v>
      </c>
      <c r="H421" s="27">
        <v>2293.362224</v>
      </c>
      <c r="I421" s="27">
        <v>109.96107600000001</v>
      </c>
      <c r="K421" s="27">
        <v>2293.362224</v>
      </c>
      <c r="L421" s="27">
        <v>102.458862</v>
      </c>
    </row>
    <row r="422" spans="2:12" x14ac:dyDescent="0.45">
      <c r="B422" s="27">
        <v>2295.2910400000001</v>
      </c>
      <c r="C422" s="27">
        <v>125.228965</v>
      </c>
      <c r="E422" s="27">
        <v>2295.2910400000001</v>
      </c>
      <c r="F422" s="27">
        <v>116.23556000000001</v>
      </c>
      <c r="H422" s="27">
        <v>2295.2910400000001</v>
      </c>
      <c r="I422" s="27">
        <v>109.856217</v>
      </c>
      <c r="K422" s="27">
        <v>2295.2910400000001</v>
      </c>
      <c r="L422" s="27">
        <v>102.419678</v>
      </c>
    </row>
    <row r="423" spans="2:12" x14ac:dyDescent="0.45">
      <c r="B423" s="27">
        <v>2297.2198560000002</v>
      </c>
      <c r="C423" s="27">
        <v>125.170525</v>
      </c>
      <c r="E423" s="27">
        <v>2297.2198560000002</v>
      </c>
      <c r="F423" s="27">
        <v>116.248378</v>
      </c>
      <c r="H423" s="27">
        <v>2297.2198560000002</v>
      </c>
      <c r="I423" s="27">
        <v>109.869197</v>
      </c>
      <c r="K423" s="27">
        <v>2297.2198560000002</v>
      </c>
      <c r="L423" s="27">
        <v>102.465233</v>
      </c>
    </row>
    <row r="424" spans="2:12" x14ac:dyDescent="0.45">
      <c r="B424" s="27">
        <v>2299.1486719999998</v>
      </c>
      <c r="C424" s="27">
        <v>125.161689</v>
      </c>
      <c r="E424" s="27">
        <v>2299.1486719999998</v>
      </c>
      <c r="F424" s="27">
        <v>116.22621700000001</v>
      </c>
      <c r="H424" s="27">
        <v>2299.1486719999998</v>
      </c>
      <c r="I424" s="27">
        <v>109.92312</v>
      </c>
      <c r="K424" s="27">
        <v>2299.1486719999998</v>
      </c>
      <c r="L424" s="27">
        <v>102.474464</v>
      </c>
    </row>
    <row r="425" spans="2:12" x14ac:dyDescent="0.45">
      <c r="B425" s="27">
        <v>2301.0774879999999</v>
      </c>
      <c r="C425" s="27">
        <v>125.183216</v>
      </c>
      <c r="E425" s="27">
        <v>2301.0774879999999</v>
      </c>
      <c r="F425" s="27">
        <v>116.18284199999999</v>
      </c>
      <c r="H425" s="27">
        <v>2301.0774879999999</v>
      </c>
      <c r="I425" s="27">
        <v>109.928259</v>
      </c>
      <c r="K425" s="27">
        <v>2301.0774879999999</v>
      </c>
      <c r="L425" s="27">
        <v>102.417185</v>
      </c>
    </row>
    <row r="426" spans="2:12" x14ac:dyDescent="0.45">
      <c r="B426" s="27">
        <v>2303.006304</v>
      </c>
      <c r="C426" s="27">
        <v>125.161435</v>
      </c>
      <c r="E426" s="27">
        <v>2303.006304</v>
      </c>
      <c r="F426" s="27">
        <v>116.125821</v>
      </c>
      <c r="H426" s="27">
        <v>2303.006304</v>
      </c>
      <c r="I426" s="27">
        <v>109.842209</v>
      </c>
      <c r="K426" s="27">
        <v>2303.006304</v>
      </c>
      <c r="L426" s="27">
        <v>102.349169</v>
      </c>
    </row>
    <row r="427" spans="2:12" x14ac:dyDescent="0.45">
      <c r="B427" s="27">
        <v>2304.9351200000001</v>
      </c>
      <c r="C427" s="27">
        <v>125.168108</v>
      </c>
      <c r="E427" s="27">
        <v>2304.9351200000001</v>
      </c>
      <c r="F427" s="27">
        <v>116.155587</v>
      </c>
      <c r="H427" s="27">
        <v>2304.9351200000001</v>
      </c>
      <c r="I427" s="27">
        <v>109.82490799999999</v>
      </c>
      <c r="K427" s="27">
        <v>2304.9351200000001</v>
      </c>
      <c r="L427" s="27">
        <v>102.288501</v>
      </c>
    </row>
    <row r="428" spans="2:12" x14ac:dyDescent="0.45">
      <c r="B428" s="27">
        <v>2306.8639360000002</v>
      </c>
      <c r="C428" s="27">
        <v>125.183392</v>
      </c>
      <c r="E428" s="27">
        <v>2306.8639360000002</v>
      </c>
      <c r="F428" s="27">
        <v>116.183815</v>
      </c>
      <c r="H428" s="27">
        <v>2306.8639360000002</v>
      </c>
      <c r="I428" s="27">
        <v>109.900661</v>
      </c>
      <c r="K428" s="27">
        <v>2306.8639360000002</v>
      </c>
      <c r="L428" s="27">
        <v>102.21311</v>
      </c>
    </row>
    <row r="429" spans="2:12" x14ac:dyDescent="0.45">
      <c r="B429" s="27">
        <v>2308.7927519999998</v>
      </c>
      <c r="C429" s="27">
        <v>125.144797</v>
      </c>
      <c r="E429" s="27">
        <v>2308.7927519999998</v>
      </c>
      <c r="F429" s="27">
        <v>116.135075</v>
      </c>
      <c r="H429" s="27">
        <v>2308.7927519999998</v>
      </c>
      <c r="I429" s="27">
        <v>109.82509899999999</v>
      </c>
      <c r="K429" s="27">
        <v>2308.7927519999998</v>
      </c>
      <c r="L429" s="27">
        <v>102.14657800000001</v>
      </c>
    </row>
    <row r="430" spans="2:12" x14ac:dyDescent="0.45">
      <c r="B430" s="27">
        <v>2310.7215679999999</v>
      </c>
      <c r="C430" s="27">
        <v>125.13120499999999</v>
      </c>
      <c r="E430" s="27">
        <v>2310.7215679999999</v>
      </c>
      <c r="F430" s="27">
        <v>116.08945799999999</v>
      </c>
      <c r="H430" s="27">
        <v>2310.7215679999999</v>
      </c>
      <c r="I430" s="27">
        <v>109.69067200000001</v>
      </c>
      <c r="K430" s="27">
        <v>2310.7215679999999</v>
      </c>
      <c r="L430" s="27">
        <v>102.133528</v>
      </c>
    </row>
    <row r="431" spans="2:12" x14ac:dyDescent="0.45">
      <c r="B431" s="27">
        <v>2312.650384</v>
      </c>
      <c r="C431" s="27">
        <v>125.134451</v>
      </c>
      <c r="E431" s="27">
        <v>2312.650384</v>
      </c>
      <c r="F431" s="27">
        <v>116.084557</v>
      </c>
      <c r="H431" s="27">
        <v>2312.650384</v>
      </c>
      <c r="I431" s="27">
        <v>109.689544</v>
      </c>
      <c r="K431" s="27">
        <v>2312.650384</v>
      </c>
      <c r="L431" s="27">
        <v>102.19112800000001</v>
      </c>
    </row>
    <row r="432" spans="2:12" x14ac:dyDescent="0.45">
      <c r="B432" s="27">
        <v>2314.5792000000001</v>
      </c>
      <c r="C432" s="27">
        <v>125.057259</v>
      </c>
      <c r="E432" s="27">
        <v>2314.5792000000001</v>
      </c>
      <c r="F432" s="27">
        <v>116.07854</v>
      </c>
      <c r="H432" s="27">
        <v>2314.5792000000001</v>
      </c>
      <c r="I432" s="27">
        <v>109.820624</v>
      </c>
      <c r="K432" s="27">
        <v>2314.5792000000001</v>
      </c>
      <c r="L432" s="27">
        <v>102.211866</v>
      </c>
    </row>
    <row r="433" spans="2:12" x14ac:dyDescent="0.45">
      <c r="B433" s="27">
        <v>2316.5080160000002</v>
      </c>
      <c r="C433" s="27">
        <v>124.936329</v>
      </c>
      <c r="E433" s="27">
        <v>2316.5080160000002</v>
      </c>
      <c r="F433" s="27">
        <v>116.030923</v>
      </c>
      <c r="H433" s="27">
        <v>2316.5080160000002</v>
      </c>
      <c r="I433" s="27">
        <v>109.782568</v>
      </c>
      <c r="K433" s="27">
        <v>2316.5080160000002</v>
      </c>
      <c r="L433" s="27">
        <v>102.173779</v>
      </c>
    </row>
    <row r="434" spans="2:12" x14ac:dyDescent="0.45">
      <c r="B434" s="27">
        <v>2318.4368319999999</v>
      </c>
      <c r="C434" s="27">
        <v>124.905548</v>
      </c>
      <c r="E434" s="27">
        <v>2318.4368319999999</v>
      </c>
      <c r="F434" s="27">
        <v>115.986825</v>
      </c>
      <c r="H434" s="27">
        <v>2318.4368319999999</v>
      </c>
      <c r="I434" s="27">
        <v>109.674508</v>
      </c>
      <c r="K434" s="27">
        <v>2318.4368319999999</v>
      </c>
      <c r="L434" s="27">
        <v>102.278274</v>
      </c>
    </row>
    <row r="435" spans="2:12" x14ac:dyDescent="0.45">
      <c r="B435" s="27">
        <v>2320.365648</v>
      </c>
      <c r="C435" s="27">
        <v>125.079728</v>
      </c>
      <c r="E435" s="27">
        <v>2320.365648</v>
      </c>
      <c r="F435" s="27">
        <v>115.93102500000001</v>
      </c>
      <c r="H435" s="27">
        <v>2320.365648</v>
      </c>
      <c r="I435" s="27">
        <v>109.69691400000001</v>
      </c>
      <c r="K435" s="27">
        <v>2320.365648</v>
      </c>
      <c r="L435" s="27">
        <v>102.213904</v>
      </c>
    </row>
    <row r="436" spans="2:12" x14ac:dyDescent="0.45">
      <c r="B436" s="27">
        <v>2322.2944640000001</v>
      </c>
      <c r="C436" s="27">
        <v>125.11644200000001</v>
      </c>
      <c r="E436" s="27">
        <v>2322.2944640000001</v>
      </c>
      <c r="F436" s="27">
        <v>115.86802</v>
      </c>
      <c r="H436" s="27">
        <v>2322.2944640000001</v>
      </c>
      <c r="I436" s="27">
        <v>109.654223</v>
      </c>
      <c r="K436" s="27">
        <v>2322.2944640000001</v>
      </c>
      <c r="L436" s="27">
        <v>102.02049599999999</v>
      </c>
    </row>
    <row r="437" spans="2:12" x14ac:dyDescent="0.45">
      <c r="B437" s="27">
        <v>2324.2232800000002</v>
      </c>
      <c r="C437" s="27">
        <v>125.075221</v>
      </c>
      <c r="E437" s="27">
        <v>2324.2232800000002</v>
      </c>
      <c r="F437" s="27">
        <v>115.883087</v>
      </c>
      <c r="H437" s="27">
        <v>2324.2232800000002</v>
      </c>
      <c r="I437" s="27">
        <v>109.576505</v>
      </c>
      <c r="K437" s="27">
        <v>2324.2232800000002</v>
      </c>
      <c r="L437" s="27">
        <v>102.051209</v>
      </c>
    </row>
    <row r="438" spans="2:12" x14ac:dyDescent="0.45">
      <c r="B438" s="27">
        <v>2326.1520959999998</v>
      </c>
      <c r="C438" s="27">
        <v>125.159414</v>
      </c>
      <c r="E438" s="27">
        <v>2326.1520959999998</v>
      </c>
      <c r="F438" s="27">
        <v>115.986786</v>
      </c>
      <c r="H438" s="27">
        <v>2326.1520959999998</v>
      </c>
      <c r="I438" s="27">
        <v>109.732635</v>
      </c>
      <c r="K438" s="27">
        <v>2326.1520959999998</v>
      </c>
      <c r="L438" s="27">
        <v>102.161152</v>
      </c>
    </row>
    <row r="439" spans="2:12" x14ac:dyDescent="0.45">
      <c r="B439" s="27">
        <v>2328.0809119999999</v>
      </c>
      <c r="C439" s="27">
        <v>125.15091099999999</v>
      </c>
      <c r="E439" s="27">
        <v>2328.0809119999999</v>
      </c>
      <c r="F439" s="27">
        <v>116.039643</v>
      </c>
      <c r="H439" s="27">
        <v>2328.0809119999999</v>
      </c>
      <c r="I439" s="27">
        <v>109.886196</v>
      </c>
      <c r="K439" s="27">
        <v>2328.0809119999999</v>
      </c>
      <c r="L439" s="27">
        <v>102.23672999999999</v>
      </c>
    </row>
    <row r="440" spans="2:12" x14ac:dyDescent="0.45">
      <c r="B440" s="27">
        <v>2330.009728</v>
      </c>
      <c r="C440" s="27">
        <v>125.141227</v>
      </c>
      <c r="E440" s="27">
        <v>2330.009728</v>
      </c>
      <c r="F440" s="27">
        <v>116.02401500000001</v>
      </c>
      <c r="H440" s="27">
        <v>2330.009728</v>
      </c>
      <c r="I440" s="27">
        <v>109.847008</v>
      </c>
      <c r="K440" s="27">
        <v>2330.009728</v>
      </c>
      <c r="L440" s="27">
        <v>102.25303099999999</v>
      </c>
    </row>
    <row r="441" spans="2:12" x14ac:dyDescent="0.45">
      <c r="B441" s="27">
        <v>2331.9385440000001</v>
      </c>
      <c r="C441" s="27">
        <v>125.11709</v>
      </c>
      <c r="E441" s="27">
        <v>2331.9385440000001</v>
      </c>
      <c r="F441" s="27">
        <v>116.021843</v>
      </c>
      <c r="H441" s="27">
        <v>2331.9385440000001</v>
      </c>
      <c r="I441" s="27">
        <v>109.888454</v>
      </c>
      <c r="K441" s="27">
        <v>2331.9385440000001</v>
      </c>
      <c r="L441" s="27">
        <v>102.325411</v>
      </c>
    </row>
    <row r="442" spans="2:12" x14ac:dyDescent="0.45">
      <c r="B442" s="27">
        <v>2333.8673600000002</v>
      </c>
      <c r="C442" s="27">
        <v>125.124438</v>
      </c>
      <c r="E442" s="27">
        <v>2333.8673600000002</v>
      </c>
      <c r="F442" s="27">
        <v>116.002543</v>
      </c>
      <c r="H442" s="27">
        <v>2333.8673600000002</v>
      </c>
      <c r="I442" s="27">
        <v>109.89224</v>
      </c>
      <c r="K442" s="27">
        <v>2333.8673600000002</v>
      </c>
      <c r="L442" s="27">
        <v>102.193738</v>
      </c>
    </row>
    <row r="443" spans="2:12" x14ac:dyDescent="0.45">
      <c r="B443" s="27">
        <v>2335.7961759999998</v>
      </c>
      <c r="C443" s="27">
        <v>125.10027599999999</v>
      </c>
      <c r="E443" s="27">
        <v>2335.7961759999998</v>
      </c>
      <c r="F443" s="27">
        <v>116.020223</v>
      </c>
      <c r="H443" s="27">
        <v>2335.7961759999998</v>
      </c>
      <c r="I443" s="27">
        <v>109.811561</v>
      </c>
      <c r="K443" s="27">
        <v>2335.7961759999998</v>
      </c>
      <c r="L443" s="27">
        <v>102.066433</v>
      </c>
    </row>
    <row r="444" spans="2:12" x14ac:dyDescent="0.45">
      <c r="B444" s="27">
        <v>2337.7249919999999</v>
      </c>
      <c r="C444" s="27">
        <v>124.947157</v>
      </c>
      <c r="E444" s="27">
        <v>2337.7249919999999</v>
      </c>
      <c r="F444" s="27">
        <v>116.033987</v>
      </c>
      <c r="H444" s="27">
        <v>2337.7249919999999</v>
      </c>
      <c r="I444" s="27">
        <v>109.783418</v>
      </c>
      <c r="K444" s="27">
        <v>2337.7249919999999</v>
      </c>
      <c r="L444" s="27">
        <v>102.166021</v>
      </c>
    </row>
    <row r="445" spans="2:12" x14ac:dyDescent="0.45">
      <c r="B445" s="27">
        <v>2339.653808</v>
      </c>
      <c r="C445" s="27">
        <v>124.912218</v>
      </c>
      <c r="E445" s="27">
        <v>2339.653808</v>
      </c>
      <c r="F445" s="27">
        <v>115.987397</v>
      </c>
      <c r="H445" s="27">
        <v>2339.653808</v>
      </c>
      <c r="I445" s="27">
        <v>109.775307</v>
      </c>
      <c r="K445" s="27">
        <v>2339.653808</v>
      </c>
      <c r="L445" s="27">
        <v>102.180639</v>
      </c>
    </row>
    <row r="446" spans="2:12" x14ac:dyDescent="0.45">
      <c r="B446" s="27">
        <v>2341.5826240000001</v>
      </c>
      <c r="C446" s="27">
        <v>124.88790899999999</v>
      </c>
      <c r="E446" s="27">
        <v>2341.5826240000001</v>
      </c>
      <c r="F446" s="27">
        <v>115.931974</v>
      </c>
      <c r="H446" s="27">
        <v>2341.5826240000001</v>
      </c>
      <c r="I446" s="27">
        <v>109.723945</v>
      </c>
      <c r="K446" s="27">
        <v>2341.5826240000001</v>
      </c>
      <c r="L446" s="27">
        <v>102.31562</v>
      </c>
    </row>
    <row r="447" spans="2:12" x14ac:dyDescent="0.45">
      <c r="B447" s="27">
        <v>2343.5114400000002</v>
      </c>
      <c r="C447" s="27">
        <v>124.903425</v>
      </c>
      <c r="E447" s="27">
        <v>2343.5114400000002</v>
      </c>
      <c r="F447" s="27">
        <v>115.942128</v>
      </c>
      <c r="H447" s="27">
        <v>2343.5114400000002</v>
      </c>
      <c r="I447" s="27">
        <v>109.675844</v>
      </c>
      <c r="K447" s="27">
        <v>2343.5114400000002</v>
      </c>
      <c r="L447" s="27">
        <v>102.34988</v>
      </c>
    </row>
    <row r="448" spans="2:12" x14ac:dyDescent="0.45">
      <c r="B448" s="27">
        <v>2345.4402559999999</v>
      </c>
      <c r="C448" s="27">
        <v>124.863377</v>
      </c>
      <c r="E448" s="27">
        <v>2345.4402559999999</v>
      </c>
      <c r="F448" s="27">
        <v>115.898135</v>
      </c>
      <c r="H448" s="27">
        <v>2345.4402559999999</v>
      </c>
      <c r="I448" s="27">
        <v>109.59269999999999</v>
      </c>
      <c r="K448" s="27">
        <v>2345.4402559999999</v>
      </c>
      <c r="L448" s="27">
        <v>102.27198199999999</v>
      </c>
    </row>
    <row r="449" spans="2:12" x14ac:dyDescent="0.45">
      <c r="B449" s="27">
        <v>2347.369072</v>
      </c>
      <c r="C449" s="27">
        <v>124.958597</v>
      </c>
      <c r="E449" s="27">
        <v>2347.369072</v>
      </c>
      <c r="F449" s="27">
        <v>115.916386</v>
      </c>
      <c r="H449" s="27">
        <v>2347.369072</v>
      </c>
      <c r="I449" s="27">
        <v>109.574927</v>
      </c>
      <c r="K449" s="27">
        <v>2347.369072</v>
      </c>
      <c r="L449" s="27">
        <v>102.20029100000001</v>
      </c>
    </row>
    <row r="450" spans="2:12" x14ac:dyDescent="0.45">
      <c r="B450" s="27">
        <v>2349.2978880000001</v>
      </c>
      <c r="C450" s="27">
        <v>125.038365</v>
      </c>
      <c r="E450" s="27">
        <v>2349.2978880000001</v>
      </c>
      <c r="F450" s="27">
        <v>115.92367900000001</v>
      </c>
      <c r="H450" s="27">
        <v>2349.2978880000001</v>
      </c>
      <c r="I450" s="27">
        <v>109.560067</v>
      </c>
      <c r="K450" s="27">
        <v>2349.2978880000001</v>
      </c>
      <c r="L450" s="27">
        <v>102.008264</v>
      </c>
    </row>
    <row r="451" spans="2:12" x14ac:dyDescent="0.45">
      <c r="B451" s="27">
        <v>2351.2267040000002</v>
      </c>
      <c r="C451" s="27">
        <v>124.994147</v>
      </c>
      <c r="E451" s="27">
        <v>2351.2267040000002</v>
      </c>
      <c r="F451" s="27">
        <v>115.894898</v>
      </c>
      <c r="H451" s="27">
        <v>2351.2267040000002</v>
      </c>
      <c r="I451" s="27">
        <v>109.608437</v>
      </c>
      <c r="K451" s="27">
        <v>2351.2267040000002</v>
      </c>
      <c r="L451" s="27">
        <v>101.903442</v>
      </c>
    </row>
    <row r="452" spans="2:12" x14ac:dyDescent="0.45">
      <c r="B452" s="27">
        <v>2353.1555199999998</v>
      </c>
      <c r="C452" s="27">
        <v>124.821438</v>
      </c>
      <c r="E452" s="27">
        <v>2353.1555199999998</v>
      </c>
      <c r="F452" s="27">
        <v>115.88253</v>
      </c>
      <c r="H452" s="27">
        <v>2353.1555199999998</v>
      </c>
      <c r="I452" s="27">
        <v>109.620193</v>
      </c>
      <c r="K452" s="27">
        <v>2353.1555199999998</v>
      </c>
      <c r="L452" s="27">
        <v>101.899508</v>
      </c>
    </row>
    <row r="453" spans="2:12" x14ac:dyDescent="0.45">
      <c r="B453" s="27">
        <v>2355.0843359999999</v>
      </c>
      <c r="C453" s="27">
        <v>124.67198500000001</v>
      </c>
      <c r="E453" s="27">
        <v>2355.0843359999999</v>
      </c>
      <c r="F453" s="27">
        <v>115.842977</v>
      </c>
      <c r="H453" s="27">
        <v>2355.0843359999999</v>
      </c>
      <c r="I453" s="27">
        <v>109.572639</v>
      </c>
      <c r="K453" s="27">
        <v>2355.0843359999999</v>
      </c>
      <c r="L453" s="27">
        <v>102.008675</v>
      </c>
    </row>
    <row r="454" spans="2:12" x14ac:dyDescent="0.45">
      <c r="B454" s="27">
        <v>2357.013152</v>
      </c>
      <c r="C454" s="27">
        <v>124.805145</v>
      </c>
      <c r="E454" s="27">
        <v>2357.013152</v>
      </c>
      <c r="F454" s="27">
        <v>115.728803</v>
      </c>
      <c r="H454" s="27">
        <v>2357.013152</v>
      </c>
      <c r="I454" s="27">
        <v>109.510465</v>
      </c>
      <c r="K454" s="27">
        <v>2357.013152</v>
      </c>
      <c r="L454" s="27">
        <v>101.887603</v>
      </c>
    </row>
    <row r="455" spans="2:12" x14ac:dyDescent="0.45">
      <c r="B455" s="27">
        <v>2358.9419680000001</v>
      </c>
      <c r="C455" s="27">
        <v>124.94166199999999</v>
      </c>
      <c r="E455" s="27">
        <v>2358.9419680000001</v>
      </c>
      <c r="F455" s="27">
        <v>115.751974</v>
      </c>
      <c r="H455" s="27">
        <v>2358.9419680000001</v>
      </c>
      <c r="I455" s="27">
        <v>109.506077</v>
      </c>
      <c r="K455" s="27">
        <v>2358.9419680000001</v>
      </c>
      <c r="L455" s="27">
        <v>101.751119</v>
      </c>
    </row>
    <row r="456" spans="2:12" x14ac:dyDescent="0.45">
      <c r="B456" s="27">
        <v>2360.8707840000002</v>
      </c>
      <c r="C456" s="27">
        <v>124.85201499999999</v>
      </c>
      <c r="E456" s="27">
        <v>2360.8707840000002</v>
      </c>
      <c r="F456" s="27">
        <v>115.75502400000001</v>
      </c>
      <c r="H456" s="27">
        <v>2360.8707840000002</v>
      </c>
      <c r="I456" s="27">
        <v>109.605842</v>
      </c>
      <c r="K456" s="27">
        <v>2360.8707840000002</v>
      </c>
      <c r="L456" s="27">
        <v>101.81379</v>
      </c>
    </row>
    <row r="457" spans="2:12" x14ac:dyDescent="0.45">
      <c r="B457" s="27">
        <v>2362.7995999999998</v>
      </c>
      <c r="C457" s="27">
        <v>124.77744199999999</v>
      </c>
      <c r="E457" s="27">
        <v>2362.7995999999998</v>
      </c>
      <c r="F457" s="27">
        <v>115.729771</v>
      </c>
      <c r="H457" s="27">
        <v>2362.7995999999998</v>
      </c>
      <c r="I457" s="27">
        <v>109.635013</v>
      </c>
      <c r="K457" s="27">
        <v>2362.7995999999998</v>
      </c>
      <c r="L457" s="27">
        <v>101.937898</v>
      </c>
    </row>
    <row r="458" spans="2:12" x14ac:dyDescent="0.45">
      <c r="B458" s="27">
        <v>2364.7284159999999</v>
      </c>
      <c r="C458" s="27">
        <v>124.749331</v>
      </c>
      <c r="E458" s="27">
        <v>2364.7284159999999</v>
      </c>
      <c r="F458" s="27">
        <v>115.873535</v>
      </c>
      <c r="H458" s="27">
        <v>2364.7284159999999</v>
      </c>
      <c r="I458" s="27">
        <v>109.621194</v>
      </c>
      <c r="K458" s="27">
        <v>2364.7284159999999</v>
      </c>
      <c r="L458" s="27">
        <v>101.986356</v>
      </c>
    </row>
    <row r="459" spans="2:12" x14ac:dyDescent="0.45">
      <c r="B459" s="27">
        <v>2366.657232</v>
      </c>
      <c r="C459" s="27">
        <v>124.757052</v>
      </c>
      <c r="E459" s="27">
        <v>2366.657232</v>
      </c>
      <c r="F459" s="27">
        <v>115.881034</v>
      </c>
      <c r="H459" s="27">
        <v>2366.657232</v>
      </c>
      <c r="I459" s="27">
        <v>109.595215</v>
      </c>
      <c r="K459" s="27">
        <v>2366.657232</v>
      </c>
      <c r="L459" s="27">
        <v>101.971411</v>
      </c>
    </row>
    <row r="460" spans="2:12" x14ac:dyDescent="0.45">
      <c r="B460" s="27">
        <v>2368.5860480000001</v>
      </c>
      <c r="C460" s="27">
        <v>124.78867200000001</v>
      </c>
      <c r="E460" s="27">
        <v>2368.5860480000001</v>
      </c>
      <c r="F460" s="27">
        <v>115.822508</v>
      </c>
      <c r="H460" s="27">
        <v>2368.5860480000001</v>
      </c>
      <c r="I460" s="27">
        <v>109.532741</v>
      </c>
      <c r="K460" s="27">
        <v>2368.5860480000001</v>
      </c>
      <c r="L460" s="27">
        <v>101.935907</v>
      </c>
    </row>
    <row r="461" spans="2:12" x14ac:dyDescent="0.45">
      <c r="B461" s="27">
        <v>2370.5148640000002</v>
      </c>
      <c r="C461" s="27">
        <v>124.800251</v>
      </c>
      <c r="E461" s="27">
        <v>2370.5148640000002</v>
      </c>
      <c r="F461" s="27">
        <v>115.860919</v>
      </c>
      <c r="H461" s="27">
        <v>2370.5148640000002</v>
      </c>
      <c r="I461" s="27">
        <v>109.560044</v>
      </c>
      <c r="K461" s="27">
        <v>2370.5148640000002</v>
      </c>
      <c r="L461" s="27">
        <v>102.037285</v>
      </c>
    </row>
    <row r="462" spans="2:12" x14ac:dyDescent="0.45">
      <c r="B462" s="27">
        <v>2372.4436799999999</v>
      </c>
      <c r="C462" s="27">
        <v>124.860631</v>
      </c>
      <c r="E462" s="27">
        <v>2372.4436799999999</v>
      </c>
      <c r="F462" s="27">
        <v>115.872929</v>
      </c>
      <c r="H462" s="27">
        <v>2372.4436799999999</v>
      </c>
      <c r="I462" s="27">
        <v>109.598341</v>
      </c>
      <c r="K462" s="27">
        <v>2372.4436799999999</v>
      </c>
      <c r="L462" s="27">
        <v>102.110696</v>
      </c>
    </row>
    <row r="463" spans="2:12" x14ac:dyDescent="0.45">
      <c r="B463" s="27">
        <v>2374.372496</v>
      </c>
      <c r="C463" s="27">
        <v>124.91737500000001</v>
      </c>
      <c r="E463" s="27">
        <v>2374.372496</v>
      </c>
      <c r="F463" s="27">
        <v>115.840435</v>
      </c>
      <c r="H463" s="27">
        <v>2374.372496</v>
      </c>
      <c r="I463" s="27">
        <v>109.522085</v>
      </c>
      <c r="K463" s="27">
        <v>2374.372496</v>
      </c>
      <c r="L463" s="27">
        <v>102.018663</v>
      </c>
    </row>
    <row r="464" spans="2:12" x14ac:dyDescent="0.45">
      <c r="B464" s="27">
        <v>2376.3013120000001</v>
      </c>
      <c r="C464" s="27">
        <v>124.852526</v>
      </c>
      <c r="E464" s="27">
        <v>2376.3013120000001</v>
      </c>
      <c r="F464" s="27">
        <v>115.83765699999999</v>
      </c>
      <c r="H464" s="27">
        <v>2376.3013120000001</v>
      </c>
      <c r="I464" s="27">
        <v>109.438103</v>
      </c>
      <c r="K464" s="27">
        <v>2376.3013120000001</v>
      </c>
      <c r="L464" s="27">
        <v>101.95314399999999</v>
      </c>
    </row>
    <row r="465" spans="2:12" x14ac:dyDescent="0.45">
      <c r="B465" s="27">
        <v>2378.2301280000001</v>
      </c>
      <c r="C465" s="27">
        <v>124.831219</v>
      </c>
      <c r="E465" s="27">
        <v>2378.2301280000001</v>
      </c>
      <c r="F465" s="27">
        <v>115.874196</v>
      </c>
      <c r="H465" s="27">
        <v>2378.2301280000001</v>
      </c>
      <c r="I465" s="27">
        <v>109.504752</v>
      </c>
      <c r="K465" s="27">
        <v>2378.2301280000001</v>
      </c>
      <c r="L465" s="27">
        <v>102.047539</v>
      </c>
    </row>
    <row r="466" spans="2:12" x14ac:dyDescent="0.45">
      <c r="B466" s="27">
        <v>2380.1589439999998</v>
      </c>
      <c r="C466" s="27">
        <v>124.849756</v>
      </c>
      <c r="E466" s="27">
        <v>2380.1589439999998</v>
      </c>
      <c r="F466" s="27">
        <v>115.878625</v>
      </c>
      <c r="H466" s="27">
        <v>2380.1589439999998</v>
      </c>
      <c r="I466" s="27">
        <v>109.506231</v>
      </c>
      <c r="K466" s="27">
        <v>2380.1589439999998</v>
      </c>
      <c r="L466" s="27">
        <v>102.019965</v>
      </c>
    </row>
    <row r="467" spans="2:12" x14ac:dyDescent="0.45">
      <c r="B467" s="27">
        <v>2382.0877599999999</v>
      </c>
      <c r="C467" s="27">
        <v>124.836511</v>
      </c>
      <c r="E467" s="27">
        <v>2382.0877599999999</v>
      </c>
      <c r="F467" s="27">
        <v>115.843633</v>
      </c>
      <c r="H467" s="27">
        <v>2382.0877599999999</v>
      </c>
      <c r="I467" s="27">
        <v>109.459689</v>
      </c>
      <c r="K467" s="27">
        <v>2382.0877599999999</v>
      </c>
      <c r="L467" s="27">
        <v>101.978115</v>
      </c>
    </row>
    <row r="468" spans="2:12" x14ac:dyDescent="0.45">
      <c r="B468" s="27">
        <v>2384.016576</v>
      </c>
      <c r="C468" s="27">
        <v>124.78989300000001</v>
      </c>
      <c r="E468" s="27">
        <v>2384.016576</v>
      </c>
      <c r="F468" s="27">
        <v>115.83731299999999</v>
      </c>
      <c r="H468" s="27">
        <v>2384.016576</v>
      </c>
      <c r="I468" s="27">
        <v>109.427249</v>
      </c>
      <c r="K468" s="27">
        <v>2384.016576</v>
      </c>
      <c r="L468" s="27">
        <v>101.95225600000001</v>
      </c>
    </row>
    <row r="469" spans="2:12" x14ac:dyDescent="0.45">
      <c r="B469" s="27">
        <v>2385.9453920000001</v>
      </c>
      <c r="C469" s="27">
        <v>124.73595</v>
      </c>
      <c r="E469" s="27">
        <v>2385.9453920000001</v>
      </c>
      <c r="F469" s="27">
        <v>115.828262</v>
      </c>
      <c r="H469" s="27">
        <v>2385.9453920000001</v>
      </c>
      <c r="I469" s="27">
        <v>109.422234</v>
      </c>
      <c r="K469" s="27">
        <v>2385.9453920000001</v>
      </c>
      <c r="L469" s="27">
        <v>101.89268800000001</v>
      </c>
    </row>
    <row r="470" spans="2:12" x14ac:dyDescent="0.45">
      <c r="B470" s="27">
        <v>2387.8742080000002</v>
      </c>
      <c r="C470" s="27">
        <v>124.644363</v>
      </c>
      <c r="E470" s="27">
        <v>2387.8742080000002</v>
      </c>
      <c r="F470" s="27">
        <v>115.80915899999999</v>
      </c>
      <c r="H470" s="27">
        <v>2387.8742080000002</v>
      </c>
      <c r="I470" s="27">
        <v>109.431434</v>
      </c>
      <c r="K470" s="27">
        <v>2387.8742080000002</v>
      </c>
      <c r="L470" s="27">
        <v>101.860826</v>
      </c>
    </row>
    <row r="471" spans="2:12" x14ac:dyDescent="0.45">
      <c r="B471" s="27">
        <v>2389.8030239999998</v>
      </c>
      <c r="C471" s="27">
        <v>124.66001900000001</v>
      </c>
      <c r="E471" s="27">
        <v>2389.8030239999998</v>
      </c>
      <c r="F471" s="27">
        <v>115.82117700000001</v>
      </c>
      <c r="H471" s="27">
        <v>2389.8030239999998</v>
      </c>
      <c r="I471" s="27">
        <v>109.44589000000001</v>
      </c>
      <c r="K471" s="27">
        <v>2389.8030239999998</v>
      </c>
      <c r="L471" s="27">
        <v>101.835599</v>
      </c>
    </row>
    <row r="472" spans="2:12" x14ac:dyDescent="0.45">
      <c r="B472" s="27">
        <v>2391.7318399999999</v>
      </c>
      <c r="C472" s="27">
        <v>124.77438100000001</v>
      </c>
      <c r="E472" s="27">
        <v>2391.7318399999999</v>
      </c>
      <c r="F472" s="27">
        <v>115.833189</v>
      </c>
      <c r="H472" s="27">
        <v>2391.7318399999999</v>
      </c>
      <c r="I472" s="27">
        <v>109.410674</v>
      </c>
      <c r="K472" s="27">
        <v>2391.7318399999999</v>
      </c>
      <c r="L472" s="27">
        <v>101.80282</v>
      </c>
    </row>
    <row r="473" spans="2:12" x14ac:dyDescent="0.45">
      <c r="B473" s="27">
        <v>2393.660656</v>
      </c>
      <c r="C473" s="27">
        <v>124.790082</v>
      </c>
      <c r="E473" s="27">
        <v>2393.660656</v>
      </c>
      <c r="F473" s="27">
        <v>115.76568899999999</v>
      </c>
      <c r="H473" s="27">
        <v>2393.660656</v>
      </c>
      <c r="I473" s="27">
        <v>109.40931999999999</v>
      </c>
      <c r="K473" s="27">
        <v>2393.660656</v>
      </c>
      <c r="L473" s="27">
        <v>101.764332</v>
      </c>
    </row>
    <row r="474" spans="2:12" x14ac:dyDescent="0.45">
      <c r="B474" s="27">
        <v>2395.5894720000001</v>
      </c>
      <c r="C474" s="27">
        <v>124.703087</v>
      </c>
      <c r="E474" s="27">
        <v>2395.5894720000001</v>
      </c>
      <c r="F474" s="27">
        <v>115.701494</v>
      </c>
      <c r="H474" s="27">
        <v>2395.5894720000001</v>
      </c>
      <c r="I474" s="27">
        <v>109.418083</v>
      </c>
      <c r="K474" s="27">
        <v>2395.5894720000001</v>
      </c>
      <c r="L474" s="27">
        <v>101.812164</v>
      </c>
    </row>
    <row r="475" spans="2:12" x14ac:dyDescent="0.45">
      <c r="B475" s="27">
        <v>2397.5182880000002</v>
      </c>
      <c r="C475" s="27">
        <v>124.672511</v>
      </c>
      <c r="E475" s="27">
        <v>2397.5182880000002</v>
      </c>
      <c r="F475" s="27">
        <v>115.734894</v>
      </c>
      <c r="H475" s="27">
        <v>2397.5182880000002</v>
      </c>
      <c r="I475" s="27">
        <v>109.376863</v>
      </c>
      <c r="K475" s="27">
        <v>2397.5182880000002</v>
      </c>
      <c r="L475" s="27">
        <v>101.821533</v>
      </c>
    </row>
    <row r="476" spans="2:12" x14ac:dyDescent="0.45">
      <c r="B476" s="27">
        <v>2399.4471039999999</v>
      </c>
      <c r="C476" s="27">
        <v>124.650983</v>
      </c>
      <c r="E476" s="27">
        <v>2399.4471039999999</v>
      </c>
      <c r="F476" s="27">
        <v>115.747867</v>
      </c>
      <c r="H476" s="27">
        <v>2399.4471039999999</v>
      </c>
      <c r="I476" s="27">
        <v>109.320043</v>
      </c>
      <c r="K476" s="27">
        <v>2399.4471039999999</v>
      </c>
      <c r="L476" s="27">
        <v>101.695438</v>
      </c>
    </row>
    <row r="477" spans="2:12" x14ac:dyDescent="0.45">
      <c r="B477" s="27">
        <v>2401.37592</v>
      </c>
      <c r="C477" s="27">
        <v>124.65253800000001</v>
      </c>
      <c r="E477" s="27">
        <v>2401.37592</v>
      </c>
      <c r="F477" s="27">
        <v>115.728455</v>
      </c>
      <c r="H477" s="27">
        <v>2401.37592</v>
      </c>
      <c r="I477" s="27">
        <v>109.30331</v>
      </c>
      <c r="K477" s="27">
        <v>2401.37592</v>
      </c>
      <c r="L477" s="27">
        <v>101.62287000000001</v>
      </c>
    </row>
    <row r="478" spans="2:12" x14ac:dyDescent="0.45">
      <c r="B478" s="27">
        <v>2403.304736</v>
      </c>
      <c r="C478" s="27">
        <v>124.686421</v>
      </c>
      <c r="E478" s="27">
        <v>2403.304736</v>
      </c>
      <c r="F478" s="27">
        <v>115.728335</v>
      </c>
      <c r="H478" s="27">
        <v>2403.304736</v>
      </c>
      <c r="I478" s="27">
        <v>109.29327600000001</v>
      </c>
      <c r="K478" s="27">
        <v>2403.304736</v>
      </c>
      <c r="L478" s="27">
        <v>101.615499</v>
      </c>
    </row>
    <row r="479" spans="2:12" x14ac:dyDescent="0.45">
      <c r="B479" s="27">
        <v>2405.2335520000001</v>
      </c>
      <c r="C479" s="27">
        <v>124.629931</v>
      </c>
      <c r="E479" s="27">
        <v>2405.2335520000001</v>
      </c>
      <c r="F479" s="27">
        <v>115.742086</v>
      </c>
      <c r="H479" s="27">
        <v>2405.2335520000001</v>
      </c>
      <c r="I479" s="27">
        <v>109.333099</v>
      </c>
      <c r="K479" s="27">
        <v>2405.2335520000001</v>
      </c>
      <c r="L479" s="27">
        <v>101.641639</v>
      </c>
    </row>
    <row r="480" spans="2:12" x14ac:dyDescent="0.45">
      <c r="B480" s="27">
        <v>2407.1623679999998</v>
      </c>
      <c r="C480" s="27">
        <v>124.535669</v>
      </c>
      <c r="E480" s="27">
        <v>2407.1623679999998</v>
      </c>
      <c r="F480" s="27">
        <v>115.688637</v>
      </c>
      <c r="H480" s="27">
        <v>2407.1623679999998</v>
      </c>
      <c r="I480" s="27">
        <v>109.325243</v>
      </c>
      <c r="K480" s="27">
        <v>2407.1623679999998</v>
      </c>
      <c r="L480" s="27">
        <v>101.66728500000001</v>
      </c>
    </row>
    <row r="481" spans="2:12" x14ac:dyDescent="0.45">
      <c r="B481" s="27">
        <v>2409.0911839999999</v>
      </c>
      <c r="C481" s="27">
        <v>124.54783399999999</v>
      </c>
      <c r="E481" s="27">
        <v>2409.0911839999999</v>
      </c>
      <c r="F481" s="27">
        <v>115.68279</v>
      </c>
      <c r="H481" s="27">
        <v>2409.0911839999999</v>
      </c>
      <c r="I481" s="27">
        <v>109.259221</v>
      </c>
      <c r="K481" s="27">
        <v>2409.0911839999999</v>
      </c>
      <c r="L481" s="27">
        <v>101.64687000000001</v>
      </c>
    </row>
    <row r="482" spans="2:12" x14ac:dyDescent="0.45">
      <c r="B482" s="27">
        <v>2411.02</v>
      </c>
      <c r="C482" s="27">
        <v>124.613811</v>
      </c>
      <c r="E482" s="27">
        <v>2411.02</v>
      </c>
      <c r="F482" s="27">
        <v>115.693096</v>
      </c>
      <c r="H482" s="27">
        <v>2411.02</v>
      </c>
      <c r="I482" s="27">
        <v>109.23701</v>
      </c>
      <c r="K482" s="27">
        <v>2411.02</v>
      </c>
      <c r="L482" s="27">
        <v>101.557276</v>
      </c>
    </row>
    <row r="483" spans="2:12" x14ac:dyDescent="0.45">
      <c r="B483" s="27">
        <v>2412.9488160000001</v>
      </c>
      <c r="C483" s="27">
        <v>124.628186</v>
      </c>
      <c r="E483" s="27">
        <v>2412.9488160000001</v>
      </c>
      <c r="F483" s="27">
        <v>115.680774</v>
      </c>
      <c r="H483" s="27">
        <v>2412.9488160000001</v>
      </c>
      <c r="I483" s="27">
        <v>109.261881</v>
      </c>
      <c r="K483" s="27">
        <v>2412.9488160000001</v>
      </c>
      <c r="L483" s="27">
        <v>101.522644</v>
      </c>
    </row>
    <row r="484" spans="2:12" x14ac:dyDescent="0.45">
      <c r="B484" s="27">
        <v>2414.8776320000002</v>
      </c>
      <c r="C484" s="27">
        <v>124.615925</v>
      </c>
      <c r="E484" s="27">
        <v>2414.8776320000002</v>
      </c>
      <c r="F484" s="27">
        <v>115.62503100000001</v>
      </c>
      <c r="H484" s="27">
        <v>2414.8776320000002</v>
      </c>
      <c r="I484" s="27">
        <v>109.215013</v>
      </c>
      <c r="K484" s="27">
        <v>2414.8776320000002</v>
      </c>
      <c r="L484" s="27">
        <v>101.54058499999999</v>
      </c>
    </row>
    <row r="485" spans="2:12" x14ac:dyDescent="0.45">
      <c r="B485" s="27">
        <v>2416.8064479999998</v>
      </c>
      <c r="C485" s="27">
        <v>124.615201</v>
      </c>
      <c r="E485" s="27">
        <v>2416.8064479999998</v>
      </c>
      <c r="F485" s="27">
        <v>115.610587</v>
      </c>
      <c r="H485" s="27">
        <v>2416.8064479999998</v>
      </c>
      <c r="I485" s="27">
        <v>109.147091</v>
      </c>
      <c r="K485" s="27">
        <v>2416.8064479999998</v>
      </c>
      <c r="L485" s="27">
        <v>101.542491</v>
      </c>
    </row>
    <row r="486" spans="2:12" x14ac:dyDescent="0.45">
      <c r="B486" s="27">
        <v>2418.7352639999999</v>
      </c>
      <c r="C486" s="27">
        <v>124.621461</v>
      </c>
      <c r="E486" s="27">
        <v>2418.7352639999999</v>
      </c>
      <c r="F486" s="27">
        <v>115.640658</v>
      </c>
      <c r="H486" s="27">
        <v>2418.7352639999999</v>
      </c>
      <c r="I486" s="27">
        <v>109.162914</v>
      </c>
      <c r="K486" s="27">
        <v>2418.7352639999999</v>
      </c>
      <c r="L486" s="27">
        <v>101.601401</v>
      </c>
    </row>
    <row r="487" spans="2:12" x14ac:dyDescent="0.45">
      <c r="B487" s="27">
        <v>2420.66408</v>
      </c>
      <c r="C487" s="27">
        <v>124.54530099999999</v>
      </c>
      <c r="E487" s="27">
        <v>2420.66408</v>
      </c>
      <c r="F487" s="27">
        <v>115.632541</v>
      </c>
      <c r="H487" s="27">
        <v>2420.66408</v>
      </c>
      <c r="I487" s="27">
        <v>109.22272599999999</v>
      </c>
      <c r="K487" s="27">
        <v>2420.66408</v>
      </c>
      <c r="L487" s="27">
        <v>101.54095700000001</v>
      </c>
    </row>
    <row r="488" spans="2:12" x14ac:dyDescent="0.45">
      <c r="B488" s="27">
        <v>2422.5928960000001</v>
      </c>
      <c r="C488" s="27">
        <v>124.505602</v>
      </c>
      <c r="E488" s="27">
        <v>2422.5928960000001</v>
      </c>
      <c r="F488" s="27">
        <v>115.5869</v>
      </c>
      <c r="H488" s="27">
        <v>2422.5928960000001</v>
      </c>
      <c r="I488" s="27">
        <v>109.17450100000001</v>
      </c>
      <c r="K488" s="27">
        <v>2422.5928960000001</v>
      </c>
      <c r="L488" s="27">
        <v>101.55276600000001</v>
      </c>
    </row>
    <row r="489" spans="2:12" x14ac:dyDescent="0.45">
      <c r="B489" s="27">
        <v>2424.5217120000002</v>
      </c>
      <c r="C489" s="27">
        <v>124.46484100000001</v>
      </c>
      <c r="E489" s="27">
        <v>2424.5217120000002</v>
      </c>
      <c r="F489" s="27">
        <v>115.568105</v>
      </c>
      <c r="H489" s="27">
        <v>2424.5217120000002</v>
      </c>
      <c r="I489" s="27">
        <v>109.13367100000001</v>
      </c>
      <c r="K489" s="27">
        <v>2424.5217120000002</v>
      </c>
      <c r="L489" s="27">
        <v>101.54483399999999</v>
      </c>
    </row>
    <row r="490" spans="2:12" x14ac:dyDescent="0.45">
      <c r="B490" s="27">
        <v>2426.4505279999998</v>
      </c>
      <c r="C490" s="27">
        <v>124.429923</v>
      </c>
      <c r="E490" s="27">
        <v>2426.4505279999998</v>
      </c>
      <c r="F490" s="27">
        <v>115.53047100000001</v>
      </c>
      <c r="H490" s="27">
        <v>2426.4505279999998</v>
      </c>
      <c r="I490" s="27">
        <v>109.10396799999999</v>
      </c>
      <c r="K490" s="27">
        <v>2426.4505279999998</v>
      </c>
      <c r="L490" s="27">
        <v>101.425679</v>
      </c>
    </row>
    <row r="491" spans="2:12" x14ac:dyDescent="0.45">
      <c r="B491" s="27">
        <v>2428.3793439999999</v>
      </c>
      <c r="C491" s="27">
        <v>124.444338</v>
      </c>
      <c r="E491" s="27">
        <v>2428.3793439999999</v>
      </c>
      <c r="F491" s="27">
        <v>115.54521</v>
      </c>
      <c r="H491" s="27">
        <v>2428.3793439999999</v>
      </c>
      <c r="I491" s="27">
        <v>109.10922100000001</v>
      </c>
      <c r="K491" s="27">
        <v>2428.3793439999999</v>
      </c>
      <c r="L491" s="27">
        <v>101.351522</v>
      </c>
    </row>
    <row r="492" spans="2:12" x14ac:dyDescent="0.45">
      <c r="B492" s="27">
        <v>2430.30816</v>
      </c>
      <c r="C492" s="27">
        <v>124.529721</v>
      </c>
      <c r="E492" s="27">
        <v>2430.30816</v>
      </c>
      <c r="F492" s="27">
        <v>115.585905</v>
      </c>
      <c r="H492" s="27">
        <v>2430.30816</v>
      </c>
      <c r="I492" s="27">
        <v>109.08806800000001</v>
      </c>
      <c r="K492" s="27">
        <v>2430.30816</v>
      </c>
      <c r="L492" s="27">
        <v>101.364746</v>
      </c>
    </row>
    <row r="493" spans="2:12" x14ac:dyDescent="0.45">
      <c r="B493" s="27">
        <v>2432.2369760000001</v>
      </c>
      <c r="C493" s="27">
        <v>124.559444</v>
      </c>
      <c r="E493" s="27">
        <v>2432.2369760000001</v>
      </c>
      <c r="F493" s="27">
        <v>115.581453</v>
      </c>
      <c r="H493" s="27">
        <v>2432.2369760000001</v>
      </c>
      <c r="I493" s="27">
        <v>109.037862</v>
      </c>
      <c r="K493" s="27">
        <v>2432.2369760000001</v>
      </c>
      <c r="L493" s="27">
        <v>101.366186</v>
      </c>
    </row>
    <row r="494" spans="2:12" x14ac:dyDescent="0.45">
      <c r="B494" s="27">
        <v>2434.1657919999998</v>
      </c>
      <c r="C494" s="27">
        <v>124.45448399999999</v>
      </c>
      <c r="E494" s="27">
        <v>2434.1657919999998</v>
      </c>
      <c r="F494" s="27">
        <v>115.52949099999999</v>
      </c>
      <c r="H494" s="27">
        <v>2434.1657919999998</v>
      </c>
      <c r="I494" s="27">
        <v>109.05720599999999</v>
      </c>
      <c r="K494" s="27">
        <v>2434.1657919999998</v>
      </c>
      <c r="L494" s="27">
        <v>101.422431</v>
      </c>
    </row>
    <row r="495" spans="2:12" x14ac:dyDescent="0.45">
      <c r="B495" s="27">
        <v>2436.0946079999999</v>
      </c>
      <c r="C495" s="27">
        <v>124.399073</v>
      </c>
      <c r="E495" s="27">
        <v>2436.0946079999999</v>
      </c>
      <c r="F495" s="27">
        <v>115.55122900000001</v>
      </c>
      <c r="H495" s="27">
        <v>2436.0946079999999</v>
      </c>
      <c r="I495" s="27">
        <v>109.08106100000001</v>
      </c>
      <c r="K495" s="27">
        <v>2436.0946079999999</v>
      </c>
      <c r="L495" s="27">
        <v>101.53057800000001</v>
      </c>
    </row>
    <row r="496" spans="2:12" x14ac:dyDescent="0.45">
      <c r="B496" s="27">
        <v>2438.023424</v>
      </c>
      <c r="C496" s="27">
        <v>124.335246</v>
      </c>
      <c r="E496" s="27">
        <v>2438.023424</v>
      </c>
      <c r="F496" s="27">
        <v>115.57778999999999</v>
      </c>
      <c r="H496" s="27">
        <v>2438.023424</v>
      </c>
      <c r="I496" s="27">
        <v>109.06826700000001</v>
      </c>
      <c r="K496" s="27">
        <v>2438.023424</v>
      </c>
      <c r="L496" s="27">
        <v>101.41685200000001</v>
      </c>
    </row>
    <row r="497" spans="2:12" x14ac:dyDescent="0.45">
      <c r="B497" s="27">
        <v>2439.9522400000001</v>
      </c>
      <c r="C497" s="27">
        <v>124.293503</v>
      </c>
      <c r="E497" s="27">
        <v>2439.9522400000001</v>
      </c>
      <c r="F497" s="27">
        <v>115.532076</v>
      </c>
      <c r="H497" s="27">
        <v>2439.9522400000001</v>
      </c>
      <c r="I497" s="27">
        <v>109.05537699999999</v>
      </c>
      <c r="K497" s="27">
        <v>2439.9522400000001</v>
      </c>
      <c r="L497" s="27">
        <v>101.40476700000001</v>
      </c>
    </row>
    <row r="498" spans="2:12" x14ac:dyDescent="0.45">
      <c r="B498" s="27">
        <v>2441.8810560000002</v>
      </c>
      <c r="C498" s="27">
        <v>124.270245</v>
      </c>
      <c r="E498" s="27">
        <v>2441.8810560000002</v>
      </c>
      <c r="F498" s="27">
        <v>115.47240499999999</v>
      </c>
      <c r="H498" s="27">
        <v>2441.8810560000002</v>
      </c>
      <c r="I498" s="27">
        <v>109.03358299999999</v>
      </c>
      <c r="K498" s="27">
        <v>2441.8810560000002</v>
      </c>
      <c r="L498" s="27">
        <v>101.38019799999999</v>
      </c>
    </row>
    <row r="499" spans="2:12" x14ac:dyDescent="0.45">
      <c r="B499" s="27">
        <v>2443.8098719999998</v>
      </c>
      <c r="C499" s="27">
        <v>124.325115</v>
      </c>
      <c r="E499" s="27">
        <v>2443.8098719999998</v>
      </c>
      <c r="F499" s="27">
        <v>115.46738000000001</v>
      </c>
      <c r="H499" s="27">
        <v>2443.8098719999998</v>
      </c>
      <c r="I499" s="27">
        <v>109.02260800000001</v>
      </c>
      <c r="K499" s="27">
        <v>2443.8098719999998</v>
      </c>
      <c r="L499" s="27">
        <v>101.29513</v>
      </c>
    </row>
    <row r="500" spans="2:12" x14ac:dyDescent="0.45">
      <c r="B500" s="27">
        <v>2445.7386879999999</v>
      </c>
      <c r="C500" s="27">
        <v>124.358408</v>
      </c>
      <c r="E500" s="27">
        <v>2445.7386879999999</v>
      </c>
      <c r="F500" s="27">
        <v>115.477003</v>
      </c>
      <c r="H500" s="27">
        <v>2445.7386879999999</v>
      </c>
      <c r="I500" s="27">
        <v>109.013175</v>
      </c>
      <c r="K500" s="27">
        <v>2445.7386879999999</v>
      </c>
      <c r="L500" s="27">
        <v>101.25928399999999</v>
      </c>
    </row>
    <row r="501" spans="2:12" x14ac:dyDescent="0.45">
      <c r="B501" s="27">
        <v>2447.667504</v>
      </c>
      <c r="C501" s="27">
        <v>124.349977</v>
      </c>
      <c r="E501" s="27">
        <v>2447.667504</v>
      </c>
      <c r="F501" s="27">
        <v>115.48715900000001</v>
      </c>
      <c r="H501" s="27">
        <v>2447.667504</v>
      </c>
      <c r="I501" s="27">
        <v>108.97812</v>
      </c>
      <c r="K501" s="27">
        <v>2447.667504</v>
      </c>
      <c r="L501" s="27">
        <v>101.19147700000001</v>
      </c>
    </row>
    <row r="502" spans="2:12" x14ac:dyDescent="0.45">
      <c r="B502" s="27">
        <v>2449.5963200000001</v>
      </c>
      <c r="C502" s="27">
        <v>124.290429</v>
      </c>
      <c r="E502" s="27">
        <v>2449.5963200000001</v>
      </c>
      <c r="F502" s="27">
        <v>115.472977</v>
      </c>
      <c r="H502" s="27">
        <v>2449.5963200000001</v>
      </c>
      <c r="I502" s="27">
        <v>108.91352000000001</v>
      </c>
      <c r="K502" s="27">
        <v>2449.5963200000001</v>
      </c>
      <c r="L502" s="27">
        <v>101.173404</v>
      </c>
    </row>
    <row r="503" spans="2:12" x14ac:dyDescent="0.45">
      <c r="B503" s="27">
        <v>2451.5251360000002</v>
      </c>
      <c r="C503" s="27">
        <v>124.278566</v>
      </c>
      <c r="E503" s="27">
        <v>2451.5251360000002</v>
      </c>
      <c r="F503" s="27">
        <v>115.452675</v>
      </c>
      <c r="H503" s="27">
        <v>2451.5251360000002</v>
      </c>
      <c r="I503" s="27">
        <v>108.914776</v>
      </c>
      <c r="K503" s="27">
        <v>2451.5251360000002</v>
      </c>
      <c r="L503" s="27">
        <v>101.24349599999999</v>
      </c>
    </row>
    <row r="504" spans="2:12" x14ac:dyDescent="0.45">
      <c r="B504" s="27">
        <v>2453.4539519999998</v>
      </c>
      <c r="C504" s="27">
        <v>124.31614999999999</v>
      </c>
      <c r="E504" s="27">
        <v>2453.4539519999998</v>
      </c>
      <c r="F504" s="27">
        <v>115.42533400000001</v>
      </c>
      <c r="H504" s="27">
        <v>2453.4539519999998</v>
      </c>
      <c r="I504" s="27">
        <v>108.93344999999999</v>
      </c>
      <c r="K504" s="27">
        <v>2453.4539519999998</v>
      </c>
      <c r="L504" s="27">
        <v>101.176134</v>
      </c>
    </row>
    <row r="505" spans="2:12" x14ac:dyDescent="0.45">
      <c r="B505" s="27">
        <v>2455.3827679999999</v>
      </c>
      <c r="C505" s="27">
        <v>124.26549199999999</v>
      </c>
      <c r="E505" s="27">
        <v>2455.3827679999999</v>
      </c>
      <c r="F505" s="27">
        <v>115.44152099999999</v>
      </c>
      <c r="H505" s="27">
        <v>2455.3827679999999</v>
      </c>
      <c r="I505" s="27">
        <v>108.891863</v>
      </c>
      <c r="K505" s="27">
        <v>2455.3827679999999</v>
      </c>
      <c r="L505" s="27">
        <v>101.09084199999999</v>
      </c>
    </row>
    <row r="506" spans="2:12" x14ac:dyDescent="0.45">
      <c r="B506" s="27">
        <v>2457.311584</v>
      </c>
      <c r="C506" s="27">
        <v>124.27826</v>
      </c>
      <c r="E506" s="27">
        <v>2457.311584</v>
      </c>
      <c r="F506" s="27">
        <v>115.437256</v>
      </c>
      <c r="H506" s="27">
        <v>2457.311584</v>
      </c>
      <c r="I506" s="27">
        <v>108.848434</v>
      </c>
      <c r="K506" s="27">
        <v>2457.311584</v>
      </c>
      <c r="L506" s="27">
        <v>101.03639800000001</v>
      </c>
    </row>
    <row r="507" spans="2:12" x14ac:dyDescent="0.45">
      <c r="B507" s="27">
        <v>2459.2404000000001</v>
      </c>
      <c r="C507" s="27">
        <v>124.352412</v>
      </c>
      <c r="E507" s="27">
        <v>2459.2404000000001</v>
      </c>
      <c r="F507" s="27">
        <v>115.397811</v>
      </c>
      <c r="H507" s="27">
        <v>2459.2404000000001</v>
      </c>
      <c r="I507" s="27">
        <v>108.846542</v>
      </c>
      <c r="K507" s="27">
        <v>2459.2404000000001</v>
      </c>
      <c r="L507" s="27">
        <v>101.119687</v>
      </c>
    </row>
    <row r="508" spans="2:12" x14ac:dyDescent="0.45">
      <c r="B508" s="27">
        <v>2461.1692159999998</v>
      </c>
      <c r="C508" s="27">
        <v>124.319495</v>
      </c>
      <c r="E508" s="27">
        <v>2461.1692159999998</v>
      </c>
      <c r="F508" s="27">
        <v>115.384624</v>
      </c>
      <c r="H508" s="27">
        <v>2461.1692159999998</v>
      </c>
      <c r="I508" s="27">
        <v>108.86062800000001</v>
      </c>
      <c r="K508" s="27">
        <v>2461.1692159999998</v>
      </c>
      <c r="L508" s="27">
        <v>101.131416</v>
      </c>
    </row>
    <row r="509" spans="2:12" x14ac:dyDescent="0.45">
      <c r="B509" s="27">
        <v>2463.0980319999999</v>
      </c>
      <c r="C509" s="27">
        <v>124.204919</v>
      </c>
      <c r="E509" s="27">
        <v>2463.0980319999999</v>
      </c>
      <c r="F509" s="27">
        <v>115.362093</v>
      </c>
      <c r="H509" s="27">
        <v>2463.0980319999999</v>
      </c>
      <c r="I509" s="27">
        <v>108.867437</v>
      </c>
      <c r="K509" s="27">
        <v>2463.0980319999999</v>
      </c>
      <c r="L509" s="27">
        <v>101.11285599999999</v>
      </c>
    </row>
    <row r="510" spans="2:12" x14ac:dyDescent="0.45">
      <c r="B510" s="27">
        <v>2465.026848</v>
      </c>
      <c r="C510" s="27">
        <v>124.141733</v>
      </c>
      <c r="E510" s="27">
        <v>2465.026848</v>
      </c>
      <c r="F510" s="27">
        <v>115.351866</v>
      </c>
      <c r="H510" s="27">
        <v>2465.026848</v>
      </c>
      <c r="I510" s="27">
        <v>108.84473</v>
      </c>
      <c r="K510" s="27">
        <v>2465.026848</v>
      </c>
      <c r="L510" s="27">
        <v>101.105143</v>
      </c>
    </row>
    <row r="511" spans="2:12" x14ac:dyDescent="0.45">
      <c r="B511" s="27">
        <v>2466.9556640000001</v>
      </c>
      <c r="C511" s="27">
        <v>124.17019000000001</v>
      </c>
      <c r="E511" s="27">
        <v>2466.9556640000001</v>
      </c>
      <c r="F511" s="27">
        <v>115.31989299999999</v>
      </c>
      <c r="H511" s="27">
        <v>2466.9556640000001</v>
      </c>
      <c r="I511" s="27">
        <v>108.817189</v>
      </c>
      <c r="K511" s="27">
        <v>2466.9556640000001</v>
      </c>
      <c r="L511" s="27">
        <v>101.074572</v>
      </c>
    </row>
    <row r="512" spans="2:12" x14ac:dyDescent="0.45">
      <c r="B512" s="27">
        <v>2468.8844800000002</v>
      </c>
      <c r="C512" s="27">
        <v>124.208044</v>
      </c>
      <c r="E512" s="27">
        <v>2468.8844800000002</v>
      </c>
      <c r="F512" s="27">
        <v>115.262755</v>
      </c>
      <c r="H512" s="27">
        <v>2468.8844800000002</v>
      </c>
      <c r="I512" s="27">
        <v>108.804922</v>
      </c>
      <c r="K512" s="27">
        <v>2468.8844800000002</v>
      </c>
      <c r="L512" s="27">
        <v>101.01734</v>
      </c>
    </row>
    <row r="513" spans="2:12" x14ac:dyDescent="0.45">
      <c r="B513" s="27">
        <v>2470.8132959999998</v>
      </c>
      <c r="C513" s="27">
        <v>124.214947</v>
      </c>
      <c r="E513" s="27">
        <v>2470.8132959999998</v>
      </c>
      <c r="F513" s="27">
        <v>115.25303599999999</v>
      </c>
      <c r="H513" s="27">
        <v>2470.8132959999998</v>
      </c>
      <c r="I513" s="27">
        <v>108.833884</v>
      </c>
      <c r="K513" s="27">
        <v>2470.8132959999998</v>
      </c>
      <c r="L513" s="27">
        <v>101.078362</v>
      </c>
    </row>
    <row r="514" spans="2:12" x14ac:dyDescent="0.45">
      <c r="B514" s="27">
        <v>2472.7421119999999</v>
      </c>
      <c r="C514" s="27">
        <v>124.187246</v>
      </c>
      <c r="E514" s="27">
        <v>2472.7421119999999</v>
      </c>
      <c r="F514" s="27">
        <v>115.27022100000001</v>
      </c>
      <c r="H514" s="27">
        <v>2472.7421119999999</v>
      </c>
      <c r="I514" s="27">
        <v>108.77106499999999</v>
      </c>
      <c r="K514" s="27">
        <v>2472.7421119999999</v>
      </c>
      <c r="L514" s="27">
        <v>101.07844900000001</v>
      </c>
    </row>
    <row r="515" spans="2:12" x14ac:dyDescent="0.45">
      <c r="B515" s="27">
        <v>2474.670928</v>
      </c>
      <c r="C515" s="27">
        <v>124.14400500000001</v>
      </c>
      <c r="E515" s="27">
        <v>2474.670928</v>
      </c>
      <c r="F515" s="27">
        <v>115.268216</v>
      </c>
      <c r="H515" s="27">
        <v>2474.670928</v>
      </c>
      <c r="I515" s="27">
        <v>108.70122600000001</v>
      </c>
      <c r="K515" s="27">
        <v>2474.670928</v>
      </c>
      <c r="L515" s="27">
        <v>100.941722</v>
      </c>
    </row>
    <row r="516" spans="2:12" x14ac:dyDescent="0.45">
      <c r="B516" s="27">
        <v>2476.5997440000001</v>
      </c>
      <c r="C516" s="27">
        <v>124.112872</v>
      </c>
      <c r="E516" s="27">
        <v>2476.5997440000001</v>
      </c>
      <c r="F516" s="27">
        <v>115.241981</v>
      </c>
      <c r="H516" s="27">
        <v>2476.5997440000001</v>
      </c>
      <c r="I516" s="27">
        <v>108.668063</v>
      </c>
      <c r="K516" s="27">
        <v>2476.5997440000001</v>
      </c>
      <c r="L516" s="27">
        <v>100.967518</v>
      </c>
    </row>
    <row r="517" spans="2:12" x14ac:dyDescent="0.45">
      <c r="B517" s="27">
        <v>2478.5285600000002</v>
      </c>
      <c r="C517" s="27">
        <v>124.1426</v>
      </c>
      <c r="E517" s="27">
        <v>2478.5285600000002</v>
      </c>
      <c r="F517" s="27">
        <v>115.268907</v>
      </c>
      <c r="H517" s="27">
        <v>2478.5285600000002</v>
      </c>
      <c r="I517" s="27">
        <v>108.66580999999999</v>
      </c>
      <c r="K517" s="27">
        <v>2478.5285600000002</v>
      </c>
      <c r="L517" s="27">
        <v>101.01423699999999</v>
      </c>
    </row>
    <row r="518" spans="2:12" x14ac:dyDescent="0.45">
      <c r="B518" s="27">
        <v>2480.4573759999998</v>
      </c>
      <c r="C518" s="27">
        <v>124.180841</v>
      </c>
      <c r="E518" s="27">
        <v>2480.4573759999998</v>
      </c>
      <c r="F518" s="27">
        <v>115.260999</v>
      </c>
      <c r="H518" s="27">
        <v>2480.4573759999998</v>
      </c>
      <c r="I518" s="27">
        <v>108.675899</v>
      </c>
      <c r="K518" s="27">
        <v>2480.4573759999998</v>
      </c>
      <c r="L518" s="27">
        <v>100.960013</v>
      </c>
    </row>
    <row r="519" spans="2:12" x14ac:dyDescent="0.45">
      <c r="B519" s="27">
        <v>2482.3861919999999</v>
      </c>
      <c r="C519" s="27">
        <v>124.13288300000001</v>
      </c>
      <c r="E519" s="27">
        <v>2482.3861919999999</v>
      </c>
      <c r="F519" s="27">
        <v>115.19256300000001</v>
      </c>
      <c r="H519" s="27">
        <v>2482.3861919999999</v>
      </c>
      <c r="I519" s="27">
        <v>108.695503</v>
      </c>
      <c r="K519" s="27">
        <v>2482.3861919999999</v>
      </c>
      <c r="L519" s="27">
        <v>100.896174</v>
      </c>
    </row>
    <row r="520" spans="2:12" x14ac:dyDescent="0.45">
      <c r="B520" s="27">
        <v>2484.315008</v>
      </c>
      <c r="C520" s="27">
        <v>124.071944</v>
      </c>
      <c r="E520" s="27">
        <v>2484.315008</v>
      </c>
      <c r="F520" s="27">
        <v>115.161714</v>
      </c>
      <c r="H520" s="27">
        <v>2484.315008</v>
      </c>
      <c r="I520" s="27">
        <v>108.639055</v>
      </c>
      <c r="K520" s="27">
        <v>2484.315008</v>
      </c>
      <c r="L520" s="27">
        <v>100.819658</v>
      </c>
    </row>
    <row r="521" spans="2:12" x14ac:dyDescent="0.45">
      <c r="B521" s="27">
        <v>2486.2438240000001</v>
      </c>
      <c r="C521" s="27">
        <v>124.073215</v>
      </c>
      <c r="E521" s="27">
        <v>2486.2438240000001</v>
      </c>
      <c r="F521" s="27">
        <v>115.25203</v>
      </c>
      <c r="H521" s="27">
        <v>2486.2438240000001</v>
      </c>
      <c r="I521" s="27">
        <v>108.628518</v>
      </c>
      <c r="K521" s="27">
        <v>2486.2438240000001</v>
      </c>
      <c r="L521" s="27">
        <v>100.78884100000001</v>
      </c>
    </row>
    <row r="522" spans="2:12" x14ac:dyDescent="0.45">
      <c r="B522" s="27">
        <v>2488.1726399999998</v>
      </c>
      <c r="C522" s="27">
        <v>124.095792</v>
      </c>
      <c r="E522" s="27">
        <v>2488.1726399999998</v>
      </c>
      <c r="F522" s="27">
        <v>115.333753</v>
      </c>
      <c r="H522" s="27">
        <v>2488.1726399999998</v>
      </c>
      <c r="I522" s="27">
        <v>108.636461</v>
      </c>
      <c r="K522" s="27">
        <v>2488.1726399999998</v>
      </c>
      <c r="L522" s="27">
        <v>100.822642</v>
      </c>
    </row>
    <row r="523" spans="2:12" x14ac:dyDescent="0.45">
      <c r="B523" s="27">
        <v>2490.1014559999999</v>
      </c>
      <c r="C523" s="27">
        <v>124.05230400000001</v>
      </c>
      <c r="E523" s="27">
        <v>2490.1014559999999</v>
      </c>
      <c r="F523" s="27">
        <v>115.291391</v>
      </c>
      <c r="H523" s="27">
        <v>2490.1014559999999</v>
      </c>
      <c r="I523" s="27">
        <v>108.60491399999999</v>
      </c>
      <c r="K523" s="27">
        <v>2490.1014559999999</v>
      </c>
      <c r="L523" s="27">
        <v>100.813621</v>
      </c>
    </row>
    <row r="524" spans="2:12" x14ac:dyDescent="0.45">
      <c r="B524" s="27">
        <v>2492.030272</v>
      </c>
      <c r="C524" s="27">
        <v>124.023375</v>
      </c>
      <c r="E524" s="27">
        <v>2492.030272</v>
      </c>
      <c r="F524" s="27">
        <v>115.176393</v>
      </c>
      <c r="H524" s="27">
        <v>2492.030272</v>
      </c>
      <c r="I524" s="27">
        <v>108.54338300000001</v>
      </c>
      <c r="K524" s="27">
        <v>2492.030272</v>
      </c>
      <c r="L524" s="27">
        <v>100.790001</v>
      </c>
    </row>
    <row r="525" spans="2:12" x14ac:dyDescent="0.45">
      <c r="B525" s="27">
        <v>2493.9590880000001</v>
      </c>
      <c r="C525" s="27">
        <v>124.051733</v>
      </c>
      <c r="E525" s="27">
        <v>2493.9590880000001</v>
      </c>
      <c r="F525" s="27">
        <v>115.14787099999999</v>
      </c>
      <c r="H525" s="27">
        <v>2493.9590880000001</v>
      </c>
      <c r="I525" s="27">
        <v>108.525369</v>
      </c>
      <c r="K525" s="27">
        <v>2493.9590880000001</v>
      </c>
      <c r="L525" s="27">
        <v>100.773701</v>
      </c>
    </row>
    <row r="526" spans="2:12" x14ac:dyDescent="0.45">
      <c r="B526" s="27">
        <v>2495.8879040000002</v>
      </c>
      <c r="C526" s="27">
        <v>124.09928499999999</v>
      </c>
      <c r="E526" s="27">
        <v>2495.8879040000002</v>
      </c>
      <c r="F526" s="27">
        <v>115.108436</v>
      </c>
      <c r="H526" s="27">
        <v>2495.8879040000002</v>
      </c>
      <c r="I526" s="27">
        <v>108.543269</v>
      </c>
      <c r="K526" s="27">
        <v>2495.8879040000002</v>
      </c>
      <c r="L526" s="27">
        <v>100.67028500000001</v>
      </c>
    </row>
    <row r="527" spans="2:12" x14ac:dyDescent="0.45">
      <c r="B527" s="27">
        <v>2497.8167199999998</v>
      </c>
      <c r="C527" s="27">
        <v>124.06105700000001</v>
      </c>
      <c r="E527" s="27">
        <v>2497.8167199999998</v>
      </c>
      <c r="F527" s="27">
        <v>115.106779</v>
      </c>
      <c r="H527" s="27">
        <v>2497.8167199999998</v>
      </c>
      <c r="I527" s="27">
        <v>108.568079</v>
      </c>
      <c r="K527" s="27">
        <v>2497.8167199999998</v>
      </c>
      <c r="L527" s="27">
        <v>100.703672</v>
      </c>
    </row>
    <row r="528" spans="2:12" x14ac:dyDescent="0.45">
      <c r="B528" s="27">
        <v>2499.7455359999999</v>
      </c>
      <c r="C528" s="27">
        <v>123.988613</v>
      </c>
      <c r="E528" s="27">
        <v>2499.7455359999999</v>
      </c>
      <c r="F528" s="27">
        <v>115.19138700000001</v>
      </c>
      <c r="H528" s="27">
        <v>2499.7455359999999</v>
      </c>
      <c r="I528" s="27">
        <v>108.513419</v>
      </c>
      <c r="K528" s="27">
        <v>2499.7455359999999</v>
      </c>
      <c r="L528" s="27">
        <v>100.8164</v>
      </c>
    </row>
    <row r="529" spans="2:12" x14ac:dyDescent="0.45">
      <c r="B529" s="27">
        <v>2501.674352</v>
      </c>
      <c r="C529" s="27">
        <v>123.943578</v>
      </c>
      <c r="E529" s="27">
        <v>2501.674352</v>
      </c>
      <c r="F529" s="27">
        <v>115.179838</v>
      </c>
      <c r="H529" s="27">
        <v>2501.674352</v>
      </c>
      <c r="I529" s="27">
        <v>108.521827</v>
      </c>
      <c r="K529" s="27">
        <v>2501.674352</v>
      </c>
      <c r="L529" s="27">
        <v>100.746876</v>
      </c>
    </row>
    <row r="530" spans="2:12" x14ac:dyDescent="0.45">
      <c r="B530" s="27">
        <v>2503.6031680000001</v>
      </c>
      <c r="C530" s="27">
        <v>123.959159</v>
      </c>
      <c r="E530" s="27">
        <v>2503.6031680000001</v>
      </c>
      <c r="F530" s="27">
        <v>115.105851</v>
      </c>
      <c r="H530" s="27">
        <v>2503.6031680000001</v>
      </c>
      <c r="I530" s="27">
        <v>108.534976</v>
      </c>
      <c r="K530" s="27">
        <v>2503.6031680000001</v>
      </c>
      <c r="L530" s="27">
        <v>100.72382899999999</v>
      </c>
    </row>
    <row r="531" spans="2:12" x14ac:dyDescent="0.45">
      <c r="B531" s="27">
        <v>2505.5319840000002</v>
      </c>
      <c r="C531" s="27">
        <v>123.99410899999999</v>
      </c>
      <c r="E531" s="27">
        <v>2505.5319840000002</v>
      </c>
      <c r="F531" s="27">
        <v>115.067744</v>
      </c>
      <c r="H531" s="27">
        <v>2505.5319840000002</v>
      </c>
      <c r="I531" s="27">
        <v>108.540806</v>
      </c>
      <c r="K531" s="27">
        <v>2505.5319840000002</v>
      </c>
      <c r="L531" s="27">
        <v>100.732384</v>
      </c>
    </row>
    <row r="532" spans="2:12" x14ac:dyDescent="0.45">
      <c r="B532" s="27">
        <v>2507.4607999999998</v>
      </c>
      <c r="C532" s="27">
        <v>123.86027300000001</v>
      </c>
      <c r="E532" s="27">
        <v>2507.4607999999998</v>
      </c>
      <c r="F532" s="27">
        <v>115.029653</v>
      </c>
      <c r="H532" s="27">
        <v>2507.4607999999998</v>
      </c>
      <c r="I532" s="27">
        <v>108.526325</v>
      </c>
      <c r="K532" s="27">
        <v>2507.4607999999998</v>
      </c>
      <c r="L532" s="27">
        <v>100.71832999999999</v>
      </c>
    </row>
    <row r="533" spans="2:12" x14ac:dyDescent="0.45">
      <c r="B533" s="27">
        <v>2509.3896159999999</v>
      </c>
      <c r="C533" s="27">
        <v>123.876529</v>
      </c>
      <c r="E533" s="27">
        <v>2509.3896159999999</v>
      </c>
      <c r="F533" s="27">
        <v>115.011629</v>
      </c>
      <c r="H533" s="27">
        <v>2509.3896159999999</v>
      </c>
      <c r="I533" s="27">
        <v>108.58265299999999</v>
      </c>
      <c r="K533" s="27">
        <v>2509.3896159999999</v>
      </c>
      <c r="L533" s="27">
        <v>100.728869</v>
      </c>
    </row>
    <row r="534" spans="2:12" x14ac:dyDescent="0.45">
      <c r="B534" s="27">
        <v>2511.318432</v>
      </c>
      <c r="C534" s="27">
        <v>123.86272700000001</v>
      </c>
      <c r="E534" s="27">
        <v>2511.318432</v>
      </c>
      <c r="F534" s="27">
        <v>115.005743</v>
      </c>
      <c r="H534" s="27">
        <v>2511.318432</v>
      </c>
      <c r="I534" s="27">
        <v>108.537609</v>
      </c>
      <c r="K534" s="27">
        <v>2511.318432</v>
      </c>
      <c r="L534" s="27">
        <v>100.701913</v>
      </c>
    </row>
    <row r="535" spans="2:12" x14ac:dyDescent="0.45">
      <c r="B535" s="27">
        <v>2513.2472480000001</v>
      </c>
      <c r="C535" s="27">
        <v>123.870711</v>
      </c>
      <c r="E535" s="27">
        <v>2513.2472480000001</v>
      </c>
      <c r="F535" s="27">
        <v>115.003095</v>
      </c>
      <c r="H535" s="27">
        <v>2513.2472480000001</v>
      </c>
      <c r="I535" s="27">
        <v>108.45806899999999</v>
      </c>
      <c r="K535" s="27">
        <v>2513.2472480000001</v>
      </c>
      <c r="L535" s="27">
        <v>100.660213</v>
      </c>
    </row>
    <row r="536" spans="2:12" x14ac:dyDescent="0.45">
      <c r="B536" s="27">
        <v>2515.1760640000002</v>
      </c>
      <c r="C536" s="27">
        <v>123.91291099999999</v>
      </c>
      <c r="E536" s="27">
        <v>2515.1760640000002</v>
      </c>
      <c r="F536" s="27">
        <v>114.963812</v>
      </c>
      <c r="H536" s="27">
        <v>2515.1760640000002</v>
      </c>
      <c r="I536" s="27">
        <v>108.452369</v>
      </c>
      <c r="K536" s="27">
        <v>2515.1760640000002</v>
      </c>
      <c r="L536" s="27">
        <v>100.613325</v>
      </c>
    </row>
    <row r="537" spans="2:12" x14ac:dyDescent="0.45">
      <c r="B537" s="27">
        <v>2517.1048799999999</v>
      </c>
      <c r="C537" s="27">
        <v>123.96527500000001</v>
      </c>
      <c r="E537" s="27">
        <v>2517.1048799999999</v>
      </c>
      <c r="F537" s="27">
        <v>114.980642</v>
      </c>
      <c r="H537" s="27">
        <v>2517.1048799999999</v>
      </c>
      <c r="I537" s="27">
        <v>108.37844</v>
      </c>
      <c r="K537" s="27">
        <v>2517.1048799999999</v>
      </c>
      <c r="L537" s="27">
        <v>100.541687</v>
      </c>
    </row>
    <row r="538" spans="2:12" x14ac:dyDescent="0.45">
      <c r="B538" s="27">
        <v>2519.033696</v>
      </c>
      <c r="C538" s="27">
        <v>123.92035199999999</v>
      </c>
      <c r="E538" s="27">
        <v>2519.033696</v>
      </c>
      <c r="F538" s="27">
        <v>114.99668699999999</v>
      </c>
      <c r="H538" s="27">
        <v>2519.033696</v>
      </c>
      <c r="I538" s="27">
        <v>108.282892</v>
      </c>
      <c r="K538" s="27">
        <v>2519.033696</v>
      </c>
      <c r="L538" s="27">
        <v>100.54385499999999</v>
      </c>
    </row>
    <row r="539" spans="2:12" x14ac:dyDescent="0.45">
      <c r="B539" s="27">
        <v>2520.9625120000001</v>
      </c>
      <c r="C539" s="27">
        <v>123.759467</v>
      </c>
      <c r="E539" s="27">
        <v>2520.9625120000001</v>
      </c>
      <c r="F539" s="27">
        <v>114.982482</v>
      </c>
      <c r="H539" s="27">
        <v>2520.9625120000001</v>
      </c>
      <c r="I539" s="27">
        <v>108.268996</v>
      </c>
      <c r="K539" s="27">
        <v>2520.9625120000001</v>
      </c>
      <c r="L539" s="27">
        <v>100.584411</v>
      </c>
    </row>
    <row r="540" spans="2:12" x14ac:dyDescent="0.45">
      <c r="B540" s="27">
        <v>2522.8913280000002</v>
      </c>
      <c r="C540" s="27">
        <v>123.68606200000001</v>
      </c>
      <c r="E540" s="27">
        <v>2522.8913280000002</v>
      </c>
      <c r="F540" s="27">
        <v>114.945452</v>
      </c>
      <c r="H540" s="27">
        <v>2522.8913280000002</v>
      </c>
      <c r="I540" s="27">
        <v>108.31176499999999</v>
      </c>
      <c r="K540" s="27">
        <v>2522.8913280000002</v>
      </c>
      <c r="L540" s="27">
        <v>100.58747200000001</v>
      </c>
    </row>
    <row r="541" spans="2:12" x14ac:dyDescent="0.45">
      <c r="B541" s="27">
        <v>2524.8201439999998</v>
      </c>
      <c r="C541" s="27">
        <v>123.75915500000001</v>
      </c>
      <c r="E541" s="27">
        <v>2524.8201439999998</v>
      </c>
      <c r="F541" s="27">
        <v>114.94166300000001</v>
      </c>
      <c r="H541" s="27">
        <v>2524.8201439999998</v>
      </c>
      <c r="I541" s="27">
        <v>108.32436199999999</v>
      </c>
      <c r="K541" s="27">
        <v>2524.8201439999998</v>
      </c>
      <c r="L541" s="27">
        <v>100.582669</v>
      </c>
    </row>
    <row r="542" spans="2:12" x14ac:dyDescent="0.45">
      <c r="B542" s="27">
        <v>2526.7489599999999</v>
      </c>
      <c r="C542" s="27">
        <v>123.857041</v>
      </c>
      <c r="E542" s="27">
        <v>2526.7489599999999</v>
      </c>
      <c r="F542" s="27">
        <v>114.93346200000001</v>
      </c>
      <c r="H542" s="27">
        <v>2526.7489599999999</v>
      </c>
      <c r="I542" s="27">
        <v>108.30579</v>
      </c>
      <c r="K542" s="27">
        <v>2526.7489599999999</v>
      </c>
      <c r="L542" s="27">
        <v>100.591641</v>
      </c>
    </row>
    <row r="543" spans="2:12" x14ac:dyDescent="0.45">
      <c r="B543" s="27">
        <v>2528.677776</v>
      </c>
      <c r="C543" s="27">
        <v>123.824612</v>
      </c>
      <c r="E543" s="27">
        <v>2528.677776</v>
      </c>
      <c r="F543" s="27">
        <v>114.92874399999999</v>
      </c>
      <c r="H543" s="27">
        <v>2528.677776</v>
      </c>
      <c r="I543" s="27">
        <v>108.28291</v>
      </c>
      <c r="K543" s="27">
        <v>2528.677776</v>
      </c>
      <c r="L543" s="27">
        <v>100.576853</v>
      </c>
    </row>
    <row r="544" spans="2:12" x14ac:dyDescent="0.45">
      <c r="B544" s="27">
        <v>2530.6065920000001</v>
      </c>
      <c r="C544" s="27">
        <v>123.763074</v>
      </c>
      <c r="E544" s="27">
        <v>2530.6065920000001</v>
      </c>
      <c r="F544" s="27">
        <v>114.917666</v>
      </c>
      <c r="H544" s="27">
        <v>2530.6065920000001</v>
      </c>
      <c r="I544" s="27">
        <v>108.294583</v>
      </c>
      <c r="K544" s="27">
        <v>2530.6065920000001</v>
      </c>
      <c r="L544" s="27">
        <v>100.508742</v>
      </c>
    </row>
    <row r="545" spans="2:12" x14ac:dyDescent="0.45">
      <c r="B545" s="27">
        <v>2532.5354080000002</v>
      </c>
      <c r="C545" s="27">
        <v>123.776203</v>
      </c>
      <c r="E545" s="27">
        <v>2532.5354080000002</v>
      </c>
      <c r="F545" s="27">
        <v>114.893585</v>
      </c>
      <c r="H545" s="27">
        <v>2532.5354080000002</v>
      </c>
      <c r="I545" s="27">
        <v>108.270281</v>
      </c>
      <c r="K545" s="27">
        <v>2532.5354080000002</v>
      </c>
      <c r="L545" s="27">
        <v>100.49744800000001</v>
      </c>
    </row>
    <row r="546" spans="2:12" x14ac:dyDescent="0.45">
      <c r="B546" s="27">
        <v>2534.4642239999998</v>
      </c>
      <c r="C546" s="27">
        <v>123.68944399999999</v>
      </c>
      <c r="E546" s="27">
        <v>2534.4642239999998</v>
      </c>
      <c r="F546" s="27">
        <v>114.893443</v>
      </c>
      <c r="H546" s="27">
        <v>2534.4642239999998</v>
      </c>
      <c r="I546" s="27">
        <v>108.232535</v>
      </c>
      <c r="K546" s="27">
        <v>2534.4642239999998</v>
      </c>
      <c r="L546" s="27">
        <v>100.50226000000001</v>
      </c>
    </row>
    <row r="547" spans="2:12" x14ac:dyDescent="0.45">
      <c r="B547" s="27">
        <v>2536.3930399999999</v>
      </c>
      <c r="C547" s="27">
        <v>123.62312799999999</v>
      </c>
      <c r="E547" s="27">
        <v>2536.3930399999999</v>
      </c>
      <c r="F547" s="27">
        <v>114.856887</v>
      </c>
      <c r="H547" s="27">
        <v>2536.3930399999999</v>
      </c>
      <c r="I547" s="27">
        <v>108.22721199999999</v>
      </c>
      <c r="K547" s="27">
        <v>2536.3930399999999</v>
      </c>
      <c r="L547" s="27">
        <v>100.49346799999999</v>
      </c>
    </row>
    <row r="548" spans="2:12" x14ac:dyDescent="0.45">
      <c r="B548" s="27">
        <v>2538.321856</v>
      </c>
      <c r="C548" s="27">
        <v>123.692821</v>
      </c>
      <c r="E548" s="27">
        <v>2538.321856</v>
      </c>
      <c r="F548" s="27">
        <v>114.780463</v>
      </c>
      <c r="H548" s="27">
        <v>2538.321856</v>
      </c>
      <c r="I548" s="27">
        <v>108.173118</v>
      </c>
      <c r="K548" s="27">
        <v>2538.321856</v>
      </c>
      <c r="L548" s="27">
        <v>100.43397299999999</v>
      </c>
    </row>
    <row r="549" spans="2:12" x14ac:dyDescent="0.45">
      <c r="B549" s="27">
        <v>2540.2506720000001</v>
      </c>
      <c r="C549" s="27">
        <v>123.799526</v>
      </c>
      <c r="E549" s="27">
        <v>2540.2506720000001</v>
      </c>
      <c r="F549" s="27">
        <v>114.798046</v>
      </c>
      <c r="H549" s="27">
        <v>2540.2506720000001</v>
      </c>
      <c r="I549" s="27">
        <v>108.101907</v>
      </c>
      <c r="K549" s="27">
        <v>2540.2506720000001</v>
      </c>
      <c r="L549" s="27">
        <v>100.403768</v>
      </c>
    </row>
    <row r="550" spans="2:12" x14ac:dyDescent="0.45">
      <c r="B550" s="27">
        <v>2542.1794880000002</v>
      </c>
      <c r="C550" s="27">
        <v>123.76005600000001</v>
      </c>
      <c r="E550" s="27">
        <v>2542.1794880000002</v>
      </c>
      <c r="F550" s="27">
        <v>114.81803499999999</v>
      </c>
      <c r="H550" s="27">
        <v>2542.1794880000002</v>
      </c>
      <c r="I550" s="27">
        <v>108.068983</v>
      </c>
      <c r="K550" s="27">
        <v>2542.1794880000002</v>
      </c>
      <c r="L550" s="27">
        <v>100.343568</v>
      </c>
    </row>
    <row r="551" spans="2:12" x14ac:dyDescent="0.45">
      <c r="B551" s="27">
        <v>2544.1083039999999</v>
      </c>
      <c r="C551" s="27">
        <v>123.69869199999999</v>
      </c>
      <c r="E551" s="27">
        <v>2544.1083039999999</v>
      </c>
      <c r="F551" s="27">
        <v>114.78958</v>
      </c>
      <c r="H551" s="27">
        <v>2544.1083039999999</v>
      </c>
      <c r="I551" s="27">
        <v>108.115883</v>
      </c>
      <c r="K551" s="27">
        <v>2544.1083039999999</v>
      </c>
      <c r="L551" s="27">
        <v>100.279465</v>
      </c>
    </row>
    <row r="552" spans="2:12" x14ac:dyDescent="0.45">
      <c r="B552" s="27">
        <v>2546.03712</v>
      </c>
      <c r="C552" s="27">
        <v>123.712915</v>
      </c>
      <c r="E552" s="27">
        <v>2546.03712</v>
      </c>
      <c r="F552" s="27">
        <v>114.86377899999999</v>
      </c>
      <c r="H552" s="27">
        <v>2546.03712</v>
      </c>
      <c r="I552" s="27">
        <v>108.13021999999999</v>
      </c>
      <c r="K552" s="27">
        <v>2546.03712</v>
      </c>
      <c r="L552" s="27">
        <v>100.23131100000001</v>
      </c>
    </row>
    <row r="553" spans="2:12" x14ac:dyDescent="0.45">
      <c r="B553" s="27">
        <v>2547.9659360000001</v>
      </c>
      <c r="C553" s="27">
        <v>123.616478</v>
      </c>
      <c r="E553" s="27">
        <v>2547.9659360000001</v>
      </c>
      <c r="F553" s="27">
        <v>114.89153</v>
      </c>
      <c r="H553" s="27">
        <v>2547.9659360000001</v>
      </c>
      <c r="I553" s="27">
        <v>108.075767</v>
      </c>
      <c r="K553" s="27">
        <v>2547.9659360000001</v>
      </c>
      <c r="L553" s="27">
        <v>100.218239</v>
      </c>
    </row>
    <row r="554" spans="2:12" x14ac:dyDescent="0.45">
      <c r="B554" s="27">
        <v>2549.8947520000002</v>
      </c>
      <c r="C554" s="27">
        <v>123.54105</v>
      </c>
      <c r="E554" s="27">
        <v>2549.8947520000002</v>
      </c>
      <c r="F554" s="27">
        <v>114.79101300000001</v>
      </c>
      <c r="H554" s="27">
        <v>2549.8947520000002</v>
      </c>
      <c r="I554" s="27">
        <v>108.01762600000001</v>
      </c>
      <c r="K554" s="27">
        <v>2549.8947520000002</v>
      </c>
      <c r="L554" s="27">
        <v>100.24032699999999</v>
      </c>
    </row>
    <row r="555" spans="2:12" x14ac:dyDescent="0.45">
      <c r="B555" s="27">
        <v>2551.8235679999998</v>
      </c>
      <c r="C555" s="27">
        <v>123.56156900000001</v>
      </c>
      <c r="E555" s="27">
        <v>2551.8235679999998</v>
      </c>
      <c r="F555" s="27">
        <v>114.727692</v>
      </c>
      <c r="H555" s="27">
        <v>2551.8235679999998</v>
      </c>
      <c r="I555" s="27">
        <v>107.967124</v>
      </c>
      <c r="K555" s="27">
        <v>2551.8235679999998</v>
      </c>
      <c r="L555" s="27">
        <v>100.266808</v>
      </c>
    </row>
    <row r="556" spans="2:12" x14ac:dyDescent="0.45">
      <c r="B556" s="27">
        <v>2553.7523839999999</v>
      </c>
      <c r="C556" s="27">
        <v>123.562331</v>
      </c>
      <c r="E556" s="27">
        <v>2553.7523839999999</v>
      </c>
      <c r="F556" s="27">
        <v>114.70802500000001</v>
      </c>
      <c r="H556" s="27">
        <v>2553.7523839999999</v>
      </c>
      <c r="I556" s="27">
        <v>107.95698899999999</v>
      </c>
      <c r="K556" s="27">
        <v>2553.7523839999999</v>
      </c>
      <c r="L556" s="27">
        <v>100.26137</v>
      </c>
    </row>
    <row r="557" spans="2:12" x14ac:dyDescent="0.45">
      <c r="B557" s="27">
        <v>2555.6812</v>
      </c>
      <c r="C557" s="27">
        <v>123.557716</v>
      </c>
      <c r="E557" s="27">
        <v>2555.6812</v>
      </c>
      <c r="F557" s="27">
        <v>114.69417799999999</v>
      </c>
      <c r="H557" s="27">
        <v>2555.6812</v>
      </c>
      <c r="I557" s="27">
        <v>107.9862</v>
      </c>
      <c r="K557" s="27">
        <v>2555.6812</v>
      </c>
      <c r="L557" s="27">
        <v>100.203005</v>
      </c>
    </row>
    <row r="558" spans="2:12" x14ac:dyDescent="0.45">
      <c r="B558" s="27">
        <v>2557.6100160000001</v>
      </c>
      <c r="C558" s="27">
        <v>123.578872</v>
      </c>
      <c r="E558" s="27">
        <v>2557.6100160000001</v>
      </c>
      <c r="F558" s="27">
        <v>114.728182</v>
      </c>
      <c r="H558" s="27">
        <v>2557.6100160000001</v>
      </c>
      <c r="I558" s="27">
        <v>107.98100100000001</v>
      </c>
      <c r="K558" s="27">
        <v>2557.6100160000001</v>
      </c>
      <c r="L558" s="27">
        <v>100.14648699999999</v>
      </c>
    </row>
    <row r="559" spans="2:12" x14ac:dyDescent="0.45">
      <c r="B559" s="27">
        <v>2559.5388320000002</v>
      </c>
      <c r="C559" s="27">
        <v>123.605284</v>
      </c>
      <c r="E559" s="27">
        <v>2559.5388320000002</v>
      </c>
      <c r="F559" s="27">
        <v>114.70848599999999</v>
      </c>
      <c r="H559" s="27">
        <v>2559.5388320000002</v>
      </c>
      <c r="I559" s="27">
        <v>107.95080299999999</v>
      </c>
      <c r="K559" s="27">
        <v>2559.5388320000002</v>
      </c>
      <c r="L559" s="27">
        <v>100.13184099999999</v>
      </c>
    </row>
    <row r="560" spans="2:12" x14ac:dyDescent="0.45">
      <c r="B560" s="27">
        <v>2561.4676479999998</v>
      </c>
      <c r="C560" s="27">
        <v>123.570132</v>
      </c>
      <c r="E560" s="27">
        <v>2561.4676479999998</v>
      </c>
      <c r="F560" s="27">
        <v>114.665413</v>
      </c>
      <c r="H560" s="27">
        <v>2561.4676479999998</v>
      </c>
      <c r="I560" s="27">
        <v>107.90949000000001</v>
      </c>
      <c r="K560" s="27">
        <v>2561.4676479999998</v>
      </c>
      <c r="L560" s="27">
        <v>100.14667900000001</v>
      </c>
    </row>
    <row r="561" spans="2:12" x14ac:dyDescent="0.45">
      <c r="B561" s="27">
        <v>2563.3964639999999</v>
      </c>
      <c r="C561" s="27">
        <v>123.51647</v>
      </c>
      <c r="E561" s="27">
        <v>2563.3964639999999</v>
      </c>
      <c r="F561" s="27">
        <v>114.68706400000001</v>
      </c>
      <c r="H561" s="27">
        <v>2563.3964639999999</v>
      </c>
      <c r="I561" s="27">
        <v>107.899624</v>
      </c>
      <c r="K561" s="27">
        <v>2563.3964639999999</v>
      </c>
      <c r="L561" s="27">
        <v>100.181074</v>
      </c>
    </row>
    <row r="562" spans="2:12" x14ac:dyDescent="0.45">
      <c r="B562" s="27">
        <v>2565.32528</v>
      </c>
      <c r="C562" s="27">
        <v>123.490714</v>
      </c>
      <c r="E562" s="27">
        <v>2565.32528</v>
      </c>
      <c r="F562" s="27">
        <v>114.729505</v>
      </c>
      <c r="H562" s="27">
        <v>2565.32528</v>
      </c>
      <c r="I562" s="27">
        <v>107.838578</v>
      </c>
      <c r="K562" s="27">
        <v>2565.32528</v>
      </c>
      <c r="L562" s="27">
        <v>100.191068</v>
      </c>
    </row>
    <row r="563" spans="2:12" x14ac:dyDescent="0.45">
      <c r="B563" s="27">
        <v>2567.2540960000001</v>
      </c>
      <c r="C563" s="27">
        <v>123.493021</v>
      </c>
      <c r="E563" s="27">
        <v>2567.2540960000001</v>
      </c>
      <c r="F563" s="27">
        <v>114.686227</v>
      </c>
      <c r="H563" s="27">
        <v>2567.2540960000001</v>
      </c>
      <c r="I563" s="27">
        <v>107.78951600000001</v>
      </c>
      <c r="K563" s="27">
        <v>2567.2540960000001</v>
      </c>
      <c r="L563" s="27">
        <v>100.21949600000001</v>
      </c>
    </row>
    <row r="564" spans="2:12" x14ac:dyDescent="0.45">
      <c r="B564" s="27">
        <v>2569.1829120000002</v>
      </c>
      <c r="C564" s="27">
        <v>123.55122799999999</v>
      </c>
      <c r="E564" s="27">
        <v>2569.1829120000002</v>
      </c>
      <c r="F564" s="27">
        <v>114.62913399999999</v>
      </c>
      <c r="H564" s="27">
        <v>2569.1829120000002</v>
      </c>
      <c r="I564" s="27">
        <v>107.868684</v>
      </c>
      <c r="K564" s="27">
        <v>2569.1829120000002</v>
      </c>
      <c r="L564" s="27">
        <v>100.226361</v>
      </c>
    </row>
    <row r="565" spans="2:12" x14ac:dyDescent="0.45">
      <c r="B565" s="27">
        <v>2571.1117279999999</v>
      </c>
      <c r="C565" s="27">
        <v>123.57253900000001</v>
      </c>
      <c r="E565" s="27">
        <v>2571.1117279999999</v>
      </c>
      <c r="F565" s="27">
        <v>114.642381</v>
      </c>
      <c r="H565" s="27">
        <v>2571.1117279999999</v>
      </c>
      <c r="I565" s="27">
        <v>107.919077</v>
      </c>
      <c r="K565" s="27">
        <v>2571.1117279999999</v>
      </c>
      <c r="L565" s="27">
        <v>100.13591099999999</v>
      </c>
    </row>
    <row r="566" spans="2:12" x14ac:dyDescent="0.45">
      <c r="B566" s="27">
        <v>2573.040544</v>
      </c>
      <c r="C566" s="27">
        <v>123.524553</v>
      </c>
      <c r="E566" s="27">
        <v>2573.040544</v>
      </c>
      <c r="F566" s="27">
        <v>114.642263</v>
      </c>
      <c r="H566" s="27">
        <v>2573.040544</v>
      </c>
      <c r="I566" s="27">
        <v>107.86516399999999</v>
      </c>
      <c r="K566" s="27">
        <v>2573.040544</v>
      </c>
      <c r="L566" s="27">
        <v>100.06595299999999</v>
      </c>
    </row>
    <row r="567" spans="2:12" x14ac:dyDescent="0.45">
      <c r="B567" s="27">
        <v>2574.9693600000001</v>
      </c>
      <c r="C567" s="27">
        <v>123.454162</v>
      </c>
      <c r="E567" s="27">
        <v>2574.9693600000001</v>
      </c>
      <c r="F567" s="27">
        <v>114.634169</v>
      </c>
      <c r="H567" s="27">
        <v>2574.9693600000001</v>
      </c>
      <c r="I567" s="27">
        <v>107.847176</v>
      </c>
      <c r="K567" s="27">
        <v>2574.9693600000001</v>
      </c>
      <c r="L567" s="27">
        <v>100.025851</v>
      </c>
    </row>
    <row r="568" spans="2:12" x14ac:dyDescent="0.45">
      <c r="B568" s="27">
        <v>2576.8981760000001</v>
      </c>
      <c r="C568" s="27">
        <v>123.433618</v>
      </c>
      <c r="E568" s="27">
        <v>2576.8981760000001</v>
      </c>
      <c r="F568" s="27">
        <v>114.640874</v>
      </c>
      <c r="H568" s="27">
        <v>2576.8981760000001</v>
      </c>
      <c r="I568" s="27">
        <v>107.854274</v>
      </c>
      <c r="K568" s="27">
        <v>2576.8981760000001</v>
      </c>
      <c r="L568" s="27">
        <v>99.943760999999995</v>
      </c>
    </row>
    <row r="569" spans="2:12" x14ac:dyDescent="0.45">
      <c r="B569" s="27">
        <v>2578.8269919999998</v>
      </c>
      <c r="C569" s="27">
        <v>123.40697400000001</v>
      </c>
      <c r="E569" s="27">
        <v>2578.8269919999998</v>
      </c>
      <c r="F569" s="27">
        <v>114.633411</v>
      </c>
      <c r="H569" s="27">
        <v>2578.8269919999998</v>
      </c>
      <c r="I569" s="27">
        <v>107.83099199999999</v>
      </c>
      <c r="K569" s="27">
        <v>2578.8269919999998</v>
      </c>
      <c r="L569" s="27">
        <v>99.917850000000001</v>
      </c>
    </row>
    <row r="570" spans="2:12" x14ac:dyDescent="0.45">
      <c r="B570" s="27">
        <v>2580.7558079999999</v>
      </c>
      <c r="C570" s="27">
        <v>123.417278</v>
      </c>
      <c r="E570" s="27">
        <v>2580.7558079999999</v>
      </c>
      <c r="F570" s="27">
        <v>114.618579</v>
      </c>
      <c r="H570" s="27">
        <v>2580.7558079999999</v>
      </c>
      <c r="I570" s="27">
        <v>107.816847</v>
      </c>
      <c r="K570" s="27">
        <v>2580.7558079999999</v>
      </c>
      <c r="L570" s="27">
        <v>99.902235000000005</v>
      </c>
    </row>
    <row r="571" spans="2:12" x14ac:dyDescent="0.45">
      <c r="B571" s="27">
        <v>2582.684624</v>
      </c>
      <c r="C571" s="27">
        <v>123.436071</v>
      </c>
      <c r="E571" s="27">
        <v>2582.684624</v>
      </c>
      <c r="F571" s="27">
        <v>114.573966</v>
      </c>
      <c r="H571" s="27">
        <v>2582.684624</v>
      </c>
      <c r="I571" s="27">
        <v>107.757559</v>
      </c>
      <c r="K571" s="27">
        <v>2582.684624</v>
      </c>
      <c r="L571" s="27">
        <v>99.930195999999995</v>
      </c>
    </row>
    <row r="572" spans="2:12" x14ac:dyDescent="0.45">
      <c r="B572" s="27">
        <v>2584.6134400000001</v>
      </c>
      <c r="C572" s="27">
        <v>123.37665800000001</v>
      </c>
      <c r="E572" s="27">
        <v>2584.6134400000001</v>
      </c>
      <c r="F572" s="27">
        <v>114.562333</v>
      </c>
      <c r="H572" s="27">
        <v>2584.6134400000001</v>
      </c>
      <c r="I572" s="27">
        <v>107.70937600000001</v>
      </c>
      <c r="K572" s="27">
        <v>2584.6134400000001</v>
      </c>
      <c r="L572" s="27">
        <v>99.977367000000001</v>
      </c>
    </row>
    <row r="573" spans="2:12" x14ac:dyDescent="0.45">
      <c r="B573" s="27">
        <v>2586.5422560000002</v>
      </c>
      <c r="C573" s="27">
        <v>123.351945</v>
      </c>
      <c r="E573" s="27">
        <v>2586.5422560000002</v>
      </c>
      <c r="F573" s="27">
        <v>114.55116599999999</v>
      </c>
      <c r="H573" s="27">
        <v>2586.5422560000002</v>
      </c>
      <c r="I573" s="27">
        <v>107.734252</v>
      </c>
      <c r="K573" s="27">
        <v>2586.5422560000002</v>
      </c>
      <c r="L573" s="27">
        <v>99.988371000000001</v>
      </c>
    </row>
    <row r="574" spans="2:12" x14ac:dyDescent="0.45">
      <c r="B574" s="27">
        <v>2588.4710719999998</v>
      </c>
      <c r="C574" s="27">
        <v>123.34326299999999</v>
      </c>
      <c r="E574" s="27">
        <v>2588.4710719999998</v>
      </c>
      <c r="F574" s="27">
        <v>114.562313</v>
      </c>
      <c r="H574" s="27">
        <v>2588.4710719999998</v>
      </c>
      <c r="I574" s="27">
        <v>107.773492</v>
      </c>
      <c r="K574" s="27">
        <v>2588.4710719999998</v>
      </c>
      <c r="L574" s="27">
        <v>99.985377999999997</v>
      </c>
    </row>
    <row r="575" spans="2:12" x14ac:dyDescent="0.45">
      <c r="B575" s="27">
        <v>2590.3998879999999</v>
      </c>
      <c r="C575" s="27">
        <v>123.306808</v>
      </c>
      <c r="E575" s="27">
        <v>2590.3998879999999</v>
      </c>
      <c r="F575" s="27">
        <v>114.57114300000001</v>
      </c>
      <c r="H575" s="27">
        <v>2590.3998879999999</v>
      </c>
      <c r="I575" s="27">
        <v>107.789101</v>
      </c>
      <c r="K575" s="27">
        <v>2590.3998879999999</v>
      </c>
      <c r="L575" s="27">
        <v>99.873540000000006</v>
      </c>
    </row>
    <row r="576" spans="2:12" x14ac:dyDescent="0.45">
      <c r="B576" s="27">
        <v>2592.328704</v>
      </c>
      <c r="C576" s="27">
        <v>123.31228299999999</v>
      </c>
      <c r="E576" s="27">
        <v>2592.328704</v>
      </c>
      <c r="F576" s="27">
        <v>114.552447</v>
      </c>
      <c r="H576" s="27">
        <v>2592.328704</v>
      </c>
      <c r="I576" s="27">
        <v>107.734047</v>
      </c>
      <c r="K576" s="27">
        <v>2592.328704</v>
      </c>
      <c r="L576" s="27">
        <v>99.782043999999999</v>
      </c>
    </row>
    <row r="577" spans="2:12" x14ac:dyDescent="0.45">
      <c r="B577" s="27">
        <v>2594.2575200000001</v>
      </c>
      <c r="C577" s="27">
        <v>123.365374</v>
      </c>
      <c r="E577" s="27">
        <v>2594.2575200000001</v>
      </c>
      <c r="F577" s="27">
        <v>114.52169000000001</v>
      </c>
      <c r="H577" s="27">
        <v>2594.2575200000001</v>
      </c>
      <c r="I577" s="27">
        <v>107.72793900000001</v>
      </c>
      <c r="K577" s="27">
        <v>2594.2575200000001</v>
      </c>
      <c r="L577" s="27">
        <v>99.796662999999995</v>
      </c>
    </row>
    <row r="578" spans="2:12" x14ac:dyDescent="0.45">
      <c r="B578" s="27">
        <v>2596.1863360000002</v>
      </c>
      <c r="C578" s="27">
        <v>123.345932</v>
      </c>
      <c r="E578" s="27">
        <v>2596.1863360000002</v>
      </c>
      <c r="F578" s="27">
        <v>114.499893</v>
      </c>
      <c r="H578" s="27">
        <v>2596.1863360000002</v>
      </c>
      <c r="I578" s="27">
        <v>107.665796</v>
      </c>
      <c r="K578" s="27">
        <v>2596.1863360000002</v>
      </c>
      <c r="L578" s="27">
        <v>99.812920000000005</v>
      </c>
    </row>
    <row r="579" spans="2:12" x14ac:dyDescent="0.45">
      <c r="B579" s="27">
        <v>2598.1151519999999</v>
      </c>
      <c r="C579" s="27">
        <v>123.295055</v>
      </c>
      <c r="E579" s="27">
        <v>2598.1151519999999</v>
      </c>
      <c r="F579" s="27">
        <v>114.49405400000001</v>
      </c>
      <c r="H579" s="27">
        <v>2598.1151519999999</v>
      </c>
      <c r="I579" s="27">
        <v>107.627022</v>
      </c>
      <c r="K579" s="27">
        <v>2598.1151519999999</v>
      </c>
      <c r="L579" s="27">
        <v>99.851499000000004</v>
      </c>
    </row>
    <row r="580" spans="2:12" x14ac:dyDescent="0.45">
      <c r="B580" s="27">
        <v>2600.0439679999999</v>
      </c>
      <c r="C580" s="27">
        <v>123.252354</v>
      </c>
      <c r="E580" s="27">
        <v>2600.0439679999999</v>
      </c>
      <c r="F580" s="27">
        <v>114.470279</v>
      </c>
      <c r="H580" s="27">
        <v>2600.0439679999999</v>
      </c>
      <c r="I580" s="27">
        <v>107.67192</v>
      </c>
      <c r="K580" s="27">
        <v>2600.0439679999999</v>
      </c>
      <c r="L580" s="27">
        <v>99.882474999999999</v>
      </c>
    </row>
    <row r="581" spans="2:12" x14ac:dyDescent="0.45">
      <c r="B581" s="27">
        <v>2601.972784</v>
      </c>
      <c r="C581" s="27">
        <v>123.314221</v>
      </c>
      <c r="E581" s="27">
        <v>2601.972784</v>
      </c>
      <c r="F581" s="27">
        <v>114.48986600000001</v>
      </c>
      <c r="H581" s="27">
        <v>2601.972784</v>
      </c>
      <c r="I581" s="27">
        <v>107.69036800000001</v>
      </c>
      <c r="K581" s="27">
        <v>2601.972784</v>
      </c>
      <c r="L581" s="27">
        <v>99.827323000000007</v>
      </c>
    </row>
    <row r="582" spans="2:12" x14ac:dyDescent="0.45">
      <c r="B582" s="27">
        <v>2603.9016000000001</v>
      </c>
      <c r="C582" s="27">
        <v>123.30877700000001</v>
      </c>
      <c r="E582" s="27">
        <v>2603.9016000000001</v>
      </c>
      <c r="F582" s="27">
        <v>114.51475499999999</v>
      </c>
      <c r="H582" s="27">
        <v>2603.9016000000001</v>
      </c>
      <c r="I582" s="27">
        <v>107.633336</v>
      </c>
      <c r="K582" s="27">
        <v>2603.9016000000001</v>
      </c>
      <c r="L582" s="27">
        <v>99.803462999999994</v>
      </c>
    </row>
    <row r="583" spans="2:12" x14ac:dyDescent="0.45">
      <c r="B583" s="27">
        <v>2605.8304159999998</v>
      </c>
      <c r="C583" s="27">
        <v>123.286846</v>
      </c>
      <c r="E583" s="27">
        <v>2605.8304159999998</v>
      </c>
      <c r="F583" s="27">
        <v>114.508385</v>
      </c>
      <c r="H583" s="27">
        <v>2605.8304159999998</v>
      </c>
      <c r="I583" s="27">
        <v>107.608029</v>
      </c>
      <c r="K583" s="27">
        <v>2605.8304159999998</v>
      </c>
      <c r="L583" s="27">
        <v>99.850082999999998</v>
      </c>
    </row>
    <row r="584" spans="2:12" x14ac:dyDescent="0.45">
      <c r="B584" s="27">
        <v>2607.7592319999999</v>
      </c>
      <c r="C584" s="27">
        <v>123.333541</v>
      </c>
      <c r="E584" s="27">
        <v>2607.7592319999999</v>
      </c>
      <c r="F584" s="27">
        <v>114.459856</v>
      </c>
      <c r="H584" s="27">
        <v>2607.7592319999999</v>
      </c>
      <c r="I584" s="27">
        <v>107.61892400000001</v>
      </c>
      <c r="K584" s="27">
        <v>2607.7592319999999</v>
      </c>
      <c r="L584" s="27">
        <v>99.864913999999999</v>
      </c>
    </row>
    <row r="585" spans="2:12" x14ac:dyDescent="0.45">
      <c r="B585" s="27">
        <v>2609.688048</v>
      </c>
      <c r="C585" s="27">
        <v>123.348522</v>
      </c>
      <c r="E585" s="27">
        <v>2609.688048</v>
      </c>
      <c r="F585" s="27">
        <v>114.453135</v>
      </c>
      <c r="H585" s="27">
        <v>2609.688048</v>
      </c>
      <c r="I585" s="27">
        <v>107.62856600000001</v>
      </c>
      <c r="K585" s="27">
        <v>2609.688048</v>
      </c>
      <c r="L585" s="27">
        <v>99.863144000000005</v>
      </c>
    </row>
    <row r="586" spans="2:12" x14ac:dyDescent="0.45">
      <c r="B586" s="27">
        <v>2611.6168640000001</v>
      </c>
      <c r="C586" s="27">
        <v>123.327389</v>
      </c>
      <c r="E586" s="27">
        <v>2611.6168640000001</v>
      </c>
      <c r="F586" s="27">
        <v>114.47216299999999</v>
      </c>
      <c r="H586" s="27">
        <v>2611.6168640000001</v>
      </c>
      <c r="I586" s="27">
        <v>107.59277299999999</v>
      </c>
      <c r="K586" s="27">
        <v>2611.6168640000001</v>
      </c>
      <c r="L586" s="27">
        <v>99.864701999999994</v>
      </c>
    </row>
    <row r="587" spans="2:12" x14ac:dyDescent="0.45">
      <c r="B587" s="27">
        <v>2613.5456800000002</v>
      </c>
      <c r="C587" s="27">
        <v>123.29603</v>
      </c>
      <c r="E587" s="27">
        <v>2613.5456800000002</v>
      </c>
      <c r="F587" s="27">
        <v>114.48159699999999</v>
      </c>
      <c r="H587" s="27">
        <v>2613.5456800000002</v>
      </c>
      <c r="I587" s="27">
        <v>107.576413</v>
      </c>
      <c r="K587" s="27">
        <v>2613.5456800000002</v>
      </c>
      <c r="L587" s="27">
        <v>99.842280000000002</v>
      </c>
    </row>
    <row r="588" spans="2:12" x14ac:dyDescent="0.45">
      <c r="B588" s="27">
        <v>2615.4744959999998</v>
      </c>
      <c r="C588" s="27">
        <v>123.250334</v>
      </c>
      <c r="E588" s="27">
        <v>2615.4744959999998</v>
      </c>
      <c r="F588" s="27">
        <v>114.467235</v>
      </c>
      <c r="H588" s="27">
        <v>2615.4744959999998</v>
      </c>
      <c r="I588" s="27">
        <v>107.61762</v>
      </c>
      <c r="K588" s="27">
        <v>2615.4744959999998</v>
      </c>
      <c r="L588" s="27">
        <v>99.754938999999993</v>
      </c>
    </row>
    <row r="589" spans="2:12" x14ac:dyDescent="0.45">
      <c r="B589" s="27">
        <v>2617.4033119999999</v>
      </c>
      <c r="C589" s="27">
        <v>123.22217999999999</v>
      </c>
      <c r="E589" s="27">
        <v>2617.4033119999999</v>
      </c>
      <c r="F589" s="27">
        <v>114.475724</v>
      </c>
      <c r="H589" s="27">
        <v>2617.4033119999999</v>
      </c>
      <c r="I589" s="27">
        <v>107.639009</v>
      </c>
      <c r="K589" s="27">
        <v>2617.4033119999999</v>
      </c>
      <c r="L589" s="27">
        <v>99.751116999999994</v>
      </c>
    </row>
    <row r="590" spans="2:12" x14ac:dyDescent="0.45">
      <c r="B590" s="27">
        <v>2619.332128</v>
      </c>
      <c r="C590" s="27">
        <v>123.25341</v>
      </c>
      <c r="E590" s="27">
        <v>2619.332128</v>
      </c>
      <c r="F590" s="27">
        <v>114.46404200000001</v>
      </c>
      <c r="H590" s="27">
        <v>2619.332128</v>
      </c>
      <c r="I590" s="27">
        <v>107.584204</v>
      </c>
      <c r="K590" s="27">
        <v>2619.332128</v>
      </c>
      <c r="L590" s="27">
        <v>99.791991999999993</v>
      </c>
    </row>
    <row r="591" spans="2:12" x14ac:dyDescent="0.45">
      <c r="B591" s="27">
        <v>2621.2609440000001</v>
      </c>
      <c r="C591" s="27">
        <v>123.325013</v>
      </c>
      <c r="E591" s="27">
        <v>2621.2609440000001</v>
      </c>
      <c r="F591" s="27">
        <v>114.44569</v>
      </c>
      <c r="H591" s="27">
        <v>2621.2609440000001</v>
      </c>
      <c r="I591" s="27">
        <v>107.53858700000001</v>
      </c>
      <c r="K591" s="27">
        <v>2621.2609440000001</v>
      </c>
      <c r="L591" s="27">
        <v>99.746382999999994</v>
      </c>
    </row>
    <row r="592" spans="2:12" x14ac:dyDescent="0.45">
      <c r="B592" s="27">
        <v>2623.1897600000002</v>
      </c>
      <c r="C592" s="27">
        <v>123.322153</v>
      </c>
      <c r="E592" s="27">
        <v>2623.1897600000002</v>
      </c>
      <c r="F592" s="27">
        <v>114.441474</v>
      </c>
      <c r="H592" s="27">
        <v>2623.1897600000002</v>
      </c>
      <c r="I592" s="27">
        <v>107.544715</v>
      </c>
      <c r="K592" s="27">
        <v>2623.1897600000002</v>
      </c>
      <c r="L592" s="27">
        <v>99.727069999999998</v>
      </c>
    </row>
    <row r="593" spans="2:12" x14ac:dyDescent="0.45">
      <c r="B593" s="27">
        <v>2625.1185759999998</v>
      </c>
      <c r="C593" s="27">
        <v>123.29715299999999</v>
      </c>
      <c r="E593" s="27">
        <v>2625.1185759999998</v>
      </c>
      <c r="F593" s="27">
        <v>114.468872</v>
      </c>
      <c r="H593" s="27">
        <v>2625.1185759999998</v>
      </c>
      <c r="I593" s="27">
        <v>107.574393</v>
      </c>
      <c r="K593" s="27">
        <v>2625.1185759999998</v>
      </c>
      <c r="L593" s="27">
        <v>99.744947999999994</v>
      </c>
    </row>
    <row r="594" spans="2:12" x14ac:dyDescent="0.45">
      <c r="B594" s="27">
        <v>2627.0473919999999</v>
      </c>
      <c r="C594" s="27">
        <v>123.288738</v>
      </c>
      <c r="E594" s="27">
        <v>2627.0473919999999</v>
      </c>
      <c r="F594" s="27">
        <v>114.46408700000001</v>
      </c>
      <c r="H594" s="27">
        <v>2627.0473919999999</v>
      </c>
      <c r="I594" s="27">
        <v>107.566755</v>
      </c>
      <c r="K594" s="27">
        <v>2627.0473919999999</v>
      </c>
      <c r="L594" s="27">
        <v>99.708547999999993</v>
      </c>
    </row>
    <row r="595" spans="2:12" x14ac:dyDescent="0.45">
      <c r="B595" s="27">
        <v>2628.976208</v>
      </c>
      <c r="C595" s="27">
        <v>123.309113</v>
      </c>
      <c r="E595" s="27">
        <v>2628.976208</v>
      </c>
      <c r="F595" s="27">
        <v>114.469849</v>
      </c>
      <c r="H595" s="27">
        <v>2628.976208</v>
      </c>
      <c r="I595" s="27">
        <v>107.558661</v>
      </c>
      <c r="K595" s="27">
        <v>2628.976208</v>
      </c>
      <c r="L595" s="27">
        <v>99.763284999999996</v>
      </c>
    </row>
    <row r="596" spans="2:12" x14ac:dyDescent="0.45">
      <c r="B596" s="27">
        <v>2630.9050240000001</v>
      </c>
      <c r="C596" s="27">
        <v>123.314063</v>
      </c>
      <c r="E596" s="27">
        <v>2630.9050240000001</v>
      </c>
      <c r="F596" s="27">
        <v>114.447236</v>
      </c>
      <c r="H596" s="27">
        <v>2630.9050240000001</v>
      </c>
      <c r="I596" s="27">
        <v>107.539461</v>
      </c>
      <c r="K596" s="27">
        <v>2630.9050240000001</v>
      </c>
      <c r="L596" s="27">
        <v>99.816618000000005</v>
      </c>
    </row>
    <row r="597" spans="2:12" x14ac:dyDescent="0.45">
      <c r="B597" s="27">
        <v>2632.8338399999998</v>
      </c>
      <c r="C597" s="27">
        <v>123.294662</v>
      </c>
      <c r="E597" s="27">
        <v>2632.8338399999998</v>
      </c>
      <c r="F597" s="27">
        <v>114.419764</v>
      </c>
      <c r="H597" s="27">
        <v>2632.8338399999998</v>
      </c>
      <c r="I597" s="27">
        <v>107.500761</v>
      </c>
      <c r="K597" s="27">
        <v>2632.8338399999998</v>
      </c>
      <c r="L597" s="27">
        <v>99.782022999999995</v>
      </c>
    </row>
    <row r="598" spans="2:12" x14ac:dyDescent="0.45">
      <c r="B598" s="27">
        <v>2634.7626559999999</v>
      </c>
      <c r="C598" s="27">
        <v>123.272874</v>
      </c>
      <c r="E598" s="27">
        <v>2634.7626559999999</v>
      </c>
      <c r="F598" s="27">
        <v>114.42894800000001</v>
      </c>
      <c r="H598" s="27">
        <v>2634.7626559999999</v>
      </c>
      <c r="I598" s="27">
        <v>107.476354</v>
      </c>
      <c r="K598" s="27">
        <v>2634.7626559999999</v>
      </c>
      <c r="L598" s="27">
        <v>99.737618999999995</v>
      </c>
    </row>
    <row r="599" spans="2:12" x14ac:dyDescent="0.45">
      <c r="B599" s="27">
        <v>2636.691472</v>
      </c>
      <c r="C599" s="27">
        <v>123.292385</v>
      </c>
      <c r="E599" s="27">
        <v>2636.691472</v>
      </c>
      <c r="F599" s="27">
        <v>114.414698</v>
      </c>
      <c r="H599" s="27">
        <v>2636.691472</v>
      </c>
      <c r="I599" s="27">
        <v>107.47733100000001</v>
      </c>
      <c r="K599" s="27">
        <v>2636.691472</v>
      </c>
      <c r="L599" s="27">
        <v>99.651506999999995</v>
      </c>
    </row>
    <row r="600" spans="2:12" x14ac:dyDescent="0.45">
      <c r="B600" s="27">
        <v>2638.6202880000001</v>
      </c>
      <c r="C600" s="27">
        <v>123.310638</v>
      </c>
      <c r="E600" s="27">
        <v>2638.6202880000001</v>
      </c>
      <c r="F600" s="27">
        <v>114.42168599999999</v>
      </c>
      <c r="H600" s="27">
        <v>2638.6202880000001</v>
      </c>
      <c r="I600" s="27">
        <v>107.489632</v>
      </c>
      <c r="K600" s="27">
        <v>2638.6202880000001</v>
      </c>
      <c r="L600" s="27">
        <v>99.649935999999997</v>
      </c>
    </row>
    <row r="601" spans="2:12" x14ac:dyDescent="0.45">
      <c r="B601" s="27">
        <v>2640.5491040000002</v>
      </c>
      <c r="C601" s="27">
        <v>123.32748100000001</v>
      </c>
      <c r="E601" s="27">
        <v>2640.5491040000002</v>
      </c>
      <c r="F601" s="27">
        <v>114.425815</v>
      </c>
      <c r="H601" s="27">
        <v>2640.5491040000002</v>
      </c>
      <c r="I601" s="27">
        <v>107.49878200000001</v>
      </c>
      <c r="K601" s="27">
        <v>2640.5491040000002</v>
      </c>
      <c r="L601" s="27">
        <v>99.684955000000002</v>
      </c>
    </row>
    <row r="602" spans="2:12" x14ac:dyDescent="0.45">
      <c r="B602" s="27">
        <v>2642.4779199999998</v>
      </c>
      <c r="C602" s="27">
        <v>123.306825</v>
      </c>
      <c r="E602" s="27">
        <v>2642.4779199999998</v>
      </c>
      <c r="F602" s="27">
        <v>114.434483</v>
      </c>
      <c r="H602" s="27">
        <v>2642.4779199999998</v>
      </c>
      <c r="I602" s="27">
        <v>107.45957900000001</v>
      </c>
      <c r="K602" s="27">
        <v>2642.4779199999998</v>
      </c>
      <c r="L602" s="27">
        <v>99.729200000000006</v>
      </c>
    </row>
    <row r="603" spans="2:12" x14ac:dyDescent="0.45">
      <c r="B603" s="27">
        <v>2644.4067359999999</v>
      </c>
      <c r="C603" s="27">
        <v>123.27932199999999</v>
      </c>
      <c r="E603" s="27">
        <v>2644.4067359999999</v>
      </c>
      <c r="F603" s="27">
        <v>114.43858299999999</v>
      </c>
      <c r="H603" s="27">
        <v>2644.4067359999999</v>
      </c>
      <c r="I603" s="27">
        <v>107.450774</v>
      </c>
      <c r="K603" s="27">
        <v>2644.4067359999999</v>
      </c>
      <c r="L603" s="27">
        <v>99.722307999999998</v>
      </c>
    </row>
    <row r="604" spans="2:12" x14ac:dyDescent="0.45">
      <c r="B604" s="27">
        <v>2646.335552</v>
      </c>
      <c r="C604" s="27">
        <v>123.245807</v>
      </c>
      <c r="E604" s="27">
        <v>2646.335552</v>
      </c>
      <c r="F604" s="27">
        <v>114.425155</v>
      </c>
      <c r="H604" s="27">
        <v>2646.335552</v>
      </c>
      <c r="I604" s="27">
        <v>107.474074</v>
      </c>
      <c r="K604" s="27">
        <v>2646.335552</v>
      </c>
      <c r="L604" s="27">
        <v>99.693237999999994</v>
      </c>
    </row>
    <row r="605" spans="2:12" x14ac:dyDescent="0.45">
      <c r="B605" s="27">
        <v>2648.2643680000001</v>
      </c>
      <c r="C605" s="27">
        <v>123.241152</v>
      </c>
      <c r="E605" s="27">
        <v>2648.2643680000001</v>
      </c>
      <c r="F605" s="27">
        <v>114.41100400000001</v>
      </c>
      <c r="H605" s="27">
        <v>2648.2643680000001</v>
      </c>
      <c r="I605" s="27">
        <v>107.480656</v>
      </c>
      <c r="K605" s="27">
        <v>2648.2643680000001</v>
      </c>
      <c r="L605" s="27">
        <v>99.641839000000004</v>
      </c>
    </row>
    <row r="606" spans="2:12" x14ac:dyDescent="0.45">
      <c r="B606" s="27">
        <v>2650.1931840000002</v>
      </c>
      <c r="C606" s="27">
        <v>123.255731</v>
      </c>
      <c r="E606" s="27">
        <v>2650.1931840000002</v>
      </c>
      <c r="F606" s="27">
        <v>114.402494</v>
      </c>
      <c r="H606" s="27">
        <v>2650.1931840000002</v>
      </c>
      <c r="I606" s="27">
        <v>107.458648</v>
      </c>
      <c r="K606" s="27">
        <v>2650.1931840000002</v>
      </c>
      <c r="L606" s="27">
        <v>99.624708999999996</v>
      </c>
    </row>
    <row r="607" spans="2:12" x14ac:dyDescent="0.45">
      <c r="B607" s="27">
        <v>2652.1219999999998</v>
      </c>
      <c r="C607" s="27">
        <v>123.28692700000001</v>
      </c>
      <c r="E607" s="27">
        <v>2652.1219999999998</v>
      </c>
      <c r="F607" s="27">
        <v>114.405315</v>
      </c>
      <c r="H607" s="27">
        <v>2652.1219999999998</v>
      </c>
      <c r="I607" s="27">
        <v>107.47266500000001</v>
      </c>
      <c r="K607" s="27">
        <v>2652.1219999999998</v>
      </c>
      <c r="L607" s="27">
        <v>99.666376</v>
      </c>
    </row>
    <row r="608" spans="2:12" x14ac:dyDescent="0.45">
      <c r="B608" s="27">
        <v>2654.0508159999999</v>
      </c>
      <c r="C608" s="27">
        <v>123.281806</v>
      </c>
      <c r="E608" s="27">
        <v>2654.0508159999999</v>
      </c>
      <c r="F608" s="27">
        <v>114.381845</v>
      </c>
      <c r="H608" s="27">
        <v>2654.0508159999999</v>
      </c>
      <c r="I608" s="27">
        <v>107.503244</v>
      </c>
      <c r="K608" s="27">
        <v>2654.0508159999999</v>
      </c>
      <c r="L608" s="27">
        <v>99.659774999999996</v>
      </c>
    </row>
    <row r="609" spans="2:12" x14ac:dyDescent="0.45">
      <c r="B609" s="27">
        <v>2655.979632</v>
      </c>
      <c r="C609" s="27">
        <v>123.237148</v>
      </c>
      <c r="E609" s="27">
        <v>2655.979632</v>
      </c>
      <c r="F609" s="27">
        <v>114.357428</v>
      </c>
      <c r="H609" s="27">
        <v>2655.979632</v>
      </c>
      <c r="I609" s="27">
        <v>107.49458300000001</v>
      </c>
      <c r="K609" s="27">
        <v>2655.979632</v>
      </c>
      <c r="L609" s="27">
        <v>99.599125999999998</v>
      </c>
    </row>
    <row r="610" spans="2:12" x14ac:dyDescent="0.45">
      <c r="B610" s="27">
        <v>2657.9084480000001</v>
      </c>
      <c r="C610" s="27">
        <v>123.241849</v>
      </c>
      <c r="E610" s="27">
        <v>2657.9084480000001</v>
      </c>
      <c r="F610" s="27">
        <v>114.380011</v>
      </c>
      <c r="H610" s="27">
        <v>2657.9084480000001</v>
      </c>
      <c r="I610" s="27">
        <v>107.468636</v>
      </c>
      <c r="K610" s="27">
        <v>2657.9084480000001</v>
      </c>
      <c r="L610" s="27">
        <v>99.582566</v>
      </c>
    </row>
    <row r="611" spans="2:12" x14ac:dyDescent="0.45">
      <c r="B611" s="27">
        <v>2659.8372639999998</v>
      </c>
      <c r="C611" s="27">
        <v>123.277643</v>
      </c>
      <c r="E611" s="27">
        <v>2659.8372639999998</v>
      </c>
      <c r="F611" s="27">
        <v>114.408602</v>
      </c>
      <c r="H611" s="27">
        <v>2659.8372639999998</v>
      </c>
      <c r="I611" s="27">
        <v>107.47582199999999</v>
      </c>
      <c r="K611" s="27">
        <v>2659.8372639999998</v>
      </c>
      <c r="L611" s="27">
        <v>99.612342999999996</v>
      </c>
    </row>
    <row r="612" spans="2:12" x14ac:dyDescent="0.45">
      <c r="B612" s="27">
        <v>2661.7660799999999</v>
      </c>
      <c r="C612" s="27">
        <v>123.289616</v>
      </c>
      <c r="E612" s="27">
        <v>2661.7660799999999</v>
      </c>
      <c r="F612" s="27">
        <v>114.433885</v>
      </c>
      <c r="H612" s="27">
        <v>2661.7660799999999</v>
      </c>
      <c r="I612" s="27">
        <v>107.482866</v>
      </c>
      <c r="K612" s="27">
        <v>2661.7660799999999</v>
      </c>
      <c r="L612" s="27">
        <v>99.649223000000006</v>
      </c>
    </row>
    <row r="613" spans="2:12" x14ac:dyDescent="0.45">
      <c r="B613" s="27">
        <v>2663.694896</v>
      </c>
      <c r="C613" s="27">
        <v>123.284447</v>
      </c>
      <c r="E613" s="27">
        <v>2663.694896</v>
      </c>
      <c r="F613" s="27">
        <v>114.447723</v>
      </c>
      <c r="H613" s="27">
        <v>2663.694896</v>
      </c>
      <c r="I613" s="27">
        <v>107.472317</v>
      </c>
      <c r="K613" s="27">
        <v>2663.694896</v>
      </c>
      <c r="L613" s="27">
        <v>99.672229999999999</v>
      </c>
    </row>
    <row r="614" spans="2:12" x14ac:dyDescent="0.45">
      <c r="B614" s="27">
        <v>2665.6237120000001</v>
      </c>
      <c r="C614" s="27">
        <v>123.284958</v>
      </c>
      <c r="E614" s="27">
        <v>2665.6237120000001</v>
      </c>
      <c r="F614" s="27">
        <v>114.439042</v>
      </c>
      <c r="H614" s="27">
        <v>2665.6237120000001</v>
      </c>
      <c r="I614" s="27">
        <v>107.46774600000001</v>
      </c>
      <c r="K614" s="27">
        <v>2665.6237120000001</v>
      </c>
      <c r="L614" s="27">
        <v>99.669550999999998</v>
      </c>
    </row>
    <row r="615" spans="2:12" x14ac:dyDescent="0.45">
      <c r="B615" s="27">
        <v>2667.5525280000002</v>
      </c>
      <c r="C615" s="27">
        <v>123.323429</v>
      </c>
      <c r="E615" s="27">
        <v>2667.5525280000002</v>
      </c>
      <c r="F615" s="27">
        <v>114.40670299999999</v>
      </c>
      <c r="H615" s="27">
        <v>2667.5525280000002</v>
      </c>
      <c r="I615" s="27">
        <v>107.43291600000001</v>
      </c>
      <c r="K615" s="27">
        <v>2667.5525280000002</v>
      </c>
      <c r="L615" s="27">
        <v>99.666308999999998</v>
      </c>
    </row>
    <row r="616" spans="2:12" x14ac:dyDescent="0.45">
      <c r="B616" s="27">
        <v>2669.4813439999998</v>
      </c>
      <c r="C616" s="27">
        <v>123.30899599999999</v>
      </c>
      <c r="E616" s="27">
        <v>2669.4813439999998</v>
      </c>
      <c r="F616" s="27">
        <v>114.390366</v>
      </c>
      <c r="H616" s="27">
        <v>2669.4813439999998</v>
      </c>
      <c r="I616" s="27">
        <v>107.41045</v>
      </c>
      <c r="K616" s="27">
        <v>2669.4813439999998</v>
      </c>
      <c r="L616" s="27">
        <v>99.654919000000007</v>
      </c>
    </row>
    <row r="617" spans="2:12" x14ac:dyDescent="0.45">
      <c r="B617" s="27">
        <v>2671.4101599999999</v>
      </c>
      <c r="C617" s="27">
        <v>123.287558</v>
      </c>
      <c r="E617" s="27">
        <v>2671.4101599999999</v>
      </c>
      <c r="F617" s="27">
        <v>114.397783</v>
      </c>
      <c r="H617" s="27">
        <v>2671.4101599999999</v>
      </c>
      <c r="I617" s="27">
        <v>107.40854899999999</v>
      </c>
      <c r="K617" s="27">
        <v>2671.4101599999999</v>
      </c>
      <c r="L617" s="27">
        <v>99.656287000000006</v>
      </c>
    </row>
    <row r="618" spans="2:12" x14ac:dyDescent="0.45">
      <c r="B618" s="27">
        <v>2673.338976</v>
      </c>
      <c r="C618" s="27">
        <v>123.29435599999999</v>
      </c>
      <c r="E618" s="27">
        <v>2673.338976</v>
      </c>
      <c r="F618" s="27">
        <v>114.397599</v>
      </c>
      <c r="H618" s="27">
        <v>2673.338976</v>
      </c>
      <c r="I618" s="27">
        <v>107.397873</v>
      </c>
      <c r="K618" s="27">
        <v>2673.338976</v>
      </c>
      <c r="L618" s="27">
        <v>99.695668999999995</v>
      </c>
    </row>
    <row r="619" spans="2:12" x14ac:dyDescent="0.45">
      <c r="B619" s="27">
        <v>2675.2677920000001</v>
      </c>
      <c r="C619" s="27">
        <v>123.294239</v>
      </c>
      <c r="E619" s="27">
        <v>2675.2677920000001</v>
      </c>
      <c r="F619" s="27">
        <v>114.40710300000001</v>
      </c>
      <c r="H619" s="27">
        <v>2675.2677920000001</v>
      </c>
      <c r="I619" s="27">
        <v>107.423695</v>
      </c>
      <c r="K619" s="27">
        <v>2675.2677920000001</v>
      </c>
      <c r="L619" s="27">
        <v>99.684793999999997</v>
      </c>
    </row>
    <row r="620" spans="2:12" x14ac:dyDescent="0.45">
      <c r="B620" s="27">
        <v>2677.1966080000002</v>
      </c>
      <c r="C620" s="27">
        <v>123.30149900000001</v>
      </c>
      <c r="E620" s="27">
        <v>2677.1966080000002</v>
      </c>
      <c r="F620" s="27">
        <v>114.399293</v>
      </c>
      <c r="H620" s="27">
        <v>2677.1966080000002</v>
      </c>
      <c r="I620" s="27">
        <v>107.439207</v>
      </c>
      <c r="K620" s="27">
        <v>2677.1966080000002</v>
      </c>
      <c r="L620" s="27">
        <v>99.646559999999994</v>
      </c>
    </row>
    <row r="621" spans="2:12" x14ac:dyDescent="0.45">
      <c r="B621" s="27">
        <v>2679.1254239999998</v>
      </c>
      <c r="C621" s="27">
        <v>123.297887</v>
      </c>
      <c r="E621" s="27">
        <v>2679.1254239999998</v>
      </c>
      <c r="F621" s="27">
        <v>114.379485</v>
      </c>
      <c r="H621" s="27">
        <v>2679.1254239999998</v>
      </c>
      <c r="I621" s="27">
        <v>107.40614100000001</v>
      </c>
      <c r="K621" s="27">
        <v>2679.1254239999998</v>
      </c>
      <c r="L621" s="27">
        <v>99.565894</v>
      </c>
    </row>
    <row r="622" spans="2:12" x14ac:dyDescent="0.45">
      <c r="B622" s="27">
        <v>2681.0542399999999</v>
      </c>
      <c r="C622" s="27">
        <v>123.248164</v>
      </c>
      <c r="E622" s="27">
        <v>2681.0542399999999</v>
      </c>
      <c r="F622" s="27">
        <v>114.36012100000001</v>
      </c>
      <c r="H622" s="27">
        <v>2681.0542399999999</v>
      </c>
      <c r="I622" s="27">
        <v>107.36827</v>
      </c>
      <c r="K622" s="27">
        <v>2681.0542399999999</v>
      </c>
      <c r="L622" s="27">
        <v>99.543760000000006</v>
      </c>
    </row>
    <row r="623" spans="2:12" x14ac:dyDescent="0.45">
      <c r="B623" s="27">
        <v>2682.983056</v>
      </c>
      <c r="C623" s="27">
        <v>123.208977</v>
      </c>
      <c r="E623" s="27">
        <v>2682.983056</v>
      </c>
      <c r="F623" s="27">
        <v>114.33681799999999</v>
      </c>
      <c r="H623" s="27">
        <v>2682.983056</v>
      </c>
      <c r="I623" s="27">
        <v>107.357069</v>
      </c>
      <c r="K623" s="27">
        <v>2682.983056</v>
      </c>
      <c r="L623" s="27">
        <v>99.531757999999996</v>
      </c>
    </row>
    <row r="624" spans="2:12" x14ac:dyDescent="0.45">
      <c r="B624" s="27">
        <v>2684.9118720000001</v>
      </c>
      <c r="C624" s="27">
        <v>123.236295</v>
      </c>
      <c r="E624" s="27">
        <v>2684.9118720000001</v>
      </c>
      <c r="F624" s="27">
        <v>114.330528</v>
      </c>
      <c r="H624" s="27">
        <v>2684.9118720000001</v>
      </c>
      <c r="I624" s="27">
        <v>107.34839100000001</v>
      </c>
      <c r="K624" s="27">
        <v>2684.9118720000001</v>
      </c>
      <c r="L624" s="27">
        <v>99.502126000000004</v>
      </c>
    </row>
    <row r="625" spans="2:12" x14ac:dyDescent="0.45">
      <c r="B625" s="27">
        <v>2686.8406880000002</v>
      </c>
      <c r="C625" s="27">
        <v>123.22478700000001</v>
      </c>
      <c r="E625" s="27">
        <v>2686.8406880000002</v>
      </c>
      <c r="F625" s="27">
        <v>114.325298</v>
      </c>
      <c r="H625" s="27">
        <v>2686.8406880000002</v>
      </c>
      <c r="I625" s="27">
        <v>107.332643</v>
      </c>
      <c r="K625" s="27">
        <v>2686.8406880000002</v>
      </c>
      <c r="L625" s="27">
        <v>99.522335999999996</v>
      </c>
    </row>
    <row r="626" spans="2:12" x14ac:dyDescent="0.45">
      <c r="B626" s="27">
        <v>2688.7695039999999</v>
      </c>
      <c r="C626" s="27">
        <v>123.20244</v>
      </c>
      <c r="E626" s="27">
        <v>2688.7695039999999</v>
      </c>
      <c r="F626" s="27">
        <v>114.30986900000001</v>
      </c>
      <c r="H626" s="27">
        <v>2688.7695039999999</v>
      </c>
      <c r="I626" s="27">
        <v>107.302712</v>
      </c>
      <c r="K626" s="27">
        <v>2688.7695039999999</v>
      </c>
      <c r="L626" s="27">
        <v>99.494257000000005</v>
      </c>
    </row>
    <row r="627" spans="2:12" x14ac:dyDescent="0.45">
      <c r="B627" s="27">
        <v>2690.69832</v>
      </c>
      <c r="C627" s="27">
        <v>123.222418</v>
      </c>
      <c r="E627" s="27">
        <v>2690.69832</v>
      </c>
      <c r="F627" s="27">
        <v>114.301312</v>
      </c>
      <c r="H627" s="27">
        <v>2690.69832</v>
      </c>
      <c r="I627" s="27">
        <v>107.288078</v>
      </c>
      <c r="K627" s="27">
        <v>2690.69832</v>
      </c>
      <c r="L627" s="27">
        <v>99.464815000000002</v>
      </c>
    </row>
    <row r="628" spans="2:12" x14ac:dyDescent="0.45">
      <c r="B628" s="27">
        <v>2692.6271360000001</v>
      </c>
      <c r="C628" s="27">
        <v>123.18689999999999</v>
      </c>
      <c r="E628" s="27">
        <v>2692.6271360000001</v>
      </c>
      <c r="F628" s="27">
        <v>114.284325</v>
      </c>
      <c r="H628" s="27">
        <v>2692.6271360000001</v>
      </c>
      <c r="I628" s="27">
        <v>107.268288</v>
      </c>
      <c r="K628" s="27">
        <v>2692.6271360000001</v>
      </c>
      <c r="L628" s="27">
        <v>99.436753999999993</v>
      </c>
    </row>
    <row r="629" spans="2:12" x14ac:dyDescent="0.45">
      <c r="B629" s="27">
        <v>2694.5559520000002</v>
      </c>
      <c r="C629" s="27">
        <v>123.127319</v>
      </c>
      <c r="E629" s="27">
        <v>2694.5559520000002</v>
      </c>
      <c r="F629" s="27">
        <v>114.26675</v>
      </c>
      <c r="H629" s="27">
        <v>2694.5559520000002</v>
      </c>
      <c r="I629" s="27">
        <v>107.256607</v>
      </c>
      <c r="K629" s="27">
        <v>2694.5559520000002</v>
      </c>
      <c r="L629" s="27">
        <v>99.421071999999995</v>
      </c>
    </row>
    <row r="630" spans="2:12" x14ac:dyDescent="0.45">
      <c r="B630" s="27">
        <v>2696.4847679999998</v>
      </c>
      <c r="C630" s="27">
        <v>123.119539</v>
      </c>
      <c r="E630" s="27">
        <v>2696.4847679999998</v>
      </c>
      <c r="F630" s="27">
        <v>114.267511</v>
      </c>
      <c r="H630" s="27">
        <v>2696.4847679999998</v>
      </c>
      <c r="I630" s="27">
        <v>107.24712700000001</v>
      </c>
      <c r="K630" s="27">
        <v>2696.4847679999998</v>
      </c>
      <c r="L630" s="27">
        <v>99.408642999999998</v>
      </c>
    </row>
    <row r="631" spans="2:12" x14ac:dyDescent="0.45">
      <c r="B631" s="27">
        <v>2698.4135839999999</v>
      </c>
      <c r="C631" s="27">
        <v>123.117512</v>
      </c>
      <c r="E631" s="27">
        <v>2698.4135839999999</v>
      </c>
      <c r="F631" s="27">
        <v>114.262208</v>
      </c>
      <c r="H631" s="27">
        <v>2698.4135839999999</v>
      </c>
      <c r="I631" s="27">
        <v>107.236661</v>
      </c>
      <c r="K631" s="27">
        <v>2698.4135839999999</v>
      </c>
      <c r="L631" s="27">
        <v>99.416650000000004</v>
      </c>
    </row>
    <row r="632" spans="2:12" x14ac:dyDescent="0.45">
      <c r="B632" s="27">
        <v>2700.3424</v>
      </c>
      <c r="C632" s="27">
        <v>123.09892600000001</v>
      </c>
      <c r="E632" s="27">
        <v>2700.3424</v>
      </c>
      <c r="F632" s="27">
        <v>114.26914600000001</v>
      </c>
      <c r="H632" s="27">
        <v>2700.3424</v>
      </c>
      <c r="I632" s="27">
        <v>107.233183</v>
      </c>
      <c r="K632" s="27">
        <v>2700.3424</v>
      </c>
      <c r="L632" s="27">
        <v>99.411777000000001</v>
      </c>
    </row>
    <row r="633" spans="2:12" x14ac:dyDescent="0.45">
      <c r="B633" s="27">
        <v>2702.2712160000001</v>
      </c>
      <c r="C633" s="27">
        <v>123.11201699999999</v>
      </c>
      <c r="E633" s="27">
        <v>2702.2712160000001</v>
      </c>
      <c r="F633" s="27">
        <v>114.28386500000001</v>
      </c>
      <c r="H633" s="27">
        <v>2702.2712160000001</v>
      </c>
      <c r="I633" s="27">
        <v>107.23178</v>
      </c>
      <c r="K633" s="27">
        <v>2702.2712160000001</v>
      </c>
      <c r="L633" s="27">
        <v>99.415315000000007</v>
      </c>
    </row>
    <row r="634" spans="2:12" x14ac:dyDescent="0.45">
      <c r="B634" s="27">
        <v>2704.2000320000002</v>
      </c>
      <c r="C634" s="27">
        <v>123.150375</v>
      </c>
      <c r="E634" s="27">
        <v>2704.2000320000002</v>
      </c>
      <c r="F634" s="27">
        <v>114.27523600000001</v>
      </c>
      <c r="H634" s="27">
        <v>2704.2000320000002</v>
      </c>
      <c r="I634" s="27">
        <v>107.213875</v>
      </c>
      <c r="K634" s="27">
        <v>2704.2000320000002</v>
      </c>
      <c r="L634" s="27">
        <v>99.394536000000002</v>
      </c>
    </row>
    <row r="635" spans="2:12" x14ac:dyDescent="0.45">
      <c r="B635" s="27">
        <v>2706.1288479999998</v>
      </c>
      <c r="C635" s="27">
        <v>123.149276</v>
      </c>
      <c r="E635" s="27">
        <v>2706.1288479999998</v>
      </c>
      <c r="F635" s="27">
        <v>114.25645799999999</v>
      </c>
      <c r="H635" s="27">
        <v>2706.1288479999998</v>
      </c>
      <c r="I635" s="27">
        <v>107.205737</v>
      </c>
      <c r="K635" s="27">
        <v>2706.1288479999998</v>
      </c>
      <c r="L635" s="27">
        <v>99.365336999999997</v>
      </c>
    </row>
    <row r="636" spans="2:12" x14ac:dyDescent="0.45">
      <c r="B636" s="27">
        <v>2708.0576639999999</v>
      </c>
      <c r="C636" s="27">
        <v>123.13879300000001</v>
      </c>
      <c r="E636" s="27">
        <v>2708.0576639999999</v>
      </c>
      <c r="F636" s="27">
        <v>114.234576</v>
      </c>
      <c r="H636" s="27">
        <v>2708.0576639999999</v>
      </c>
      <c r="I636" s="27">
        <v>107.19074999999999</v>
      </c>
      <c r="K636" s="27">
        <v>2708.0576639999999</v>
      </c>
      <c r="L636" s="27">
        <v>99.312595000000002</v>
      </c>
    </row>
    <row r="637" spans="2:12" x14ac:dyDescent="0.45">
      <c r="B637" s="27">
        <v>2709.98648</v>
      </c>
      <c r="C637" s="27">
        <v>123.10817299999999</v>
      </c>
      <c r="E637" s="27">
        <v>2709.98648</v>
      </c>
      <c r="F637" s="27">
        <v>114.234652</v>
      </c>
      <c r="H637" s="27">
        <v>2709.98648</v>
      </c>
      <c r="I637" s="27">
        <v>107.168347</v>
      </c>
      <c r="K637" s="27">
        <v>2709.98648</v>
      </c>
      <c r="L637" s="27">
        <v>99.267972999999998</v>
      </c>
    </row>
    <row r="638" spans="2:12" x14ac:dyDescent="0.45">
      <c r="B638" s="27">
        <v>2711.9152960000001</v>
      </c>
      <c r="C638" s="27">
        <v>123.05855699999999</v>
      </c>
      <c r="E638" s="27">
        <v>2711.9152960000001</v>
      </c>
      <c r="F638" s="27">
        <v>114.231247</v>
      </c>
      <c r="H638" s="27">
        <v>2711.9152960000001</v>
      </c>
      <c r="I638" s="27">
        <v>107.142757</v>
      </c>
      <c r="K638" s="27">
        <v>2711.9152960000001</v>
      </c>
      <c r="L638" s="27">
        <v>99.273775000000001</v>
      </c>
    </row>
    <row r="639" spans="2:12" x14ac:dyDescent="0.45">
      <c r="B639" s="27">
        <v>2713.8441120000002</v>
      </c>
      <c r="C639" s="27">
        <v>123.066394</v>
      </c>
      <c r="E639" s="27">
        <v>2713.8441120000002</v>
      </c>
      <c r="F639" s="27">
        <v>114.20079699999999</v>
      </c>
      <c r="H639" s="27">
        <v>2713.8441120000002</v>
      </c>
      <c r="I639" s="27">
        <v>107.12781</v>
      </c>
      <c r="K639" s="27">
        <v>2713.8441120000002</v>
      </c>
      <c r="L639" s="27">
        <v>99.296999</v>
      </c>
    </row>
    <row r="640" spans="2:12" x14ac:dyDescent="0.45">
      <c r="B640" s="27">
        <v>2715.7729279999999</v>
      </c>
      <c r="C640" s="27">
        <v>123.07992900000001</v>
      </c>
      <c r="E640" s="27">
        <v>2715.7729279999999</v>
      </c>
      <c r="F640" s="27">
        <v>114.18227</v>
      </c>
      <c r="H640" s="27">
        <v>2715.7729279999999</v>
      </c>
      <c r="I640" s="27">
        <v>107.12840799999999</v>
      </c>
      <c r="K640" s="27">
        <v>2715.7729279999999</v>
      </c>
      <c r="L640" s="27">
        <v>99.295756999999995</v>
      </c>
    </row>
    <row r="641" spans="2:12" x14ac:dyDescent="0.45">
      <c r="B641" s="27">
        <v>2717.701744</v>
      </c>
      <c r="C641" s="27">
        <v>123.07765999999999</v>
      </c>
      <c r="E641" s="27">
        <v>2717.701744</v>
      </c>
      <c r="F641" s="27">
        <v>114.18662399999999</v>
      </c>
      <c r="H641" s="27">
        <v>2717.701744</v>
      </c>
      <c r="I641" s="27">
        <v>107.123982</v>
      </c>
      <c r="K641" s="27">
        <v>2717.701744</v>
      </c>
      <c r="L641" s="27">
        <v>99.271535</v>
      </c>
    </row>
    <row r="642" spans="2:12" x14ac:dyDescent="0.45">
      <c r="B642" s="27">
        <v>2719.6305600000001</v>
      </c>
      <c r="C642" s="27">
        <v>123.07543200000001</v>
      </c>
      <c r="E642" s="27">
        <v>2719.6305600000001</v>
      </c>
      <c r="F642" s="27">
        <v>114.176838</v>
      </c>
      <c r="H642" s="27">
        <v>2719.6305600000001</v>
      </c>
      <c r="I642" s="27">
        <v>107.11448</v>
      </c>
      <c r="K642" s="27">
        <v>2719.6305600000001</v>
      </c>
      <c r="L642" s="27">
        <v>99.276921999999999</v>
      </c>
    </row>
    <row r="643" spans="2:12" x14ac:dyDescent="0.45">
      <c r="B643" s="27">
        <v>2721.5593760000002</v>
      </c>
      <c r="C643" s="27">
        <v>123.0745</v>
      </c>
      <c r="E643" s="27">
        <v>2721.5593760000002</v>
      </c>
      <c r="F643" s="27">
        <v>114.166752</v>
      </c>
      <c r="H643" s="27">
        <v>2721.5593760000002</v>
      </c>
      <c r="I643" s="27">
        <v>107.101249</v>
      </c>
      <c r="K643" s="27">
        <v>2721.5593760000002</v>
      </c>
      <c r="L643" s="27">
        <v>99.268968999999998</v>
      </c>
    </row>
    <row r="644" spans="2:12" x14ac:dyDescent="0.45">
      <c r="B644" s="27">
        <v>2723.4881919999998</v>
      </c>
      <c r="C644" s="27">
        <v>123.032189</v>
      </c>
      <c r="E644" s="27">
        <v>2723.4881919999998</v>
      </c>
      <c r="F644" s="27">
        <v>114.17519799999999</v>
      </c>
      <c r="H644" s="27">
        <v>2723.4881919999998</v>
      </c>
      <c r="I644" s="27">
        <v>107.070038</v>
      </c>
      <c r="K644" s="27">
        <v>2723.4881919999998</v>
      </c>
      <c r="L644" s="27">
        <v>99.272542999999999</v>
      </c>
    </row>
    <row r="645" spans="2:12" x14ac:dyDescent="0.45">
      <c r="B645" s="27">
        <v>2725.4170079999999</v>
      </c>
      <c r="C645" s="27">
        <v>122.993453</v>
      </c>
      <c r="E645" s="27">
        <v>2725.4170079999999</v>
      </c>
      <c r="F645" s="27">
        <v>114.17431000000001</v>
      </c>
      <c r="H645" s="27">
        <v>2725.4170079999999</v>
      </c>
      <c r="I645" s="27">
        <v>107.08369</v>
      </c>
      <c r="K645" s="27">
        <v>2725.4170079999999</v>
      </c>
      <c r="L645" s="27">
        <v>99.255674999999997</v>
      </c>
    </row>
    <row r="646" spans="2:12" x14ac:dyDescent="0.45">
      <c r="B646" s="27">
        <v>2727.345824</v>
      </c>
      <c r="C646" s="27">
        <v>123.00645400000001</v>
      </c>
      <c r="E646" s="27">
        <v>2727.345824</v>
      </c>
      <c r="F646" s="27">
        <v>114.164905</v>
      </c>
      <c r="H646" s="27">
        <v>2727.345824</v>
      </c>
      <c r="I646" s="27">
        <v>107.09436700000001</v>
      </c>
      <c r="K646" s="27">
        <v>2727.345824</v>
      </c>
      <c r="L646" s="27">
        <v>99.254985000000005</v>
      </c>
    </row>
    <row r="647" spans="2:12" x14ac:dyDescent="0.45">
      <c r="B647" s="27">
        <v>2729.2746400000001</v>
      </c>
      <c r="C647" s="27">
        <v>123.01061</v>
      </c>
      <c r="E647" s="27">
        <v>2729.2746400000001</v>
      </c>
      <c r="F647" s="27">
        <v>114.134381</v>
      </c>
      <c r="H647" s="27">
        <v>2729.2746400000001</v>
      </c>
      <c r="I647" s="27">
        <v>107.07268999999999</v>
      </c>
      <c r="K647" s="27">
        <v>2729.2746400000001</v>
      </c>
      <c r="L647" s="27">
        <v>99.250073</v>
      </c>
    </row>
    <row r="648" spans="2:12" x14ac:dyDescent="0.45">
      <c r="B648" s="27">
        <v>2731.2034560000002</v>
      </c>
      <c r="C648" s="27">
        <v>122.983092</v>
      </c>
      <c r="E648" s="27">
        <v>2731.2034560000002</v>
      </c>
      <c r="F648" s="27">
        <v>114.11582300000001</v>
      </c>
      <c r="H648" s="27">
        <v>2731.2034560000002</v>
      </c>
      <c r="I648" s="27">
        <v>107.067809</v>
      </c>
      <c r="K648" s="27">
        <v>2731.2034560000002</v>
      </c>
      <c r="L648" s="27">
        <v>99.224576999999996</v>
      </c>
    </row>
    <row r="649" spans="2:12" x14ac:dyDescent="0.45">
      <c r="B649" s="27">
        <v>2733.1322719999998</v>
      </c>
      <c r="C649" s="27">
        <v>122.975582</v>
      </c>
      <c r="E649" s="27">
        <v>2733.1322719999998</v>
      </c>
      <c r="F649" s="27">
        <v>114.105525</v>
      </c>
      <c r="H649" s="27">
        <v>2733.1322719999998</v>
      </c>
      <c r="I649" s="27">
        <v>107.04777799999999</v>
      </c>
      <c r="K649" s="27">
        <v>2733.1322719999998</v>
      </c>
      <c r="L649" s="27">
        <v>99.194129000000004</v>
      </c>
    </row>
    <row r="650" spans="2:12" x14ac:dyDescent="0.45">
      <c r="B650" s="27">
        <v>2735.0610879999999</v>
      </c>
      <c r="C650" s="27">
        <v>122.930752</v>
      </c>
      <c r="E650" s="27">
        <v>2735.0610879999999</v>
      </c>
      <c r="F650" s="27">
        <v>114.11824</v>
      </c>
      <c r="H650" s="27">
        <v>2735.0610879999999</v>
      </c>
      <c r="I650" s="27">
        <v>107.016183</v>
      </c>
      <c r="K650" s="27">
        <v>2735.0610879999999</v>
      </c>
      <c r="L650" s="27">
        <v>99.168795000000003</v>
      </c>
    </row>
    <row r="651" spans="2:12" x14ac:dyDescent="0.45">
      <c r="B651" s="27">
        <v>2736.989904</v>
      </c>
      <c r="C651" s="27">
        <v>122.854141</v>
      </c>
      <c r="E651" s="27">
        <v>2736.989904</v>
      </c>
      <c r="F651" s="27">
        <v>114.105428</v>
      </c>
      <c r="H651" s="27">
        <v>2736.989904</v>
      </c>
      <c r="I651" s="27">
        <v>107.00684</v>
      </c>
      <c r="K651" s="27">
        <v>2736.989904</v>
      </c>
      <c r="L651" s="27">
        <v>99.140970999999993</v>
      </c>
    </row>
    <row r="652" spans="2:12" x14ac:dyDescent="0.45">
      <c r="B652" s="27">
        <v>2738.9187200000001</v>
      </c>
      <c r="C652" s="27">
        <v>122.86544000000001</v>
      </c>
      <c r="E652" s="27">
        <v>2738.9187200000001</v>
      </c>
      <c r="F652" s="27">
        <v>114.081281</v>
      </c>
      <c r="H652" s="27">
        <v>2738.9187200000001</v>
      </c>
      <c r="I652" s="27">
        <v>107.010013</v>
      </c>
      <c r="K652" s="27">
        <v>2738.9187200000001</v>
      </c>
      <c r="L652" s="27">
        <v>99.115784000000005</v>
      </c>
    </row>
    <row r="653" spans="2:12" x14ac:dyDescent="0.45">
      <c r="B653" s="27">
        <v>2740.8475360000002</v>
      </c>
      <c r="C653" s="27">
        <v>122.923953</v>
      </c>
      <c r="E653" s="27">
        <v>2740.8475360000002</v>
      </c>
      <c r="F653" s="27">
        <v>114.082033</v>
      </c>
      <c r="H653" s="27">
        <v>2740.8475360000002</v>
      </c>
      <c r="I653" s="27">
        <v>106.97307499999999</v>
      </c>
      <c r="K653" s="27">
        <v>2740.8475360000002</v>
      </c>
      <c r="L653" s="27">
        <v>99.143006999999997</v>
      </c>
    </row>
    <row r="654" spans="2:12" x14ac:dyDescent="0.45">
      <c r="B654" s="27">
        <v>2742.7763519999999</v>
      </c>
      <c r="C654" s="27">
        <v>122.910428</v>
      </c>
      <c r="E654" s="27">
        <v>2742.7763519999999</v>
      </c>
      <c r="F654" s="27">
        <v>114.062528</v>
      </c>
      <c r="H654" s="27">
        <v>2742.7763519999999</v>
      </c>
      <c r="I654" s="27">
        <v>106.935151</v>
      </c>
      <c r="K654" s="27">
        <v>2742.7763519999999</v>
      </c>
      <c r="L654" s="27">
        <v>99.157094000000001</v>
      </c>
    </row>
    <row r="655" spans="2:12" x14ac:dyDescent="0.45">
      <c r="B655" s="27">
        <v>2744.705168</v>
      </c>
      <c r="C655" s="27">
        <v>122.85105799999999</v>
      </c>
      <c r="E655" s="27">
        <v>2744.705168</v>
      </c>
      <c r="F655" s="27">
        <v>114.03673999999999</v>
      </c>
      <c r="H655" s="27">
        <v>2744.705168</v>
      </c>
      <c r="I655" s="27">
        <v>106.918853</v>
      </c>
      <c r="K655" s="27">
        <v>2744.705168</v>
      </c>
      <c r="L655" s="27">
        <v>99.114050000000006</v>
      </c>
    </row>
    <row r="656" spans="2:12" x14ac:dyDescent="0.45">
      <c r="B656" s="27">
        <v>2746.6339840000001</v>
      </c>
      <c r="C656" s="27">
        <v>122.870334</v>
      </c>
      <c r="E656" s="27">
        <v>2746.6339840000001</v>
      </c>
      <c r="F656" s="27">
        <v>114.063974</v>
      </c>
      <c r="H656" s="27">
        <v>2746.6339840000001</v>
      </c>
      <c r="I656" s="27">
        <v>106.95002100000001</v>
      </c>
      <c r="K656" s="27">
        <v>2746.6339840000001</v>
      </c>
      <c r="L656" s="27">
        <v>99.098725999999999</v>
      </c>
    </row>
    <row r="657" spans="2:12" x14ac:dyDescent="0.45">
      <c r="B657" s="27">
        <v>2748.5628000000002</v>
      </c>
      <c r="C657" s="27">
        <v>122.885411</v>
      </c>
      <c r="E657" s="27">
        <v>2748.5628000000002</v>
      </c>
      <c r="F657" s="27">
        <v>114.07319</v>
      </c>
      <c r="H657" s="27">
        <v>2748.5628000000002</v>
      </c>
      <c r="I657" s="27">
        <v>106.95123100000001</v>
      </c>
      <c r="K657" s="27">
        <v>2748.5628000000002</v>
      </c>
      <c r="L657" s="27">
        <v>99.098781000000002</v>
      </c>
    </row>
    <row r="658" spans="2:12" x14ac:dyDescent="0.45">
      <c r="B658" s="27">
        <v>2750.4916159999998</v>
      </c>
      <c r="C658" s="27">
        <v>122.893558</v>
      </c>
      <c r="E658" s="27">
        <v>2750.4916159999998</v>
      </c>
      <c r="F658" s="27">
        <v>114.04071</v>
      </c>
      <c r="H658" s="27">
        <v>2750.4916159999998</v>
      </c>
      <c r="I658" s="27">
        <v>106.902869</v>
      </c>
      <c r="K658" s="27">
        <v>2750.4916159999998</v>
      </c>
      <c r="L658" s="27">
        <v>99.074270999999996</v>
      </c>
    </row>
    <row r="659" spans="2:12" x14ac:dyDescent="0.45">
      <c r="B659" s="27">
        <v>2752.4204319999999</v>
      </c>
      <c r="C659" s="27">
        <v>122.846338</v>
      </c>
      <c r="E659" s="27">
        <v>2752.4204319999999</v>
      </c>
      <c r="F659" s="27">
        <v>114.01227299999999</v>
      </c>
      <c r="H659" s="27">
        <v>2752.4204319999999</v>
      </c>
      <c r="I659" s="27">
        <v>106.864633</v>
      </c>
      <c r="K659" s="27">
        <v>2752.4204319999999</v>
      </c>
      <c r="L659" s="27">
        <v>99.025216999999998</v>
      </c>
    </row>
    <row r="660" spans="2:12" x14ac:dyDescent="0.45">
      <c r="B660" s="27">
        <v>2754.349248</v>
      </c>
      <c r="C660" s="27">
        <v>122.811864</v>
      </c>
      <c r="E660" s="27">
        <v>2754.349248</v>
      </c>
      <c r="F660" s="27">
        <v>114.00487699999999</v>
      </c>
      <c r="H660" s="27">
        <v>2754.349248</v>
      </c>
      <c r="I660" s="27">
        <v>106.86908200000001</v>
      </c>
      <c r="K660" s="27">
        <v>2754.349248</v>
      </c>
      <c r="L660" s="27">
        <v>98.992225000000005</v>
      </c>
    </row>
    <row r="661" spans="2:12" x14ac:dyDescent="0.45">
      <c r="B661" s="27">
        <v>2756.2780640000001</v>
      </c>
      <c r="C661" s="27">
        <v>122.816159</v>
      </c>
      <c r="E661" s="27">
        <v>2756.2780640000001</v>
      </c>
      <c r="F661" s="27">
        <v>114.01906099999999</v>
      </c>
      <c r="H661" s="27">
        <v>2756.2780640000001</v>
      </c>
      <c r="I661" s="27">
        <v>106.88806099999999</v>
      </c>
      <c r="K661" s="27">
        <v>2756.2780640000001</v>
      </c>
      <c r="L661" s="27">
        <v>98.994705999999994</v>
      </c>
    </row>
    <row r="662" spans="2:12" x14ac:dyDescent="0.45">
      <c r="B662" s="27">
        <v>2758.2068800000002</v>
      </c>
      <c r="C662" s="27">
        <v>122.832114</v>
      </c>
      <c r="E662" s="27">
        <v>2758.2068800000002</v>
      </c>
      <c r="F662" s="27">
        <v>114.004485</v>
      </c>
      <c r="H662" s="27">
        <v>2758.2068800000002</v>
      </c>
      <c r="I662" s="27">
        <v>106.879848</v>
      </c>
      <c r="K662" s="27">
        <v>2758.2068800000002</v>
      </c>
      <c r="L662" s="27">
        <v>99.003099000000006</v>
      </c>
    </row>
    <row r="663" spans="2:12" x14ac:dyDescent="0.45">
      <c r="B663" s="27">
        <v>2760.1356959999998</v>
      </c>
      <c r="C663" s="27">
        <v>122.840046</v>
      </c>
      <c r="E663" s="27">
        <v>2760.1356959999998</v>
      </c>
      <c r="F663" s="27">
        <v>113.97108900000001</v>
      </c>
      <c r="H663" s="27">
        <v>2760.1356959999998</v>
      </c>
      <c r="I663" s="27">
        <v>106.850545</v>
      </c>
      <c r="K663" s="27">
        <v>2760.1356959999998</v>
      </c>
      <c r="L663" s="27">
        <v>98.993891000000005</v>
      </c>
    </row>
    <row r="664" spans="2:12" x14ac:dyDescent="0.45">
      <c r="B664" s="27">
        <v>2762.0645119999999</v>
      </c>
      <c r="C664" s="27">
        <v>122.8074</v>
      </c>
      <c r="E664" s="27">
        <v>2762.0645119999999</v>
      </c>
      <c r="F664" s="27">
        <v>113.96941200000001</v>
      </c>
      <c r="H664" s="27">
        <v>2762.0645119999999</v>
      </c>
      <c r="I664" s="27">
        <v>106.839815</v>
      </c>
      <c r="K664" s="27">
        <v>2762.0645119999999</v>
      </c>
      <c r="L664" s="27">
        <v>98.958461999999997</v>
      </c>
    </row>
    <row r="665" spans="2:12" x14ac:dyDescent="0.45">
      <c r="B665" s="27">
        <v>2763.993328</v>
      </c>
      <c r="C665" s="27">
        <v>122.788312</v>
      </c>
      <c r="E665" s="27">
        <v>2763.993328</v>
      </c>
      <c r="F665" s="27">
        <v>113.984219</v>
      </c>
      <c r="H665" s="27">
        <v>2763.993328</v>
      </c>
      <c r="I665" s="27">
        <v>106.84643699999999</v>
      </c>
      <c r="K665" s="27">
        <v>2763.993328</v>
      </c>
      <c r="L665" s="27">
        <v>98.899609999999996</v>
      </c>
    </row>
    <row r="666" spans="2:12" x14ac:dyDescent="0.45">
      <c r="B666" s="27">
        <v>2765.9221440000001</v>
      </c>
      <c r="C666" s="27">
        <v>122.768145</v>
      </c>
      <c r="E666" s="27">
        <v>2765.9221440000001</v>
      </c>
      <c r="F666" s="27">
        <v>113.970097</v>
      </c>
      <c r="H666" s="27">
        <v>2765.9221440000001</v>
      </c>
      <c r="I666" s="27">
        <v>106.840977</v>
      </c>
      <c r="K666" s="27">
        <v>2765.9221440000001</v>
      </c>
      <c r="L666" s="27">
        <v>98.919190999999998</v>
      </c>
    </row>
    <row r="667" spans="2:12" x14ac:dyDescent="0.45">
      <c r="B667" s="27">
        <v>2767.8509600000002</v>
      </c>
      <c r="C667" s="27">
        <v>122.75532200000001</v>
      </c>
      <c r="E667" s="27">
        <v>2767.8509600000002</v>
      </c>
      <c r="F667" s="27">
        <v>113.97396000000001</v>
      </c>
      <c r="H667" s="27">
        <v>2767.8509600000002</v>
      </c>
      <c r="I667" s="27">
        <v>106.848264</v>
      </c>
      <c r="K667" s="27">
        <v>2767.8509600000002</v>
      </c>
      <c r="L667" s="27">
        <v>98.943150000000003</v>
      </c>
    </row>
    <row r="668" spans="2:12" x14ac:dyDescent="0.45">
      <c r="B668" s="27">
        <v>2769.7797759999999</v>
      </c>
      <c r="C668" s="27">
        <v>122.766155</v>
      </c>
      <c r="E668" s="27">
        <v>2769.7797759999999</v>
      </c>
      <c r="F668" s="27">
        <v>113.986435</v>
      </c>
      <c r="H668" s="27">
        <v>2769.7797759999999</v>
      </c>
      <c r="I668" s="27">
        <v>106.800022</v>
      </c>
      <c r="K668" s="27">
        <v>2769.7797759999999</v>
      </c>
      <c r="L668" s="27">
        <v>98.950398000000007</v>
      </c>
    </row>
    <row r="669" spans="2:12" x14ac:dyDescent="0.45">
      <c r="B669" s="27">
        <v>2771.708592</v>
      </c>
      <c r="C669" s="27">
        <v>122.762799</v>
      </c>
      <c r="E669" s="27">
        <v>2771.708592</v>
      </c>
      <c r="F669" s="27">
        <v>113.979947</v>
      </c>
      <c r="H669" s="27">
        <v>2771.708592</v>
      </c>
      <c r="I669" s="27">
        <v>106.75720699999999</v>
      </c>
      <c r="K669" s="27">
        <v>2771.708592</v>
      </c>
      <c r="L669" s="27">
        <v>98.951306000000002</v>
      </c>
    </row>
    <row r="670" spans="2:12" x14ac:dyDescent="0.45">
      <c r="B670" s="27">
        <v>2773.6374080000001</v>
      </c>
      <c r="C670" s="27">
        <v>122.75425799999999</v>
      </c>
      <c r="E670" s="27">
        <v>2773.6374080000001</v>
      </c>
      <c r="F670" s="27">
        <v>113.93734000000001</v>
      </c>
      <c r="H670" s="27">
        <v>2773.6374080000001</v>
      </c>
      <c r="I670" s="27">
        <v>106.78759700000001</v>
      </c>
      <c r="K670" s="27">
        <v>2773.6374080000001</v>
      </c>
      <c r="L670" s="27">
        <v>98.922630999999996</v>
      </c>
    </row>
    <row r="671" spans="2:12" x14ac:dyDescent="0.45">
      <c r="B671" s="27">
        <v>2775.5662240000001</v>
      </c>
      <c r="C671" s="27">
        <v>122.75509</v>
      </c>
      <c r="E671" s="27">
        <v>2775.5662240000001</v>
      </c>
      <c r="F671" s="27">
        <v>113.931185</v>
      </c>
      <c r="H671" s="27">
        <v>2775.5662240000001</v>
      </c>
      <c r="I671" s="27">
        <v>106.82939</v>
      </c>
      <c r="K671" s="27">
        <v>2775.5662240000001</v>
      </c>
      <c r="L671" s="27">
        <v>98.871323000000004</v>
      </c>
    </row>
    <row r="672" spans="2:12" x14ac:dyDescent="0.45">
      <c r="B672" s="27">
        <v>2777.4950399999998</v>
      </c>
      <c r="C672" s="27">
        <v>122.724845</v>
      </c>
      <c r="E672" s="27">
        <v>2777.4950399999998</v>
      </c>
      <c r="F672" s="27">
        <v>113.946896</v>
      </c>
      <c r="H672" s="27">
        <v>2777.4950399999998</v>
      </c>
      <c r="I672" s="27">
        <v>106.769577</v>
      </c>
      <c r="K672" s="27">
        <v>2777.4950399999998</v>
      </c>
      <c r="L672" s="27">
        <v>98.858324999999994</v>
      </c>
    </row>
    <row r="673" spans="2:12" x14ac:dyDescent="0.45">
      <c r="B673" s="27">
        <v>2779.4238559999999</v>
      </c>
      <c r="C673" s="27">
        <v>122.69377799999999</v>
      </c>
      <c r="E673" s="27">
        <v>2779.4238559999999</v>
      </c>
      <c r="F673" s="27">
        <v>113.924611</v>
      </c>
      <c r="H673" s="27">
        <v>2779.4238559999999</v>
      </c>
      <c r="I673" s="27">
        <v>106.706684</v>
      </c>
      <c r="K673" s="27">
        <v>2779.4238559999999</v>
      </c>
      <c r="L673" s="27">
        <v>98.894256999999996</v>
      </c>
    </row>
    <row r="674" spans="2:12" x14ac:dyDescent="0.45">
      <c r="B674" s="27">
        <v>2781.352672</v>
      </c>
      <c r="C674" s="27">
        <v>122.65963600000001</v>
      </c>
      <c r="E674" s="27">
        <v>2781.352672</v>
      </c>
      <c r="F674" s="27">
        <v>113.892836</v>
      </c>
      <c r="H674" s="27">
        <v>2781.352672</v>
      </c>
      <c r="I674" s="27">
        <v>106.71749699999999</v>
      </c>
      <c r="K674" s="27">
        <v>2781.352672</v>
      </c>
      <c r="L674" s="27">
        <v>98.897794000000005</v>
      </c>
    </row>
    <row r="675" spans="2:12" x14ac:dyDescent="0.45">
      <c r="B675" s="27">
        <v>2783.2814880000001</v>
      </c>
      <c r="C675" s="27">
        <v>122.680536</v>
      </c>
      <c r="E675" s="27">
        <v>2783.2814880000001</v>
      </c>
      <c r="F675" s="27">
        <v>113.866629</v>
      </c>
      <c r="H675" s="27">
        <v>2783.2814880000001</v>
      </c>
      <c r="I675" s="27">
        <v>106.72192</v>
      </c>
      <c r="K675" s="27">
        <v>2783.2814880000001</v>
      </c>
      <c r="L675" s="27">
        <v>98.843221</v>
      </c>
    </row>
    <row r="676" spans="2:12" x14ac:dyDescent="0.45">
      <c r="B676" s="27">
        <v>2785.2103040000002</v>
      </c>
      <c r="C676" s="27">
        <v>122.679861</v>
      </c>
      <c r="E676" s="27">
        <v>2785.2103040000002</v>
      </c>
      <c r="F676" s="27">
        <v>113.866579</v>
      </c>
      <c r="H676" s="27">
        <v>2785.2103040000002</v>
      </c>
      <c r="I676" s="27">
        <v>106.684766</v>
      </c>
      <c r="K676" s="27">
        <v>2785.2103040000002</v>
      </c>
      <c r="L676" s="27">
        <v>98.800145000000001</v>
      </c>
    </row>
    <row r="677" spans="2:12" x14ac:dyDescent="0.45">
      <c r="B677" s="27">
        <v>2787.1391199999998</v>
      </c>
      <c r="C677" s="27">
        <v>122.714478</v>
      </c>
      <c r="E677" s="27">
        <v>2787.1391199999998</v>
      </c>
      <c r="F677" s="27">
        <v>113.891549</v>
      </c>
      <c r="H677" s="27">
        <v>2787.1391199999998</v>
      </c>
      <c r="I677" s="27">
        <v>106.68250500000001</v>
      </c>
      <c r="K677" s="27">
        <v>2787.1391199999998</v>
      </c>
      <c r="L677" s="27">
        <v>98.747877000000003</v>
      </c>
    </row>
    <row r="678" spans="2:12" x14ac:dyDescent="0.45">
      <c r="B678" s="27">
        <v>2789.0679359999999</v>
      </c>
      <c r="C678" s="27">
        <v>122.712293</v>
      </c>
      <c r="E678" s="27">
        <v>2789.0679359999999</v>
      </c>
      <c r="F678" s="27">
        <v>113.888177</v>
      </c>
      <c r="H678" s="27">
        <v>2789.0679359999999</v>
      </c>
      <c r="I678" s="27">
        <v>106.71814999999999</v>
      </c>
      <c r="K678" s="27">
        <v>2789.0679359999999</v>
      </c>
      <c r="L678" s="27">
        <v>98.774501000000001</v>
      </c>
    </row>
    <row r="679" spans="2:12" x14ac:dyDescent="0.45">
      <c r="B679" s="27">
        <v>2790.996752</v>
      </c>
      <c r="C679" s="27">
        <v>122.682892</v>
      </c>
      <c r="E679" s="27">
        <v>2790.996752</v>
      </c>
      <c r="F679" s="27">
        <v>113.896387</v>
      </c>
      <c r="H679" s="27">
        <v>2790.996752</v>
      </c>
      <c r="I679" s="27">
        <v>106.707342</v>
      </c>
      <c r="K679" s="27">
        <v>2790.996752</v>
      </c>
      <c r="L679" s="27">
        <v>98.811425</v>
      </c>
    </row>
    <row r="680" spans="2:12" x14ac:dyDescent="0.45">
      <c r="B680" s="27">
        <v>2792.9255680000001</v>
      </c>
      <c r="C680" s="27">
        <v>122.636726</v>
      </c>
      <c r="E680" s="27">
        <v>2792.9255680000001</v>
      </c>
      <c r="F680" s="27">
        <v>113.894003</v>
      </c>
      <c r="H680" s="27">
        <v>2792.9255680000001</v>
      </c>
      <c r="I680" s="27">
        <v>106.675856</v>
      </c>
      <c r="K680" s="27">
        <v>2792.9255680000001</v>
      </c>
      <c r="L680" s="27">
        <v>98.773557999999994</v>
      </c>
    </row>
    <row r="681" spans="2:12" x14ac:dyDescent="0.45">
      <c r="B681" s="27">
        <v>2794.8543840000002</v>
      </c>
      <c r="C681" s="27">
        <v>122.59583499999999</v>
      </c>
      <c r="E681" s="27">
        <v>2794.8543840000002</v>
      </c>
      <c r="F681" s="27">
        <v>113.86342999999999</v>
      </c>
      <c r="H681" s="27">
        <v>2794.8543840000002</v>
      </c>
      <c r="I681" s="27">
        <v>106.668036</v>
      </c>
      <c r="K681" s="27">
        <v>2794.8543840000002</v>
      </c>
      <c r="L681" s="27">
        <v>98.746146999999993</v>
      </c>
    </row>
    <row r="682" spans="2:12" x14ac:dyDescent="0.45">
      <c r="B682" s="27">
        <v>2796.7831999999999</v>
      </c>
      <c r="C682" s="27">
        <v>122.63824</v>
      </c>
      <c r="E682" s="27">
        <v>2796.7831999999999</v>
      </c>
      <c r="F682" s="27">
        <v>113.872818</v>
      </c>
      <c r="H682" s="27">
        <v>2796.7831999999999</v>
      </c>
      <c r="I682" s="27">
        <v>106.652022</v>
      </c>
      <c r="K682" s="27">
        <v>2796.7831999999999</v>
      </c>
      <c r="L682" s="27">
        <v>98.779787999999996</v>
      </c>
    </row>
    <row r="683" spans="2:12" x14ac:dyDescent="0.45">
      <c r="B683" s="27">
        <v>2798.7120159999999</v>
      </c>
      <c r="C683" s="27">
        <v>122.6574</v>
      </c>
      <c r="E683" s="27">
        <v>2798.7120159999999</v>
      </c>
      <c r="F683" s="27">
        <v>113.85935499999999</v>
      </c>
      <c r="H683" s="27">
        <v>2798.7120159999999</v>
      </c>
      <c r="I683" s="27">
        <v>106.641239</v>
      </c>
      <c r="K683" s="27">
        <v>2798.7120159999999</v>
      </c>
      <c r="L683" s="27">
        <v>98.784880000000001</v>
      </c>
    </row>
    <row r="684" spans="2:12" x14ac:dyDescent="0.45">
      <c r="B684" s="27">
        <v>2800.640832</v>
      </c>
      <c r="C684" s="27">
        <v>122.59867300000001</v>
      </c>
      <c r="E684" s="27">
        <v>2800.640832</v>
      </c>
      <c r="F684" s="27">
        <v>113.80471199999999</v>
      </c>
      <c r="H684" s="27">
        <v>2800.640832</v>
      </c>
      <c r="I684" s="27">
        <v>106.61485</v>
      </c>
      <c r="K684" s="27">
        <v>2800.640832</v>
      </c>
      <c r="L684" s="27">
        <v>98.721171999999996</v>
      </c>
    </row>
    <row r="685" spans="2:12" x14ac:dyDescent="0.45">
      <c r="B685" s="27">
        <v>2802.5696480000001</v>
      </c>
      <c r="C685" s="27">
        <v>122.57299500000001</v>
      </c>
      <c r="E685" s="27">
        <v>2802.5696480000001</v>
      </c>
      <c r="F685" s="27">
        <v>113.780373</v>
      </c>
      <c r="H685" s="27">
        <v>2802.5696480000001</v>
      </c>
      <c r="I685" s="27">
        <v>106.582978</v>
      </c>
      <c r="K685" s="27">
        <v>2802.5696480000001</v>
      </c>
      <c r="L685" s="27">
        <v>98.680182000000002</v>
      </c>
    </row>
    <row r="686" spans="2:12" x14ac:dyDescent="0.45">
      <c r="B686" s="27">
        <v>2804.4984639999998</v>
      </c>
      <c r="C686" s="27">
        <v>122.56558</v>
      </c>
      <c r="E686" s="27">
        <v>2804.4984639999998</v>
      </c>
      <c r="F686" s="27">
        <v>113.75875600000001</v>
      </c>
      <c r="H686" s="27">
        <v>2804.4984639999998</v>
      </c>
      <c r="I686" s="27">
        <v>106.536969</v>
      </c>
      <c r="K686" s="27">
        <v>2804.4984639999998</v>
      </c>
      <c r="L686" s="27">
        <v>98.672966000000002</v>
      </c>
    </row>
    <row r="687" spans="2:12" x14ac:dyDescent="0.45">
      <c r="B687" s="27">
        <v>2806.4272799999999</v>
      </c>
      <c r="C687" s="27">
        <v>122.557134</v>
      </c>
      <c r="E687" s="27">
        <v>2806.4272799999999</v>
      </c>
      <c r="F687" s="27">
        <v>113.74760000000001</v>
      </c>
      <c r="H687" s="27">
        <v>2806.4272799999999</v>
      </c>
      <c r="I687" s="27">
        <v>106.527187</v>
      </c>
      <c r="K687" s="27">
        <v>2806.4272799999999</v>
      </c>
      <c r="L687" s="27">
        <v>98.658707000000007</v>
      </c>
    </row>
    <row r="688" spans="2:12" x14ac:dyDescent="0.45">
      <c r="B688" s="27">
        <v>2808.356096</v>
      </c>
      <c r="C688" s="27">
        <v>122.565299</v>
      </c>
      <c r="E688" s="27">
        <v>2808.356096</v>
      </c>
      <c r="F688" s="27">
        <v>113.764844</v>
      </c>
      <c r="H688" s="27">
        <v>2808.356096</v>
      </c>
      <c r="I688" s="27">
        <v>106.549065</v>
      </c>
      <c r="K688" s="27">
        <v>2808.356096</v>
      </c>
      <c r="L688" s="27">
        <v>98.666273000000004</v>
      </c>
    </row>
    <row r="689" spans="2:12" x14ac:dyDescent="0.45">
      <c r="B689" s="27">
        <v>2810.2849120000001</v>
      </c>
      <c r="C689" s="27">
        <v>122.583089</v>
      </c>
      <c r="E689" s="27">
        <v>2810.2849120000001</v>
      </c>
      <c r="F689" s="27">
        <v>113.76933099999999</v>
      </c>
      <c r="H689" s="27">
        <v>2810.2849120000001</v>
      </c>
      <c r="I689" s="27">
        <v>106.559157</v>
      </c>
      <c r="K689" s="27">
        <v>2810.2849120000001</v>
      </c>
      <c r="L689" s="27">
        <v>98.688986999999997</v>
      </c>
    </row>
    <row r="690" spans="2:12" x14ac:dyDescent="0.45">
      <c r="B690" s="27">
        <v>2812.2137280000002</v>
      </c>
      <c r="C690" s="27">
        <v>122.542451</v>
      </c>
      <c r="E690" s="27">
        <v>2812.2137280000002</v>
      </c>
      <c r="F690" s="27">
        <v>113.745203</v>
      </c>
      <c r="H690" s="27">
        <v>2812.2137280000002</v>
      </c>
      <c r="I690" s="27">
        <v>106.525119</v>
      </c>
      <c r="K690" s="27">
        <v>2812.2137280000002</v>
      </c>
      <c r="L690" s="27">
        <v>98.670389999999998</v>
      </c>
    </row>
    <row r="691" spans="2:12" x14ac:dyDescent="0.45">
      <c r="B691" s="27">
        <v>2814.1425439999998</v>
      </c>
      <c r="C691" s="27">
        <v>122.54697400000001</v>
      </c>
      <c r="E691" s="27">
        <v>2814.1425439999998</v>
      </c>
      <c r="F691" s="27">
        <v>113.723258</v>
      </c>
      <c r="H691" s="27">
        <v>2814.1425439999998</v>
      </c>
      <c r="I691" s="27">
        <v>106.49214600000001</v>
      </c>
      <c r="K691" s="27">
        <v>2814.1425439999998</v>
      </c>
      <c r="L691" s="27">
        <v>98.566491999999997</v>
      </c>
    </row>
    <row r="692" spans="2:12" x14ac:dyDescent="0.45">
      <c r="B692" s="27">
        <v>2816.0713599999999</v>
      </c>
      <c r="C692" s="27">
        <v>122.587576</v>
      </c>
      <c r="E692" s="27">
        <v>2816.0713599999999</v>
      </c>
      <c r="F692" s="27">
        <v>113.72635699999999</v>
      </c>
      <c r="H692" s="27">
        <v>2816.0713599999999</v>
      </c>
      <c r="I692" s="27">
        <v>106.503264</v>
      </c>
      <c r="K692" s="27">
        <v>2816.0713599999999</v>
      </c>
      <c r="L692" s="27">
        <v>98.496329000000003</v>
      </c>
    </row>
    <row r="693" spans="2:12" x14ac:dyDescent="0.45">
      <c r="B693" s="27">
        <v>2818.000176</v>
      </c>
      <c r="C693" s="27">
        <v>122.575996</v>
      </c>
      <c r="E693" s="27">
        <v>2818.000176</v>
      </c>
      <c r="F693" s="27">
        <v>113.716578</v>
      </c>
      <c r="H693" s="27">
        <v>2818.000176</v>
      </c>
      <c r="I693" s="27">
        <v>106.491421</v>
      </c>
      <c r="K693" s="27">
        <v>2818.000176</v>
      </c>
      <c r="L693" s="27">
        <v>98.499834000000007</v>
      </c>
    </row>
    <row r="694" spans="2:12" x14ac:dyDescent="0.45">
      <c r="B694" s="27">
        <v>2819.9289920000001</v>
      </c>
      <c r="C694" s="27">
        <v>122.564353</v>
      </c>
      <c r="E694" s="27">
        <v>2819.9289920000001</v>
      </c>
      <c r="F694" s="27">
        <v>113.695955</v>
      </c>
      <c r="H694" s="27">
        <v>2819.9289920000001</v>
      </c>
      <c r="I694" s="27">
        <v>106.437522</v>
      </c>
      <c r="K694" s="27">
        <v>2819.9289920000001</v>
      </c>
      <c r="L694" s="27">
        <v>98.532359</v>
      </c>
    </row>
    <row r="695" spans="2:12" x14ac:dyDescent="0.45">
      <c r="B695" s="27">
        <v>2821.8578080000002</v>
      </c>
      <c r="C695" s="27">
        <v>122.529712</v>
      </c>
      <c r="E695" s="27">
        <v>2821.8578080000002</v>
      </c>
      <c r="F695" s="27">
        <v>113.691259</v>
      </c>
      <c r="H695" s="27">
        <v>2821.8578080000002</v>
      </c>
      <c r="I695" s="27">
        <v>106.41364900000001</v>
      </c>
      <c r="K695" s="27">
        <v>2821.8578080000002</v>
      </c>
      <c r="L695" s="27">
        <v>98.549516999999994</v>
      </c>
    </row>
    <row r="696" spans="2:12" x14ac:dyDescent="0.45">
      <c r="B696" s="27">
        <v>2823.7866239999998</v>
      </c>
      <c r="C696" s="27">
        <v>122.49912399999999</v>
      </c>
      <c r="E696" s="27">
        <v>2823.7866239999998</v>
      </c>
      <c r="F696" s="27">
        <v>113.68120500000001</v>
      </c>
      <c r="H696" s="27">
        <v>2823.7866239999998</v>
      </c>
      <c r="I696" s="27">
        <v>106.431138</v>
      </c>
      <c r="K696" s="27">
        <v>2823.7866239999998</v>
      </c>
      <c r="L696" s="27">
        <v>98.520054999999999</v>
      </c>
    </row>
    <row r="697" spans="2:12" x14ac:dyDescent="0.45">
      <c r="B697" s="27">
        <v>2825.7154399999999</v>
      </c>
      <c r="C697" s="27">
        <v>122.47628400000001</v>
      </c>
      <c r="E697" s="27">
        <v>2825.7154399999999</v>
      </c>
      <c r="F697" s="27">
        <v>113.677589</v>
      </c>
      <c r="H697" s="27">
        <v>2825.7154399999999</v>
      </c>
      <c r="I697" s="27">
        <v>106.414658</v>
      </c>
      <c r="K697" s="27">
        <v>2825.7154399999999</v>
      </c>
      <c r="L697" s="27">
        <v>98.45702</v>
      </c>
    </row>
    <row r="698" spans="2:12" x14ac:dyDescent="0.45">
      <c r="B698" s="27">
        <v>2827.644256</v>
      </c>
      <c r="C698" s="27">
        <v>122.456861</v>
      </c>
      <c r="E698" s="27">
        <v>2827.644256</v>
      </c>
      <c r="F698" s="27">
        <v>113.68128</v>
      </c>
      <c r="H698" s="27">
        <v>2827.644256</v>
      </c>
      <c r="I698" s="27">
        <v>106.358046</v>
      </c>
      <c r="K698" s="27">
        <v>2827.644256</v>
      </c>
      <c r="L698" s="27">
        <v>98.397158000000005</v>
      </c>
    </row>
    <row r="699" spans="2:12" x14ac:dyDescent="0.45">
      <c r="B699" s="27">
        <v>2829.5730720000001</v>
      </c>
      <c r="C699" s="27">
        <v>122.45567699999999</v>
      </c>
      <c r="E699" s="27">
        <v>2829.5730720000001</v>
      </c>
      <c r="F699" s="27">
        <v>113.68973</v>
      </c>
      <c r="H699" s="27">
        <v>2829.5730720000001</v>
      </c>
      <c r="I699" s="27">
        <v>106.299857</v>
      </c>
      <c r="K699" s="27">
        <v>2829.5730720000001</v>
      </c>
      <c r="L699" s="27">
        <v>98.389934999999994</v>
      </c>
    </row>
    <row r="700" spans="2:12" x14ac:dyDescent="0.45">
      <c r="B700" s="27">
        <v>2831.5018879999998</v>
      </c>
      <c r="C700" s="27">
        <v>122.454549</v>
      </c>
      <c r="E700" s="27">
        <v>2831.5018879999998</v>
      </c>
      <c r="F700" s="27">
        <v>113.690123</v>
      </c>
      <c r="H700" s="27">
        <v>2831.5018879999998</v>
      </c>
      <c r="I700" s="27">
        <v>106.29319099999999</v>
      </c>
      <c r="K700" s="27">
        <v>2831.5018879999998</v>
      </c>
      <c r="L700" s="27">
        <v>98.433929000000006</v>
      </c>
    </row>
    <row r="701" spans="2:12" x14ac:dyDescent="0.45">
      <c r="B701" s="27">
        <v>2833.4307039999999</v>
      </c>
      <c r="C701" s="27">
        <v>122.435163</v>
      </c>
      <c r="E701" s="27">
        <v>2833.4307039999999</v>
      </c>
      <c r="F701" s="27">
        <v>113.68933199999999</v>
      </c>
      <c r="H701" s="27">
        <v>2833.4307039999999</v>
      </c>
      <c r="I701" s="27">
        <v>106.324701</v>
      </c>
      <c r="K701" s="27">
        <v>2833.4307039999999</v>
      </c>
      <c r="L701" s="27">
        <v>98.424477999999993</v>
      </c>
    </row>
    <row r="702" spans="2:12" x14ac:dyDescent="0.45">
      <c r="B702" s="27">
        <v>2835.35952</v>
      </c>
      <c r="C702" s="27">
        <v>122.41172</v>
      </c>
      <c r="E702" s="27">
        <v>2835.35952</v>
      </c>
      <c r="F702" s="27">
        <v>113.682714</v>
      </c>
      <c r="H702" s="27">
        <v>2835.35952</v>
      </c>
      <c r="I702" s="27">
        <v>106.328827</v>
      </c>
      <c r="K702" s="27">
        <v>2835.35952</v>
      </c>
      <c r="L702" s="27">
        <v>98.390429999999995</v>
      </c>
    </row>
    <row r="703" spans="2:12" x14ac:dyDescent="0.45">
      <c r="B703" s="27">
        <v>2837.2883360000001</v>
      </c>
      <c r="C703" s="27">
        <v>122.462524</v>
      </c>
      <c r="E703" s="27">
        <v>2837.2883360000001</v>
      </c>
      <c r="F703" s="27">
        <v>113.69240499999999</v>
      </c>
      <c r="H703" s="27">
        <v>2837.2883360000001</v>
      </c>
      <c r="I703" s="27">
        <v>106.33765099999999</v>
      </c>
      <c r="K703" s="27">
        <v>2837.2883360000001</v>
      </c>
      <c r="L703" s="27">
        <v>98.367977999999994</v>
      </c>
    </row>
    <row r="704" spans="2:12" x14ac:dyDescent="0.45">
      <c r="B704" s="27">
        <v>2839.2171520000002</v>
      </c>
      <c r="C704" s="27">
        <v>122.475959</v>
      </c>
      <c r="E704" s="27">
        <v>2839.2171520000002</v>
      </c>
      <c r="F704" s="27">
        <v>113.71119899999999</v>
      </c>
      <c r="H704" s="27">
        <v>2839.2171520000002</v>
      </c>
      <c r="I704" s="27">
        <v>106.33262499999999</v>
      </c>
      <c r="K704" s="27">
        <v>2839.2171520000002</v>
      </c>
      <c r="L704" s="27">
        <v>98.346153999999999</v>
      </c>
    </row>
    <row r="705" spans="2:12" x14ac:dyDescent="0.45">
      <c r="B705" s="27">
        <v>2841.1459679999998</v>
      </c>
      <c r="C705" s="27">
        <v>122.41274300000001</v>
      </c>
      <c r="E705" s="27">
        <v>2841.1459679999998</v>
      </c>
      <c r="F705" s="27">
        <v>113.656296</v>
      </c>
      <c r="H705" s="27">
        <v>2841.1459679999998</v>
      </c>
      <c r="I705" s="27">
        <v>106.255944</v>
      </c>
      <c r="K705" s="27">
        <v>2841.1459679999998</v>
      </c>
      <c r="L705" s="27">
        <v>98.262773999999993</v>
      </c>
    </row>
    <row r="706" spans="2:12" x14ac:dyDescent="0.45">
      <c r="B706" s="27">
        <v>2843.0747839999999</v>
      </c>
      <c r="C706" s="27">
        <v>122.385706</v>
      </c>
      <c r="E706" s="27">
        <v>2843.0747839999999</v>
      </c>
      <c r="F706" s="27">
        <v>113.583336</v>
      </c>
      <c r="H706" s="27">
        <v>2843.0747839999999</v>
      </c>
      <c r="I706" s="27">
        <v>106.18254</v>
      </c>
      <c r="K706" s="27">
        <v>2843.0747839999999</v>
      </c>
      <c r="L706" s="27">
        <v>98.194004000000007</v>
      </c>
    </row>
    <row r="707" spans="2:12" x14ac:dyDescent="0.45">
      <c r="B707" s="27">
        <v>2845.0036</v>
      </c>
      <c r="C707" s="27">
        <v>122.420254</v>
      </c>
      <c r="E707" s="27">
        <v>2845.0036</v>
      </c>
      <c r="F707" s="27">
        <v>113.56686000000001</v>
      </c>
      <c r="H707" s="27">
        <v>2845.0036</v>
      </c>
      <c r="I707" s="27">
        <v>106.170828</v>
      </c>
      <c r="K707" s="27">
        <v>2845.0036</v>
      </c>
      <c r="L707" s="27">
        <v>98.144527999999994</v>
      </c>
    </row>
    <row r="708" spans="2:12" x14ac:dyDescent="0.45">
      <c r="B708" s="27">
        <v>2846.9324160000001</v>
      </c>
      <c r="C708" s="27">
        <v>122.434721</v>
      </c>
      <c r="E708" s="27">
        <v>2846.9324160000001</v>
      </c>
      <c r="F708" s="27">
        <v>113.58593500000001</v>
      </c>
      <c r="H708" s="27">
        <v>2846.9324160000001</v>
      </c>
      <c r="I708" s="27">
        <v>106.149092</v>
      </c>
      <c r="K708" s="27">
        <v>2846.9324160000001</v>
      </c>
      <c r="L708" s="27">
        <v>98.136673999999999</v>
      </c>
    </row>
    <row r="709" spans="2:12" x14ac:dyDescent="0.45">
      <c r="B709" s="27">
        <v>2848.8612320000002</v>
      </c>
      <c r="C709" s="27">
        <v>122.44954199999999</v>
      </c>
      <c r="E709" s="27">
        <v>2848.8612320000002</v>
      </c>
      <c r="F709" s="27">
        <v>113.607614</v>
      </c>
      <c r="H709" s="27">
        <v>2848.8612320000002</v>
      </c>
      <c r="I709" s="27">
        <v>106.11150499999999</v>
      </c>
      <c r="K709" s="27">
        <v>2848.8612320000002</v>
      </c>
      <c r="L709" s="27">
        <v>98.127173999999997</v>
      </c>
    </row>
    <row r="710" spans="2:12" x14ac:dyDescent="0.45">
      <c r="B710" s="27">
        <v>2850.7900479999998</v>
      </c>
      <c r="C710" s="27">
        <v>122.45835599999999</v>
      </c>
      <c r="E710" s="27">
        <v>2850.7900479999998</v>
      </c>
      <c r="F710" s="27">
        <v>113.568331</v>
      </c>
      <c r="H710" s="27">
        <v>2850.7900479999998</v>
      </c>
      <c r="I710" s="27">
        <v>106.043499</v>
      </c>
      <c r="K710" s="27">
        <v>2850.7900479999998</v>
      </c>
      <c r="L710" s="27">
        <v>98.071567999999999</v>
      </c>
    </row>
    <row r="711" spans="2:12" x14ac:dyDescent="0.45">
      <c r="B711" s="27">
        <v>2852.7188639999999</v>
      </c>
      <c r="C711" s="27">
        <v>122.450159</v>
      </c>
      <c r="E711" s="27">
        <v>2852.7188639999999</v>
      </c>
      <c r="F711" s="27">
        <v>113.532848</v>
      </c>
      <c r="H711" s="27">
        <v>2852.7188639999999</v>
      </c>
      <c r="I711" s="27">
        <v>105.978351</v>
      </c>
      <c r="K711" s="27">
        <v>2852.7188639999999</v>
      </c>
      <c r="L711" s="27">
        <v>97.979498000000007</v>
      </c>
    </row>
    <row r="712" spans="2:12" x14ac:dyDescent="0.45">
      <c r="B712" s="27">
        <v>2854.64768</v>
      </c>
      <c r="C712" s="27">
        <v>122.42716</v>
      </c>
      <c r="E712" s="27">
        <v>2854.64768</v>
      </c>
      <c r="F712" s="27">
        <v>113.498813</v>
      </c>
      <c r="H712" s="27">
        <v>2854.64768</v>
      </c>
      <c r="I712" s="27">
        <v>105.922768</v>
      </c>
      <c r="K712" s="27">
        <v>2854.64768</v>
      </c>
      <c r="L712" s="27">
        <v>97.866714000000002</v>
      </c>
    </row>
    <row r="713" spans="2:12" x14ac:dyDescent="0.45">
      <c r="B713" s="27">
        <v>2856.5764960000001</v>
      </c>
      <c r="C713" s="27">
        <v>122.389297</v>
      </c>
      <c r="E713" s="27">
        <v>2856.5764960000001</v>
      </c>
      <c r="F713" s="27">
        <v>113.470933</v>
      </c>
      <c r="H713" s="27">
        <v>2856.5764960000001</v>
      </c>
      <c r="I713" s="27">
        <v>105.899862</v>
      </c>
      <c r="K713" s="27">
        <v>2856.5764960000001</v>
      </c>
      <c r="L713" s="27">
        <v>97.802667999999997</v>
      </c>
    </row>
    <row r="714" spans="2:12" x14ac:dyDescent="0.45">
      <c r="B714" s="27">
        <v>2858.5053119999998</v>
      </c>
      <c r="C714" s="27">
        <v>122.381659</v>
      </c>
      <c r="E714" s="27">
        <v>2858.5053119999998</v>
      </c>
      <c r="F714" s="27">
        <v>113.44064299999999</v>
      </c>
      <c r="H714" s="27">
        <v>2858.5053119999998</v>
      </c>
      <c r="I714" s="27">
        <v>105.86753899999999</v>
      </c>
      <c r="K714" s="27">
        <v>2858.5053119999998</v>
      </c>
      <c r="L714" s="27">
        <v>97.775710000000004</v>
      </c>
    </row>
    <row r="715" spans="2:12" x14ac:dyDescent="0.45">
      <c r="B715" s="27">
        <v>2860.4341279999999</v>
      </c>
      <c r="C715" s="27">
        <v>122.371197</v>
      </c>
      <c r="E715" s="27">
        <v>2860.4341279999999</v>
      </c>
      <c r="F715" s="27">
        <v>113.397397</v>
      </c>
      <c r="H715" s="27">
        <v>2860.4341279999999</v>
      </c>
      <c r="I715" s="27">
        <v>105.818304</v>
      </c>
      <c r="K715" s="27">
        <v>2860.4341279999999</v>
      </c>
      <c r="L715" s="27">
        <v>97.722494999999995</v>
      </c>
    </row>
    <row r="716" spans="2:12" x14ac:dyDescent="0.45">
      <c r="B716" s="27">
        <v>2862.362944</v>
      </c>
      <c r="C716" s="27">
        <v>122.305645</v>
      </c>
      <c r="E716" s="27">
        <v>2862.362944</v>
      </c>
      <c r="F716" s="27">
        <v>113.333883</v>
      </c>
      <c r="H716" s="27">
        <v>2862.362944</v>
      </c>
      <c r="I716" s="27">
        <v>105.779234</v>
      </c>
      <c r="K716" s="27">
        <v>2862.362944</v>
      </c>
      <c r="L716" s="27">
        <v>97.654801000000006</v>
      </c>
    </row>
    <row r="717" spans="2:12" x14ac:dyDescent="0.45">
      <c r="B717" s="27">
        <v>2864.2917600000001</v>
      </c>
      <c r="C717" s="27">
        <v>122.270309</v>
      </c>
      <c r="E717" s="27">
        <v>2864.2917600000001</v>
      </c>
      <c r="F717" s="27">
        <v>113.295897</v>
      </c>
      <c r="H717" s="27">
        <v>2864.2917600000001</v>
      </c>
      <c r="I717" s="27">
        <v>105.75635699999999</v>
      </c>
      <c r="K717" s="27">
        <v>2864.2917600000001</v>
      </c>
      <c r="L717" s="27">
        <v>97.572670000000002</v>
      </c>
    </row>
    <row r="718" spans="2:12" x14ac:dyDescent="0.45">
      <c r="B718" s="27">
        <v>2866.2205760000002</v>
      </c>
      <c r="C718" s="27">
        <v>122.272402</v>
      </c>
      <c r="E718" s="27">
        <v>2866.2205760000002</v>
      </c>
      <c r="F718" s="27">
        <v>113.268991</v>
      </c>
      <c r="H718" s="27">
        <v>2866.2205760000002</v>
      </c>
      <c r="I718" s="27">
        <v>105.697193</v>
      </c>
      <c r="K718" s="27">
        <v>2866.2205760000002</v>
      </c>
      <c r="L718" s="27">
        <v>97.544585999999995</v>
      </c>
    </row>
    <row r="719" spans="2:12" x14ac:dyDescent="0.45">
      <c r="B719" s="27">
        <v>2868.1493919999998</v>
      </c>
      <c r="C719" s="27">
        <v>122.28971799999999</v>
      </c>
      <c r="E719" s="27">
        <v>2868.1493919999998</v>
      </c>
      <c r="F719" s="27">
        <v>113.250865</v>
      </c>
      <c r="H719" s="27">
        <v>2868.1493919999998</v>
      </c>
      <c r="I719" s="27">
        <v>105.649218</v>
      </c>
      <c r="K719" s="27">
        <v>2868.1493919999998</v>
      </c>
      <c r="L719" s="27">
        <v>97.572395</v>
      </c>
    </row>
    <row r="720" spans="2:12" x14ac:dyDescent="0.45">
      <c r="B720" s="27">
        <v>2870.0782079999999</v>
      </c>
      <c r="C720" s="27">
        <v>122.278319</v>
      </c>
      <c r="E720" s="27">
        <v>2870.0782079999999</v>
      </c>
      <c r="F720" s="27">
        <v>113.23498499999999</v>
      </c>
      <c r="H720" s="27">
        <v>2870.0782079999999</v>
      </c>
      <c r="I720" s="27">
        <v>105.63885999999999</v>
      </c>
      <c r="K720" s="27">
        <v>2870.0782079999999</v>
      </c>
      <c r="L720" s="27">
        <v>97.559318000000005</v>
      </c>
    </row>
    <row r="721" spans="2:12" x14ac:dyDescent="0.45">
      <c r="B721" s="27">
        <v>2872.007024</v>
      </c>
      <c r="C721" s="27">
        <v>122.284297</v>
      </c>
      <c r="E721" s="27">
        <v>2872.007024</v>
      </c>
      <c r="F721" s="27">
        <v>113.239277</v>
      </c>
      <c r="H721" s="27">
        <v>2872.007024</v>
      </c>
      <c r="I721" s="27">
        <v>105.680786</v>
      </c>
      <c r="K721" s="27">
        <v>2872.007024</v>
      </c>
      <c r="L721" s="27">
        <v>97.560243999999997</v>
      </c>
    </row>
    <row r="722" spans="2:12" x14ac:dyDescent="0.45">
      <c r="B722" s="27">
        <v>2873.9358400000001</v>
      </c>
      <c r="C722" s="27">
        <v>122.276736</v>
      </c>
      <c r="E722" s="27">
        <v>2873.9358400000001</v>
      </c>
      <c r="F722" s="27">
        <v>113.26245400000001</v>
      </c>
      <c r="H722" s="27">
        <v>2873.9358400000001</v>
      </c>
      <c r="I722" s="27">
        <v>105.694259</v>
      </c>
      <c r="K722" s="27">
        <v>2873.9358400000001</v>
      </c>
      <c r="L722" s="27">
        <v>97.583636999999996</v>
      </c>
    </row>
    <row r="723" spans="2:12" x14ac:dyDescent="0.45">
      <c r="B723" s="27">
        <v>2875.8646560000002</v>
      </c>
      <c r="C723" s="27">
        <v>122.22500599999999</v>
      </c>
      <c r="E723" s="27">
        <v>2875.8646560000002</v>
      </c>
      <c r="F723" s="27">
        <v>113.25009900000001</v>
      </c>
      <c r="H723" s="27">
        <v>2875.8646560000002</v>
      </c>
      <c r="I723" s="27">
        <v>105.66751499999999</v>
      </c>
      <c r="K723" s="27">
        <v>2875.8646560000002</v>
      </c>
      <c r="L723" s="27">
        <v>97.594058000000004</v>
      </c>
    </row>
    <row r="724" spans="2:12" x14ac:dyDescent="0.45">
      <c r="B724" s="27">
        <v>2877.7934719999998</v>
      </c>
      <c r="C724" s="27">
        <v>122.197422</v>
      </c>
      <c r="E724" s="27">
        <v>2877.7934719999998</v>
      </c>
      <c r="F724" s="27">
        <v>113.222392</v>
      </c>
      <c r="H724" s="27">
        <v>2877.7934719999998</v>
      </c>
      <c r="I724" s="27">
        <v>105.648777</v>
      </c>
      <c r="K724" s="27">
        <v>2877.7934719999998</v>
      </c>
      <c r="L724" s="27">
        <v>97.543790000000001</v>
      </c>
    </row>
    <row r="725" spans="2:12" x14ac:dyDescent="0.45">
      <c r="B725" s="27">
        <v>2879.7222879999999</v>
      </c>
      <c r="C725" s="27">
        <v>122.183678</v>
      </c>
      <c r="E725" s="27">
        <v>2879.7222879999999</v>
      </c>
      <c r="F725" s="27">
        <v>113.24915900000001</v>
      </c>
      <c r="H725" s="27">
        <v>2879.7222879999999</v>
      </c>
      <c r="I725" s="27">
        <v>105.631114</v>
      </c>
      <c r="K725" s="27">
        <v>2879.7222879999999</v>
      </c>
      <c r="L725" s="27">
        <v>97.478324000000001</v>
      </c>
    </row>
    <row r="726" spans="2:12" x14ac:dyDescent="0.45">
      <c r="B726" s="27">
        <v>2881.651104</v>
      </c>
      <c r="C726" s="27">
        <v>122.156054</v>
      </c>
      <c r="E726" s="27">
        <v>2881.651104</v>
      </c>
      <c r="F726" s="27">
        <v>113.280433</v>
      </c>
      <c r="H726" s="27">
        <v>2881.651104</v>
      </c>
      <c r="I726" s="27">
        <v>105.59191800000001</v>
      </c>
      <c r="K726" s="27">
        <v>2881.651104</v>
      </c>
      <c r="L726" s="27">
        <v>97.456371000000004</v>
      </c>
    </row>
    <row r="727" spans="2:12" x14ac:dyDescent="0.45">
      <c r="B727" s="27">
        <v>2883.5799200000001</v>
      </c>
      <c r="C727" s="27">
        <v>122.140265</v>
      </c>
      <c r="E727" s="27">
        <v>2883.5799200000001</v>
      </c>
      <c r="F727" s="27">
        <v>113.22917200000001</v>
      </c>
      <c r="H727" s="27">
        <v>2883.5799200000001</v>
      </c>
      <c r="I727" s="27">
        <v>105.578305</v>
      </c>
      <c r="K727" s="27">
        <v>2883.5799200000001</v>
      </c>
      <c r="L727" s="27">
        <v>97.429114999999996</v>
      </c>
    </row>
    <row r="728" spans="2:12" x14ac:dyDescent="0.45">
      <c r="B728" s="27">
        <v>2885.5087360000002</v>
      </c>
      <c r="C728" s="27">
        <v>122.123701</v>
      </c>
      <c r="E728" s="27">
        <v>2885.5087360000002</v>
      </c>
      <c r="F728" s="27">
        <v>113.190855</v>
      </c>
      <c r="H728" s="27">
        <v>2885.5087360000002</v>
      </c>
      <c r="I728" s="27">
        <v>105.56938</v>
      </c>
      <c r="K728" s="27">
        <v>2885.5087360000002</v>
      </c>
      <c r="L728" s="27">
        <v>97.397552000000005</v>
      </c>
    </row>
    <row r="729" spans="2:12" x14ac:dyDescent="0.45">
      <c r="B729" s="27">
        <v>2887.4375519999999</v>
      </c>
      <c r="C729" s="27">
        <v>122.125632</v>
      </c>
      <c r="E729" s="27">
        <v>2887.4375519999999</v>
      </c>
      <c r="F729" s="27">
        <v>113.186459</v>
      </c>
      <c r="H729" s="27">
        <v>2887.4375519999999</v>
      </c>
      <c r="I729" s="27">
        <v>105.567025</v>
      </c>
      <c r="K729" s="27">
        <v>2887.4375519999999</v>
      </c>
      <c r="L729" s="27">
        <v>97.374440000000007</v>
      </c>
    </row>
    <row r="730" spans="2:12" x14ac:dyDescent="0.45">
      <c r="B730" s="27">
        <v>2889.366368</v>
      </c>
      <c r="C730" s="27">
        <v>122.140485</v>
      </c>
      <c r="E730" s="27">
        <v>2889.366368</v>
      </c>
      <c r="F730" s="27">
        <v>113.177048</v>
      </c>
      <c r="H730" s="27">
        <v>2889.366368</v>
      </c>
      <c r="I730" s="27">
        <v>105.56796900000001</v>
      </c>
      <c r="K730" s="27">
        <v>2889.366368</v>
      </c>
      <c r="L730" s="27">
        <v>97.402816000000001</v>
      </c>
    </row>
    <row r="731" spans="2:12" x14ac:dyDescent="0.45">
      <c r="B731" s="27">
        <v>2891.2951840000001</v>
      </c>
      <c r="C731" s="27">
        <v>122.124633</v>
      </c>
      <c r="E731" s="27">
        <v>2891.2951840000001</v>
      </c>
      <c r="F731" s="27">
        <v>113.18301200000001</v>
      </c>
      <c r="H731" s="27">
        <v>2891.2951840000001</v>
      </c>
      <c r="I731" s="27">
        <v>105.562521</v>
      </c>
      <c r="K731" s="27">
        <v>2891.2951840000001</v>
      </c>
      <c r="L731" s="27">
        <v>97.439245</v>
      </c>
    </row>
    <row r="732" spans="2:12" x14ac:dyDescent="0.45">
      <c r="B732" s="27">
        <v>2893.2240000000002</v>
      </c>
      <c r="C732" s="27">
        <v>122.10902900000001</v>
      </c>
      <c r="E732" s="27">
        <v>2893.2240000000002</v>
      </c>
      <c r="F732" s="27">
        <v>113.206456</v>
      </c>
      <c r="H732" s="27">
        <v>2893.2240000000002</v>
      </c>
      <c r="I732" s="27">
        <v>105.53353300000001</v>
      </c>
      <c r="K732" s="27">
        <v>2893.2240000000002</v>
      </c>
      <c r="L732" s="27">
        <v>97.434145000000001</v>
      </c>
    </row>
    <row r="733" spans="2:12" x14ac:dyDescent="0.45">
      <c r="B733" s="27">
        <v>2895.1528159999998</v>
      </c>
      <c r="C733" s="27">
        <v>122.153519</v>
      </c>
      <c r="E733" s="27">
        <v>2895.1528159999998</v>
      </c>
      <c r="F733" s="27">
        <v>113.256193</v>
      </c>
      <c r="H733" s="27">
        <v>2895.1528159999998</v>
      </c>
      <c r="I733" s="27">
        <v>105.543463</v>
      </c>
      <c r="K733" s="27">
        <v>2895.1528159999998</v>
      </c>
      <c r="L733" s="27">
        <v>97.425380000000004</v>
      </c>
    </row>
    <row r="734" spans="2:12" x14ac:dyDescent="0.45">
      <c r="B734" s="27">
        <v>2897.0816319999999</v>
      </c>
      <c r="C734" s="27">
        <v>122.148656</v>
      </c>
      <c r="E734" s="27">
        <v>2897.0816319999999</v>
      </c>
      <c r="F734" s="27">
        <v>113.252174</v>
      </c>
      <c r="H734" s="27">
        <v>2897.0816319999999</v>
      </c>
      <c r="I734" s="27">
        <v>105.55911</v>
      </c>
      <c r="K734" s="27">
        <v>2897.0816319999999</v>
      </c>
      <c r="L734" s="27">
        <v>97.386399999999995</v>
      </c>
    </row>
    <row r="735" spans="2:12" x14ac:dyDescent="0.45">
      <c r="B735" s="27">
        <v>2899.010448</v>
      </c>
      <c r="C735" s="27">
        <v>122.102783</v>
      </c>
      <c r="E735" s="27">
        <v>2899.010448</v>
      </c>
      <c r="F735" s="27">
        <v>113.22285599999999</v>
      </c>
      <c r="H735" s="27">
        <v>2899.010448</v>
      </c>
      <c r="I735" s="27">
        <v>105.545946</v>
      </c>
      <c r="K735" s="27">
        <v>2899.010448</v>
      </c>
      <c r="L735" s="27">
        <v>97.413988000000003</v>
      </c>
    </row>
    <row r="736" spans="2:12" x14ac:dyDescent="0.45">
      <c r="B736" s="27">
        <v>2900.9392640000001</v>
      </c>
      <c r="C736" s="27">
        <v>122.03499600000001</v>
      </c>
      <c r="E736" s="27">
        <v>2900.9392640000001</v>
      </c>
      <c r="F736" s="27">
        <v>113.21157100000001</v>
      </c>
      <c r="H736" s="27">
        <v>2900.9392640000001</v>
      </c>
      <c r="I736" s="27">
        <v>105.54030400000001</v>
      </c>
      <c r="K736" s="27">
        <v>2900.9392640000001</v>
      </c>
      <c r="L736" s="27">
        <v>97.451115999999999</v>
      </c>
    </row>
    <row r="737" spans="2:12" x14ac:dyDescent="0.45">
      <c r="B737" s="27">
        <v>2902.8680800000002</v>
      </c>
      <c r="C737" s="27">
        <v>122.03193400000001</v>
      </c>
      <c r="E737" s="27">
        <v>2902.8680800000002</v>
      </c>
      <c r="F737" s="27">
        <v>113.207671</v>
      </c>
      <c r="H737" s="27">
        <v>2902.8680800000002</v>
      </c>
      <c r="I737" s="27">
        <v>105.53779900000001</v>
      </c>
      <c r="K737" s="27">
        <v>2902.8680800000002</v>
      </c>
      <c r="L737" s="27">
        <v>97.375247999999999</v>
      </c>
    </row>
    <row r="738" spans="2:12" x14ac:dyDescent="0.45">
      <c r="B738" s="27">
        <v>2904.7968959999998</v>
      </c>
      <c r="C738" s="27">
        <v>122.069283</v>
      </c>
      <c r="E738" s="27">
        <v>2904.7968959999998</v>
      </c>
      <c r="F738" s="27">
        <v>113.208298</v>
      </c>
      <c r="H738" s="27">
        <v>2904.7968959999998</v>
      </c>
      <c r="I738" s="27">
        <v>105.491868</v>
      </c>
      <c r="K738" s="27">
        <v>2904.7968959999998</v>
      </c>
      <c r="L738" s="27">
        <v>97.333008000000007</v>
      </c>
    </row>
    <row r="739" spans="2:12" x14ac:dyDescent="0.45">
      <c r="B739" s="27">
        <v>2906.7257119999999</v>
      </c>
      <c r="C739" s="27">
        <v>122.050235</v>
      </c>
      <c r="E739" s="27">
        <v>2906.7257119999999</v>
      </c>
      <c r="F739" s="27">
        <v>113.189139</v>
      </c>
      <c r="H739" s="27">
        <v>2906.7257119999999</v>
      </c>
      <c r="I739" s="27">
        <v>105.44055400000001</v>
      </c>
      <c r="K739" s="27">
        <v>2906.7257119999999</v>
      </c>
      <c r="L739" s="27">
        <v>97.287367000000003</v>
      </c>
    </row>
    <row r="740" spans="2:12" x14ac:dyDescent="0.45">
      <c r="B740" s="27">
        <v>2908.654528</v>
      </c>
      <c r="C740" s="27">
        <v>122.093013</v>
      </c>
      <c r="E740" s="27">
        <v>2908.654528</v>
      </c>
      <c r="F740" s="27">
        <v>113.167502</v>
      </c>
      <c r="H740" s="27">
        <v>2908.654528</v>
      </c>
      <c r="I740" s="27">
        <v>105.416541</v>
      </c>
      <c r="K740" s="27">
        <v>2908.654528</v>
      </c>
      <c r="L740" s="27">
        <v>97.260571999999996</v>
      </c>
    </row>
    <row r="741" spans="2:12" x14ac:dyDescent="0.45">
      <c r="B741" s="27">
        <v>2910.5833440000001</v>
      </c>
      <c r="C741" s="27">
        <v>122.16488</v>
      </c>
      <c r="E741" s="27">
        <v>2910.5833440000001</v>
      </c>
      <c r="F741" s="27">
        <v>113.175223</v>
      </c>
      <c r="H741" s="27">
        <v>2910.5833440000001</v>
      </c>
      <c r="I741" s="27">
        <v>105.412462</v>
      </c>
      <c r="K741" s="27">
        <v>2910.5833440000001</v>
      </c>
      <c r="L741" s="27">
        <v>97.255737999999994</v>
      </c>
    </row>
    <row r="742" spans="2:12" x14ac:dyDescent="0.45">
      <c r="B742" s="27">
        <v>2912.5121600000002</v>
      </c>
      <c r="C742" s="27">
        <v>122.164918</v>
      </c>
      <c r="E742" s="27">
        <v>2912.5121600000002</v>
      </c>
      <c r="F742" s="27">
        <v>113.157319</v>
      </c>
      <c r="H742" s="27">
        <v>2912.5121600000002</v>
      </c>
      <c r="I742" s="27">
        <v>105.41401999999999</v>
      </c>
      <c r="K742" s="27">
        <v>2912.5121600000002</v>
      </c>
      <c r="L742" s="27">
        <v>97.273280999999997</v>
      </c>
    </row>
    <row r="743" spans="2:12" x14ac:dyDescent="0.45">
      <c r="B743" s="27">
        <v>2914.4409759999999</v>
      </c>
      <c r="C743" s="27">
        <v>122.15338199999999</v>
      </c>
      <c r="E743" s="27">
        <v>2914.4409759999999</v>
      </c>
      <c r="F743" s="27">
        <v>113.1507</v>
      </c>
      <c r="H743" s="27">
        <v>2914.4409759999999</v>
      </c>
      <c r="I743" s="27">
        <v>105.381934</v>
      </c>
      <c r="K743" s="27">
        <v>2914.4409759999999</v>
      </c>
      <c r="L743" s="27">
        <v>97.268957999999998</v>
      </c>
    </row>
    <row r="744" spans="2:12" x14ac:dyDescent="0.45">
      <c r="B744" s="27">
        <v>2916.369792</v>
      </c>
      <c r="C744" s="27">
        <v>122.154918</v>
      </c>
      <c r="E744" s="27">
        <v>2916.369792</v>
      </c>
      <c r="F744" s="27">
        <v>113.159047</v>
      </c>
      <c r="H744" s="27">
        <v>2916.369792</v>
      </c>
      <c r="I744" s="27">
        <v>105.32566</v>
      </c>
      <c r="K744" s="27">
        <v>2916.369792</v>
      </c>
      <c r="L744" s="27">
        <v>97.233611999999994</v>
      </c>
    </row>
    <row r="745" spans="2:12" x14ac:dyDescent="0.45">
      <c r="B745" s="27">
        <v>2918.2986080000001</v>
      </c>
      <c r="C745" s="27">
        <v>122.133937</v>
      </c>
      <c r="E745" s="27">
        <v>2918.2986080000001</v>
      </c>
      <c r="F745" s="27">
        <v>113.149884</v>
      </c>
      <c r="H745" s="27">
        <v>2918.2986080000001</v>
      </c>
      <c r="I745" s="27">
        <v>105.263606</v>
      </c>
      <c r="K745" s="27">
        <v>2918.2986080000001</v>
      </c>
      <c r="L745" s="27">
        <v>97.130153000000007</v>
      </c>
    </row>
    <row r="746" spans="2:12" x14ac:dyDescent="0.45">
      <c r="B746" s="27">
        <v>2920.2274240000002</v>
      </c>
      <c r="C746" s="27">
        <v>122.052036</v>
      </c>
      <c r="E746" s="27">
        <v>2920.2274240000002</v>
      </c>
      <c r="F746" s="27">
        <v>113.10416499999999</v>
      </c>
      <c r="H746" s="27">
        <v>2920.2274240000002</v>
      </c>
      <c r="I746" s="27">
        <v>105.17425299999999</v>
      </c>
      <c r="K746" s="27">
        <v>2920.2274240000002</v>
      </c>
      <c r="L746" s="27">
        <v>97.009649999999993</v>
      </c>
    </row>
    <row r="747" spans="2:12" x14ac:dyDescent="0.45">
      <c r="B747" s="27">
        <v>2922.1562399999998</v>
      </c>
      <c r="C747" s="27">
        <v>122.02061999999999</v>
      </c>
      <c r="E747" s="27">
        <v>2922.1562399999998</v>
      </c>
      <c r="F747" s="27">
        <v>113.09443</v>
      </c>
      <c r="H747" s="27">
        <v>2922.1562399999998</v>
      </c>
      <c r="I747" s="27">
        <v>105.125272</v>
      </c>
      <c r="K747" s="27">
        <v>2922.1562399999998</v>
      </c>
      <c r="L747" s="27">
        <v>96.937022999999996</v>
      </c>
    </row>
    <row r="748" spans="2:12" x14ac:dyDescent="0.45">
      <c r="B748" s="27">
        <v>2924.0850559999999</v>
      </c>
      <c r="C748" s="27">
        <v>122.01237999999999</v>
      </c>
      <c r="E748" s="27">
        <v>2924.0850559999999</v>
      </c>
      <c r="F748" s="27">
        <v>113.07748100000001</v>
      </c>
      <c r="H748" s="27">
        <v>2924.0850559999999</v>
      </c>
      <c r="I748" s="27">
        <v>105.088296</v>
      </c>
      <c r="K748" s="27">
        <v>2924.0850559999999</v>
      </c>
      <c r="L748" s="27">
        <v>96.877433999999994</v>
      </c>
    </row>
    <row r="749" spans="2:12" x14ac:dyDescent="0.45">
      <c r="B749" s="27">
        <v>2926.013872</v>
      </c>
      <c r="C749" s="27">
        <v>121.996129</v>
      </c>
      <c r="E749" s="27">
        <v>2926.013872</v>
      </c>
      <c r="F749" s="27">
        <v>113.044552</v>
      </c>
      <c r="H749" s="27">
        <v>2926.013872</v>
      </c>
      <c r="I749" s="27">
        <v>105.060575</v>
      </c>
      <c r="K749" s="27">
        <v>2926.013872</v>
      </c>
      <c r="L749" s="27">
        <v>96.799246999999994</v>
      </c>
    </row>
    <row r="750" spans="2:12" x14ac:dyDescent="0.45">
      <c r="B750" s="27">
        <v>2927.9426880000001</v>
      </c>
      <c r="C750" s="27">
        <v>121.993195</v>
      </c>
      <c r="E750" s="27">
        <v>2927.9426880000001</v>
      </c>
      <c r="F750" s="27">
        <v>113.014493</v>
      </c>
      <c r="H750" s="27">
        <v>2927.9426880000001</v>
      </c>
      <c r="I750" s="27">
        <v>105.060301</v>
      </c>
      <c r="K750" s="27">
        <v>2927.9426880000001</v>
      </c>
      <c r="L750" s="27">
        <v>96.776439999999994</v>
      </c>
    </row>
    <row r="751" spans="2:12" x14ac:dyDescent="0.45">
      <c r="B751" s="27">
        <v>2929.8715040000002</v>
      </c>
      <c r="C751" s="27">
        <v>121.99450899999999</v>
      </c>
      <c r="E751" s="27">
        <v>2929.8715040000002</v>
      </c>
      <c r="F751" s="27">
        <v>112.982685</v>
      </c>
      <c r="H751" s="27">
        <v>2929.8715040000002</v>
      </c>
      <c r="I751" s="27">
        <v>105.04855499999999</v>
      </c>
      <c r="K751" s="27">
        <v>2929.8715040000002</v>
      </c>
      <c r="L751" s="27">
        <v>96.838493999999997</v>
      </c>
    </row>
    <row r="752" spans="2:12" x14ac:dyDescent="0.45">
      <c r="B752" s="27">
        <v>2931.8003199999998</v>
      </c>
      <c r="C752" s="27">
        <v>121.94002</v>
      </c>
      <c r="E752" s="27">
        <v>2931.8003199999998</v>
      </c>
      <c r="F752" s="27">
        <v>112.91894499999999</v>
      </c>
      <c r="H752" s="27">
        <v>2931.8003199999998</v>
      </c>
      <c r="I752" s="27">
        <v>104.97718399999999</v>
      </c>
      <c r="K752" s="27">
        <v>2931.8003199999998</v>
      </c>
      <c r="L752" s="27">
        <v>96.790802999999997</v>
      </c>
    </row>
    <row r="753" spans="2:12" x14ac:dyDescent="0.45">
      <c r="B753" s="27">
        <v>2933.7291359999999</v>
      </c>
      <c r="C753" s="27">
        <v>121.89699299999999</v>
      </c>
      <c r="E753" s="27">
        <v>2933.7291359999999</v>
      </c>
      <c r="F753" s="27">
        <v>112.87928100000001</v>
      </c>
      <c r="H753" s="27">
        <v>2933.7291359999999</v>
      </c>
      <c r="I753" s="27">
        <v>104.929777</v>
      </c>
      <c r="K753" s="27">
        <v>2933.7291359999999</v>
      </c>
      <c r="L753" s="27">
        <v>96.687800999999993</v>
      </c>
    </row>
    <row r="754" spans="2:12" x14ac:dyDescent="0.45">
      <c r="B754" s="27">
        <v>2935.657952</v>
      </c>
      <c r="C754" s="27">
        <v>121.843271</v>
      </c>
      <c r="E754" s="27">
        <v>2935.657952</v>
      </c>
      <c r="F754" s="27">
        <v>112.85260100000001</v>
      </c>
      <c r="H754" s="27">
        <v>2935.657952</v>
      </c>
      <c r="I754" s="27">
        <v>104.93928200000001</v>
      </c>
      <c r="K754" s="27">
        <v>2935.657952</v>
      </c>
      <c r="L754" s="27">
        <v>96.700525999999996</v>
      </c>
    </row>
    <row r="755" spans="2:12" x14ac:dyDescent="0.45">
      <c r="B755" s="27">
        <v>2937.5867680000001</v>
      </c>
      <c r="C755" s="27">
        <v>121.787721</v>
      </c>
      <c r="E755" s="27">
        <v>2937.5867680000001</v>
      </c>
      <c r="F755" s="27">
        <v>112.837964</v>
      </c>
      <c r="H755" s="27">
        <v>2937.5867680000001</v>
      </c>
      <c r="I755" s="27">
        <v>104.949607</v>
      </c>
      <c r="K755" s="27">
        <v>2937.5867680000001</v>
      </c>
      <c r="L755" s="27">
        <v>96.781790999999998</v>
      </c>
    </row>
    <row r="756" spans="2:12" x14ac:dyDescent="0.45">
      <c r="B756" s="27">
        <v>2939.5155840000002</v>
      </c>
      <c r="C756" s="27">
        <v>121.80357100000001</v>
      </c>
      <c r="E756" s="27">
        <v>2939.5155840000002</v>
      </c>
      <c r="F756" s="27">
        <v>112.82328699999999</v>
      </c>
      <c r="H756" s="27">
        <v>2939.5155840000002</v>
      </c>
      <c r="I756" s="27">
        <v>104.98651099999999</v>
      </c>
      <c r="K756" s="27">
        <v>2939.5155840000002</v>
      </c>
      <c r="L756" s="27">
        <v>96.818894</v>
      </c>
    </row>
    <row r="757" spans="2:12" x14ac:dyDescent="0.45">
      <c r="B757" s="27">
        <v>2941.4443999999999</v>
      </c>
      <c r="C757" s="27">
        <v>121.855402</v>
      </c>
      <c r="E757" s="27">
        <v>2941.4443999999999</v>
      </c>
      <c r="F757" s="27">
        <v>112.836918</v>
      </c>
      <c r="H757" s="27">
        <v>2941.4443999999999</v>
      </c>
      <c r="I757" s="27">
        <v>105.051209</v>
      </c>
      <c r="K757" s="27">
        <v>2941.4443999999999</v>
      </c>
      <c r="L757" s="27">
        <v>96.848913999999994</v>
      </c>
    </row>
    <row r="758" spans="2:12" x14ac:dyDescent="0.45">
      <c r="B758" s="27">
        <v>2943.373216</v>
      </c>
      <c r="C758" s="27">
        <v>121.859707</v>
      </c>
      <c r="E758" s="27">
        <v>2943.373216</v>
      </c>
      <c r="F758" s="27">
        <v>112.87282399999999</v>
      </c>
      <c r="H758" s="27">
        <v>2943.373216</v>
      </c>
      <c r="I758" s="27">
        <v>105.110681</v>
      </c>
      <c r="K758" s="27">
        <v>2943.373216</v>
      </c>
      <c r="L758" s="27">
        <v>96.903040000000004</v>
      </c>
    </row>
    <row r="759" spans="2:12" x14ac:dyDescent="0.45">
      <c r="B759" s="27">
        <v>2945.3020320000001</v>
      </c>
      <c r="C759" s="27">
        <v>121.83067</v>
      </c>
      <c r="E759" s="27">
        <v>2945.3020320000001</v>
      </c>
      <c r="F759" s="27">
        <v>112.907962</v>
      </c>
      <c r="H759" s="27">
        <v>2945.3020320000001</v>
      </c>
      <c r="I759" s="27">
        <v>105.188148</v>
      </c>
      <c r="K759" s="27">
        <v>2945.3020320000001</v>
      </c>
      <c r="L759" s="27">
        <v>96.989221999999998</v>
      </c>
    </row>
    <row r="760" spans="2:12" x14ac:dyDescent="0.45">
      <c r="B760" s="27">
        <v>2947.2308480000002</v>
      </c>
      <c r="C760" s="27">
        <v>121.767149</v>
      </c>
      <c r="E760" s="27">
        <v>2947.2308480000002</v>
      </c>
      <c r="F760" s="27">
        <v>112.935655</v>
      </c>
      <c r="H760" s="27">
        <v>2947.2308480000002</v>
      </c>
      <c r="I760" s="27">
        <v>105.202006</v>
      </c>
      <c r="K760" s="27">
        <v>2947.2308480000002</v>
      </c>
      <c r="L760" s="27">
        <v>97.081925999999996</v>
      </c>
    </row>
    <row r="761" spans="2:12" x14ac:dyDescent="0.45">
      <c r="B761" s="27">
        <v>2949.1596639999998</v>
      </c>
      <c r="C761" s="27">
        <v>121.740674</v>
      </c>
      <c r="E761" s="27">
        <v>2949.1596639999998</v>
      </c>
      <c r="F761" s="27">
        <v>112.963739</v>
      </c>
      <c r="H761" s="27">
        <v>2949.1596639999998</v>
      </c>
      <c r="I761" s="27">
        <v>105.16769600000001</v>
      </c>
      <c r="K761" s="27">
        <v>2949.1596639999998</v>
      </c>
      <c r="L761" s="27">
        <v>97.099440999999999</v>
      </c>
    </row>
    <row r="762" spans="2:12" x14ac:dyDescent="0.45">
      <c r="B762" s="27">
        <v>2951.0884799999999</v>
      </c>
      <c r="C762" s="27">
        <v>121.78024499999999</v>
      </c>
      <c r="E762" s="27">
        <v>2951.0884799999999</v>
      </c>
      <c r="F762" s="27">
        <v>112.97969500000001</v>
      </c>
      <c r="H762" s="27">
        <v>2951.0884799999999</v>
      </c>
      <c r="I762" s="27">
        <v>105.17644300000001</v>
      </c>
      <c r="K762" s="27">
        <v>2951.0884799999999</v>
      </c>
      <c r="L762" s="27">
        <v>97.123345</v>
      </c>
    </row>
    <row r="763" spans="2:12" x14ac:dyDescent="0.45">
      <c r="B763" s="27">
        <v>2953.017296</v>
      </c>
      <c r="C763" s="27">
        <v>121.752504</v>
      </c>
      <c r="E763" s="27">
        <v>2953.017296</v>
      </c>
      <c r="F763" s="27">
        <v>113.00094900000001</v>
      </c>
      <c r="H763" s="27">
        <v>2953.017296</v>
      </c>
      <c r="I763" s="27">
        <v>105.220358</v>
      </c>
      <c r="K763" s="27">
        <v>2953.017296</v>
      </c>
      <c r="L763" s="27">
        <v>97.200034000000002</v>
      </c>
    </row>
    <row r="764" spans="2:12" x14ac:dyDescent="0.45">
      <c r="B764" s="27">
        <v>2954.9461120000001</v>
      </c>
      <c r="C764" s="27">
        <v>121.682776</v>
      </c>
      <c r="E764" s="27">
        <v>2954.9461120000001</v>
      </c>
      <c r="F764" s="27">
        <v>113.005734</v>
      </c>
      <c r="H764" s="27">
        <v>2954.9461120000001</v>
      </c>
      <c r="I764" s="27">
        <v>105.268331</v>
      </c>
      <c r="K764" s="27">
        <v>2954.9461120000001</v>
      </c>
      <c r="L764" s="27">
        <v>97.297083000000001</v>
      </c>
    </row>
    <row r="765" spans="2:12" x14ac:dyDescent="0.45">
      <c r="B765" s="27">
        <v>2956.8749280000002</v>
      </c>
      <c r="C765" s="27">
        <v>121.712431</v>
      </c>
      <c r="E765" s="27">
        <v>2956.8749280000002</v>
      </c>
      <c r="F765" s="27">
        <v>112.988744</v>
      </c>
      <c r="H765" s="27">
        <v>2956.8749280000002</v>
      </c>
      <c r="I765" s="27">
        <v>105.259344</v>
      </c>
      <c r="K765" s="27">
        <v>2956.8749280000002</v>
      </c>
      <c r="L765" s="27">
        <v>97.309731999999997</v>
      </c>
    </row>
    <row r="766" spans="2:12" x14ac:dyDescent="0.45">
      <c r="B766" s="27">
        <v>2958.8037439999998</v>
      </c>
      <c r="C766" s="27">
        <v>121.71468299999999</v>
      </c>
      <c r="E766" s="27">
        <v>2958.8037439999998</v>
      </c>
      <c r="F766" s="27">
        <v>112.97801</v>
      </c>
      <c r="H766" s="27">
        <v>2958.8037439999998</v>
      </c>
      <c r="I766" s="27">
        <v>105.235359</v>
      </c>
      <c r="K766" s="27">
        <v>2958.8037439999998</v>
      </c>
      <c r="L766" s="27">
        <v>97.318352000000004</v>
      </c>
    </row>
    <row r="767" spans="2:12" x14ac:dyDescent="0.45">
      <c r="B767" s="27">
        <v>2960.7325599999999</v>
      </c>
      <c r="C767" s="27">
        <v>121.642989</v>
      </c>
      <c r="E767" s="27">
        <v>2960.7325599999999</v>
      </c>
      <c r="F767" s="27">
        <v>112.972279</v>
      </c>
      <c r="H767" s="27">
        <v>2960.7325599999999</v>
      </c>
      <c r="I767" s="27">
        <v>105.275465</v>
      </c>
      <c r="K767" s="27">
        <v>2960.7325599999999</v>
      </c>
      <c r="L767" s="27">
        <v>97.380622000000002</v>
      </c>
    </row>
    <row r="768" spans="2:12" x14ac:dyDescent="0.45">
      <c r="B768" s="27">
        <v>2962.661376</v>
      </c>
      <c r="C768" s="27">
        <v>121.591556</v>
      </c>
      <c r="E768" s="27">
        <v>2962.661376</v>
      </c>
      <c r="F768" s="27">
        <v>112.99053000000001</v>
      </c>
      <c r="H768" s="27">
        <v>2962.661376</v>
      </c>
      <c r="I768" s="27">
        <v>105.30947399999999</v>
      </c>
      <c r="K768" s="27">
        <v>2962.661376</v>
      </c>
      <c r="L768" s="27">
        <v>97.436813999999998</v>
      </c>
    </row>
    <row r="769" spans="2:12" x14ac:dyDescent="0.45">
      <c r="B769" s="27">
        <v>2964.5901920000001</v>
      </c>
      <c r="C769" s="27">
        <v>121.587214</v>
      </c>
      <c r="E769" s="27">
        <v>2964.5901920000001</v>
      </c>
      <c r="F769" s="27">
        <v>113.037828</v>
      </c>
      <c r="H769" s="27">
        <v>2964.5901920000001</v>
      </c>
      <c r="I769" s="27">
        <v>105.29518400000001</v>
      </c>
      <c r="K769" s="27">
        <v>2964.5901920000001</v>
      </c>
      <c r="L769" s="27">
        <v>97.479937000000007</v>
      </c>
    </row>
    <row r="770" spans="2:12" x14ac:dyDescent="0.45">
      <c r="B770" s="27">
        <v>2966.5190080000002</v>
      </c>
      <c r="C770" s="27">
        <v>121.610563</v>
      </c>
      <c r="E770" s="27">
        <v>2966.5190080000002</v>
      </c>
      <c r="F770" s="27">
        <v>113.047983</v>
      </c>
      <c r="H770" s="27">
        <v>2966.5190080000002</v>
      </c>
      <c r="I770" s="27">
        <v>105.30165599999999</v>
      </c>
      <c r="K770" s="27">
        <v>2966.5190080000002</v>
      </c>
      <c r="L770" s="27">
        <v>97.518842000000006</v>
      </c>
    </row>
    <row r="771" spans="2:12" x14ac:dyDescent="0.45">
      <c r="B771" s="27">
        <v>2968.4478239999999</v>
      </c>
      <c r="C771" s="27">
        <v>121.553881</v>
      </c>
      <c r="E771" s="27">
        <v>2968.4478239999999</v>
      </c>
      <c r="F771" s="27">
        <v>113.07017399999999</v>
      </c>
      <c r="H771" s="27">
        <v>2968.4478239999999</v>
      </c>
      <c r="I771" s="27">
        <v>105.373805</v>
      </c>
      <c r="K771" s="27">
        <v>2968.4478239999999</v>
      </c>
      <c r="L771" s="27">
        <v>97.533197000000001</v>
      </c>
    </row>
    <row r="772" spans="2:12" x14ac:dyDescent="0.45">
      <c r="B772" s="27">
        <v>2970.37664</v>
      </c>
      <c r="C772" s="27">
        <v>121.480981</v>
      </c>
      <c r="E772" s="27">
        <v>2970.37664</v>
      </c>
      <c r="F772" s="27">
        <v>113.05661000000001</v>
      </c>
      <c r="H772" s="27">
        <v>2970.37664</v>
      </c>
      <c r="I772" s="27">
        <v>105.428121</v>
      </c>
      <c r="K772" s="27">
        <v>2970.37664</v>
      </c>
      <c r="L772" s="27">
        <v>97.558936000000003</v>
      </c>
    </row>
    <row r="773" spans="2:12" x14ac:dyDescent="0.45">
      <c r="B773" s="27">
        <v>2972.305456</v>
      </c>
      <c r="C773" s="27">
        <v>121.549702</v>
      </c>
      <c r="E773" s="27">
        <v>2972.305456</v>
      </c>
      <c r="F773" s="27">
        <v>113.060709</v>
      </c>
      <c r="H773" s="27">
        <v>2972.305456</v>
      </c>
      <c r="I773" s="27">
        <v>105.452454</v>
      </c>
      <c r="K773" s="27">
        <v>2972.305456</v>
      </c>
      <c r="L773" s="27">
        <v>97.576280999999994</v>
      </c>
    </row>
    <row r="774" spans="2:12" x14ac:dyDescent="0.45">
      <c r="B774" s="27">
        <v>2974.2342720000001</v>
      </c>
      <c r="C774" s="27">
        <v>121.594357</v>
      </c>
      <c r="E774" s="27">
        <v>2974.2342720000001</v>
      </c>
      <c r="F774" s="27">
        <v>113.07455899999999</v>
      </c>
      <c r="H774" s="27">
        <v>2974.2342720000001</v>
      </c>
      <c r="I774" s="27">
        <v>105.47677899999999</v>
      </c>
      <c r="K774" s="27">
        <v>2974.2342720000001</v>
      </c>
      <c r="L774" s="27">
        <v>97.562318000000005</v>
      </c>
    </row>
    <row r="775" spans="2:12" x14ac:dyDescent="0.45">
      <c r="B775" s="27">
        <v>2976.1630879999998</v>
      </c>
      <c r="C775" s="27">
        <v>121.571504</v>
      </c>
      <c r="E775" s="27">
        <v>2976.1630879999998</v>
      </c>
      <c r="F775" s="27">
        <v>113.07965299999999</v>
      </c>
      <c r="H775" s="27">
        <v>2976.1630879999998</v>
      </c>
      <c r="I775" s="27">
        <v>105.43512800000001</v>
      </c>
      <c r="K775" s="27">
        <v>2976.1630879999998</v>
      </c>
      <c r="L775" s="27">
        <v>97.609081000000003</v>
      </c>
    </row>
    <row r="776" spans="2:12" x14ac:dyDescent="0.45">
      <c r="B776" s="27">
        <v>2978.0919039999999</v>
      </c>
      <c r="C776" s="27">
        <v>121.576334</v>
      </c>
      <c r="E776" s="27">
        <v>2978.0919039999999</v>
      </c>
      <c r="F776" s="27">
        <v>113.105456</v>
      </c>
      <c r="H776" s="27">
        <v>2978.0919039999999</v>
      </c>
      <c r="I776" s="27">
        <v>105.46320799999999</v>
      </c>
      <c r="K776" s="27">
        <v>2978.0919039999999</v>
      </c>
      <c r="L776" s="27">
        <v>97.678362000000007</v>
      </c>
    </row>
    <row r="777" spans="2:12" x14ac:dyDescent="0.45">
      <c r="B777" s="27">
        <v>2980.02072</v>
      </c>
      <c r="C777" s="27">
        <v>121.59933100000001</v>
      </c>
      <c r="E777" s="27">
        <v>2980.02072</v>
      </c>
      <c r="F777" s="27">
        <v>113.131265</v>
      </c>
      <c r="H777" s="27">
        <v>2980.02072</v>
      </c>
      <c r="I777" s="27">
        <v>105.540539</v>
      </c>
      <c r="K777" s="27">
        <v>2980.02072</v>
      </c>
      <c r="L777" s="27">
        <v>97.746325999999996</v>
      </c>
    </row>
    <row r="778" spans="2:12" x14ac:dyDescent="0.45">
      <c r="B778" s="27">
        <v>2981.9495360000001</v>
      </c>
      <c r="C778" s="27">
        <v>121.562408</v>
      </c>
      <c r="E778" s="27">
        <v>2981.9495360000001</v>
      </c>
      <c r="F778" s="27">
        <v>113.115111</v>
      </c>
      <c r="H778" s="27">
        <v>2981.9495360000001</v>
      </c>
      <c r="I778" s="27">
        <v>105.56159100000001</v>
      </c>
      <c r="K778" s="27">
        <v>2981.9495360000001</v>
      </c>
      <c r="L778" s="27">
        <v>97.788854999999998</v>
      </c>
    </row>
    <row r="779" spans="2:12" x14ac:dyDescent="0.45">
      <c r="B779" s="27">
        <v>2983.8783520000002</v>
      </c>
      <c r="C779" s="27">
        <v>121.48148</v>
      </c>
      <c r="E779" s="27">
        <v>2983.8783520000002</v>
      </c>
      <c r="F779" s="27">
        <v>113.076756</v>
      </c>
      <c r="H779" s="27">
        <v>2983.8783520000002</v>
      </c>
      <c r="I779" s="27">
        <v>105.53964000000001</v>
      </c>
      <c r="K779" s="27">
        <v>2983.8783520000002</v>
      </c>
      <c r="L779" s="27">
        <v>97.791336999999999</v>
      </c>
    </row>
    <row r="780" spans="2:12" x14ac:dyDescent="0.45">
      <c r="B780" s="27">
        <v>2985.8071679999998</v>
      </c>
      <c r="C780" s="27">
        <v>121.452997</v>
      </c>
      <c r="E780" s="27">
        <v>2985.8071679999998</v>
      </c>
      <c r="F780" s="27">
        <v>113.054608</v>
      </c>
      <c r="H780" s="27">
        <v>2985.8071679999998</v>
      </c>
      <c r="I780" s="27">
        <v>105.49603999999999</v>
      </c>
      <c r="K780" s="27">
        <v>2985.8071679999998</v>
      </c>
      <c r="L780" s="27">
        <v>97.791911999999996</v>
      </c>
    </row>
    <row r="781" spans="2:12" x14ac:dyDescent="0.45">
      <c r="B781" s="27">
        <v>2987.7359839999999</v>
      </c>
      <c r="C781" s="27">
        <v>121.49477400000001</v>
      </c>
      <c r="E781" s="27">
        <v>2987.7359839999999</v>
      </c>
      <c r="F781" s="27">
        <v>113.0613</v>
      </c>
      <c r="H781" s="27">
        <v>2987.7359839999999</v>
      </c>
      <c r="I781" s="27">
        <v>105.492383</v>
      </c>
      <c r="K781" s="27">
        <v>2987.7359839999999</v>
      </c>
      <c r="L781" s="27">
        <v>97.763722000000001</v>
      </c>
    </row>
    <row r="782" spans="2:12" x14ac:dyDescent="0.45">
      <c r="B782" s="27">
        <v>2989.6648</v>
      </c>
      <c r="C782" s="27">
        <v>121.533838</v>
      </c>
      <c r="E782" s="27">
        <v>2989.6648</v>
      </c>
      <c r="F782" s="27">
        <v>113.06763100000001</v>
      </c>
      <c r="H782" s="27">
        <v>2989.6648</v>
      </c>
      <c r="I782" s="27">
        <v>105.493375</v>
      </c>
      <c r="K782" s="27">
        <v>2989.6648</v>
      </c>
      <c r="L782" s="27">
        <v>97.767080000000007</v>
      </c>
    </row>
    <row r="783" spans="2:12" x14ac:dyDescent="0.45">
      <c r="B783" s="27">
        <v>2991.5936160000001</v>
      </c>
      <c r="C783" s="27">
        <v>121.567542</v>
      </c>
      <c r="E783" s="27">
        <v>2991.5936160000001</v>
      </c>
      <c r="F783" s="27">
        <v>113.085762</v>
      </c>
      <c r="H783" s="27">
        <v>2991.5936160000001</v>
      </c>
      <c r="I783" s="27">
        <v>105.52183599999999</v>
      </c>
      <c r="K783" s="27">
        <v>2991.5936160000001</v>
      </c>
      <c r="L783" s="27">
        <v>97.788146999999995</v>
      </c>
    </row>
    <row r="784" spans="2:12" x14ac:dyDescent="0.45">
      <c r="B784" s="27">
        <v>2993.5224320000002</v>
      </c>
      <c r="C784" s="27">
        <v>121.503851</v>
      </c>
      <c r="E784" s="27">
        <v>2993.5224320000002</v>
      </c>
      <c r="F784" s="27">
        <v>113.100455</v>
      </c>
      <c r="H784" s="27">
        <v>2993.5224320000002</v>
      </c>
      <c r="I784" s="27">
        <v>105.542506</v>
      </c>
      <c r="K784" s="27">
        <v>2993.5224320000002</v>
      </c>
      <c r="L784" s="27">
        <v>97.772094999999993</v>
      </c>
    </row>
    <row r="785" spans="2:12" x14ac:dyDescent="0.45">
      <c r="B785" s="27">
        <v>2995.4512479999999</v>
      </c>
      <c r="C785" s="27">
        <v>121.461611</v>
      </c>
      <c r="E785" s="27">
        <v>2995.4512479999999</v>
      </c>
      <c r="F785" s="27">
        <v>113.046953</v>
      </c>
      <c r="H785" s="27">
        <v>2995.4512479999999</v>
      </c>
      <c r="I785" s="27">
        <v>105.52449</v>
      </c>
      <c r="K785" s="27">
        <v>2995.4512479999999</v>
      </c>
      <c r="L785" s="27">
        <v>97.757131999999999</v>
      </c>
    </row>
    <row r="786" spans="2:12" x14ac:dyDescent="0.45">
      <c r="B786" s="27">
        <v>2997.3800639999999</v>
      </c>
      <c r="C786" s="27">
        <v>121.49204899999999</v>
      </c>
      <c r="E786" s="27">
        <v>2997.3800639999999</v>
      </c>
      <c r="F786" s="27">
        <v>113.005707</v>
      </c>
      <c r="H786" s="27">
        <v>2997.3800639999999</v>
      </c>
      <c r="I786" s="27">
        <v>105.546086</v>
      </c>
      <c r="K786" s="27">
        <v>2997.3800639999999</v>
      </c>
      <c r="L786" s="27">
        <v>97.778491000000002</v>
      </c>
    </row>
    <row r="787" spans="2:12" x14ac:dyDescent="0.45">
      <c r="B787" s="27">
        <v>2999.30888</v>
      </c>
      <c r="C787" s="27">
        <v>121.43435700000001</v>
      </c>
      <c r="E787" s="27">
        <v>2999.30888</v>
      </c>
      <c r="F787" s="27">
        <v>113.003405</v>
      </c>
      <c r="H787" s="27">
        <v>2999.30888</v>
      </c>
      <c r="I787" s="27">
        <v>105.51172800000001</v>
      </c>
      <c r="K787" s="27">
        <v>2999.30888</v>
      </c>
      <c r="L787" s="27">
        <v>97.809567000000001</v>
      </c>
    </row>
    <row r="788" spans="2:12" x14ac:dyDescent="0.45">
      <c r="B788" s="27">
        <v>3001.2376960000001</v>
      </c>
      <c r="C788" s="27">
        <v>121.342275</v>
      </c>
      <c r="E788" s="27">
        <v>3001.2376960000001</v>
      </c>
      <c r="F788" s="27">
        <v>113.03670200000001</v>
      </c>
      <c r="H788" s="27">
        <v>3001.2376960000001</v>
      </c>
      <c r="I788" s="27">
        <v>105.484499</v>
      </c>
      <c r="K788" s="27">
        <v>3001.2376960000001</v>
      </c>
      <c r="L788" s="27">
        <v>97.793581000000003</v>
      </c>
    </row>
    <row r="789" spans="2:12" x14ac:dyDescent="0.45">
      <c r="B789" s="27">
        <v>3003.1665119999998</v>
      </c>
      <c r="C789" s="27">
        <v>121.33273</v>
      </c>
      <c r="E789" s="27">
        <v>3003.1665119999998</v>
      </c>
      <c r="F789" s="27">
        <v>113.06879000000001</v>
      </c>
      <c r="H789" s="27">
        <v>3003.1665119999998</v>
      </c>
      <c r="I789" s="27">
        <v>105.51329</v>
      </c>
      <c r="K789" s="27">
        <v>3003.1665119999998</v>
      </c>
      <c r="L789" s="27">
        <v>97.768474999999995</v>
      </c>
    </row>
    <row r="790" spans="2:12" x14ac:dyDescent="0.45">
      <c r="B790" s="27">
        <v>3005.0953279999999</v>
      </c>
      <c r="C790" s="27">
        <v>121.34818799999999</v>
      </c>
      <c r="E790" s="27">
        <v>3005.0953279999999</v>
      </c>
      <c r="F790" s="27">
        <v>113.05632799999999</v>
      </c>
      <c r="H790" s="27">
        <v>3005.0953279999999</v>
      </c>
      <c r="I790" s="27">
        <v>105.511343</v>
      </c>
      <c r="K790" s="27">
        <v>3005.0953279999999</v>
      </c>
      <c r="L790" s="27">
        <v>97.766568000000007</v>
      </c>
    </row>
    <row r="791" spans="2:12" x14ac:dyDescent="0.45">
      <c r="B791" s="27">
        <v>3007.024144</v>
      </c>
      <c r="C791" s="27">
        <v>121.31959999999999</v>
      </c>
      <c r="E791" s="27">
        <v>3007.024144</v>
      </c>
      <c r="F791" s="27">
        <v>113.049801</v>
      </c>
      <c r="H791" s="27">
        <v>3007.024144</v>
      </c>
      <c r="I791" s="27">
        <v>105.500505</v>
      </c>
      <c r="K791" s="27">
        <v>3007.024144</v>
      </c>
      <c r="L791" s="27">
        <v>97.711665999999994</v>
      </c>
    </row>
    <row r="792" spans="2:12" x14ac:dyDescent="0.45">
      <c r="B792" s="27">
        <v>3008.9529600000001</v>
      </c>
      <c r="C792" s="27">
        <v>121.307399</v>
      </c>
      <c r="E792" s="27">
        <v>3008.9529600000001</v>
      </c>
      <c r="F792" s="27">
        <v>113.05824699999999</v>
      </c>
      <c r="H792" s="27">
        <v>3008.9529600000001</v>
      </c>
      <c r="I792" s="27">
        <v>105.494035</v>
      </c>
      <c r="K792" s="27">
        <v>3008.9529600000001</v>
      </c>
      <c r="L792" s="27">
        <v>97.740371999999994</v>
      </c>
    </row>
    <row r="793" spans="2:12" x14ac:dyDescent="0.45">
      <c r="B793" s="27">
        <v>3010.8817760000002</v>
      </c>
      <c r="C793" s="27">
        <v>121.36360000000001</v>
      </c>
      <c r="E793" s="27">
        <v>3010.8817760000002</v>
      </c>
      <c r="F793" s="27">
        <v>113.086725</v>
      </c>
      <c r="H793" s="27">
        <v>3010.8817760000002</v>
      </c>
      <c r="I793" s="27">
        <v>105.508774</v>
      </c>
      <c r="K793" s="27">
        <v>3010.8817760000002</v>
      </c>
      <c r="L793" s="27">
        <v>97.835616999999999</v>
      </c>
    </row>
    <row r="794" spans="2:12" x14ac:dyDescent="0.45">
      <c r="B794" s="27">
        <v>3012.8105919999998</v>
      </c>
      <c r="C794" s="27">
        <v>121.428995</v>
      </c>
      <c r="E794" s="27">
        <v>3012.8105919999998</v>
      </c>
      <c r="F794" s="27">
        <v>113.08749400000001</v>
      </c>
      <c r="H794" s="27">
        <v>3012.8105919999998</v>
      </c>
      <c r="I794" s="27">
        <v>105.53013199999999</v>
      </c>
      <c r="K794" s="27">
        <v>3012.8105919999998</v>
      </c>
      <c r="L794" s="27">
        <v>97.826768999999999</v>
      </c>
    </row>
    <row r="795" spans="2:12" x14ac:dyDescent="0.45">
      <c r="B795" s="27">
        <v>3014.7394079999999</v>
      </c>
      <c r="C795" s="27">
        <v>121.451441</v>
      </c>
      <c r="E795" s="27">
        <v>3014.7394079999999</v>
      </c>
      <c r="F795" s="27">
        <v>113.077468</v>
      </c>
      <c r="H795" s="27">
        <v>3014.7394079999999</v>
      </c>
      <c r="I795" s="27">
        <v>105.53054</v>
      </c>
      <c r="K795" s="27">
        <v>3014.7394079999999</v>
      </c>
      <c r="L795" s="27">
        <v>97.766513000000003</v>
      </c>
    </row>
    <row r="796" spans="2:12" x14ac:dyDescent="0.45">
      <c r="B796" s="27">
        <v>3016.668224</v>
      </c>
      <c r="C796" s="27">
        <v>121.40078200000001</v>
      </c>
      <c r="E796" s="27">
        <v>3016.668224</v>
      </c>
      <c r="F796" s="27">
        <v>113.055037</v>
      </c>
      <c r="H796" s="27">
        <v>3016.668224</v>
      </c>
      <c r="I796" s="27">
        <v>105.517124</v>
      </c>
      <c r="K796" s="27">
        <v>3016.668224</v>
      </c>
      <c r="L796" s="27">
        <v>97.755870000000002</v>
      </c>
    </row>
    <row r="797" spans="2:12" x14ac:dyDescent="0.45">
      <c r="B797" s="27">
        <v>3018.5970400000001</v>
      </c>
      <c r="C797" s="27">
        <v>121.346405</v>
      </c>
      <c r="E797" s="27">
        <v>3018.5970400000001</v>
      </c>
      <c r="F797" s="27">
        <v>113.028397</v>
      </c>
      <c r="H797" s="27">
        <v>3018.5970400000001</v>
      </c>
      <c r="I797" s="27">
        <v>105.504013</v>
      </c>
      <c r="K797" s="27">
        <v>3018.5970400000001</v>
      </c>
      <c r="L797" s="27">
        <v>97.755204000000006</v>
      </c>
    </row>
    <row r="798" spans="2:12" x14ac:dyDescent="0.45">
      <c r="B798" s="27">
        <v>3020.5258560000002</v>
      </c>
      <c r="C798" s="27">
        <v>121.30953599999999</v>
      </c>
      <c r="E798" s="27">
        <v>3020.5258560000002</v>
      </c>
      <c r="F798" s="27">
        <v>113.003846</v>
      </c>
      <c r="H798" s="27">
        <v>3020.5258560000002</v>
      </c>
      <c r="I798" s="27">
        <v>105.46306300000001</v>
      </c>
      <c r="K798" s="27">
        <v>3020.5258560000002</v>
      </c>
      <c r="L798" s="27">
        <v>97.700322999999997</v>
      </c>
    </row>
    <row r="799" spans="2:12" x14ac:dyDescent="0.45">
      <c r="B799" s="27">
        <v>3022.4546719999998</v>
      </c>
      <c r="C799" s="27">
        <v>121.29637</v>
      </c>
      <c r="E799" s="27">
        <v>3022.4546719999998</v>
      </c>
      <c r="F799" s="27">
        <v>112.99064300000001</v>
      </c>
      <c r="H799" s="27">
        <v>3022.4546719999998</v>
      </c>
      <c r="I799" s="27">
        <v>105.426098</v>
      </c>
      <c r="K799" s="27">
        <v>3022.4546719999998</v>
      </c>
      <c r="L799" s="27">
        <v>97.618684999999999</v>
      </c>
    </row>
    <row r="800" spans="2:12" x14ac:dyDescent="0.45">
      <c r="B800" s="27">
        <v>3024.3834879999999</v>
      </c>
      <c r="C800" s="27">
        <v>121.30002</v>
      </c>
      <c r="E800" s="27">
        <v>3024.3834879999999</v>
      </c>
      <c r="F800" s="27">
        <v>112.99755999999999</v>
      </c>
      <c r="H800" s="27">
        <v>3024.3834879999999</v>
      </c>
      <c r="I800" s="27">
        <v>105.43145800000001</v>
      </c>
      <c r="K800" s="27">
        <v>3024.3834879999999</v>
      </c>
      <c r="L800" s="27">
        <v>97.651003000000003</v>
      </c>
    </row>
    <row r="801" spans="2:12" x14ac:dyDescent="0.45">
      <c r="B801" s="27">
        <v>3026.312304</v>
      </c>
      <c r="C801" s="27">
        <v>121.289387</v>
      </c>
      <c r="E801" s="27">
        <v>3026.312304</v>
      </c>
      <c r="F801" s="27">
        <v>112.977451</v>
      </c>
      <c r="H801" s="27">
        <v>3026.312304</v>
      </c>
      <c r="I801" s="27">
        <v>105.45238999999999</v>
      </c>
      <c r="K801" s="27">
        <v>3026.312304</v>
      </c>
      <c r="L801" s="27">
        <v>97.745318999999995</v>
      </c>
    </row>
    <row r="802" spans="2:12" x14ac:dyDescent="0.45">
      <c r="B802" s="27">
        <v>3028.2411200000001</v>
      </c>
      <c r="C802" s="27">
        <v>121.233712</v>
      </c>
      <c r="E802" s="27">
        <v>3028.2411200000001</v>
      </c>
      <c r="F802" s="27">
        <v>113.001222</v>
      </c>
      <c r="H802" s="27">
        <v>3028.2411200000001</v>
      </c>
      <c r="I802" s="27">
        <v>105.481331</v>
      </c>
      <c r="K802" s="27">
        <v>3028.2411200000001</v>
      </c>
      <c r="L802" s="27">
        <v>97.741256000000007</v>
      </c>
    </row>
    <row r="803" spans="2:12" x14ac:dyDescent="0.45">
      <c r="B803" s="27">
        <v>3030.1699359999998</v>
      </c>
      <c r="C803" s="27">
        <v>121.257411</v>
      </c>
      <c r="E803" s="27">
        <v>3030.1699359999998</v>
      </c>
      <c r="F803" s="27">
        <v>113.00506799999999</v>
      </c>
      <c r="H803" s="27">
        <v>3030.1699359999998</v>
      </c>
      <c r="I803" s="27">
        <v>105.495664</v>
      </c>
      <c r="K803" s="27">
        <v>3030.1699359999998</v>
      </c>
      <c r="L803" s="27">
        <v>97.708203999999995</v>
      </c>
    </row>
    <row r="804" spans="2:12" x14ac:dyDescent="0.45">
      <c r="B804" s="27">
        <v>3032.0987519999999</v>
      </c>
      <c r="C804" s="27">
        <v>121.251642</v>
      </c>
      <c r="E804" s="27">
        <v>3032.0987519999999</v>
      </c>
      <c r="F804" s="27">
        <v>112.96133399999999</v>
      </c>
      <c r="H804" s="27">
        <v>3032.0987519999999</v>
      </c>
      <c r="I804" s="27">
        <v>105.465002</v>
      </c>
      <c r="K804" s="27">
        <v>3032.0987519999999</v>
      </c>
      <c r="L804" s="27">
        <v>97.747506000000001</v>
      </c>
    </row>
    <row r="805" spans="2:12" x14ac:dyDescent="0.45">
      <c r="B805" s="27">
        <v>3034.027568</v>
      </c>
      <c r="C805" s="27">
        <v>121.24296099999999</v>
      </c>
      <c r="E805" s="27">
        <v>3034.027568</v>
      </c>
      <c r="F805" s="27">
        <v>112.96968099999999</v>
      </c>
      <c r="H805" s="27">
        <v>3034.027568</v>
      </c>
      <c r="I805" s="27">
        <v>105.426284</v>
      </c>
      <c r="K805" s="27">
        <v>3034.027568</v>
      </c>
      <c r="L805" s="27">
        <v>97.791797000000003</v>
      </c>
    </row>
    <row r="806" spans="2:12" x14ac:dyDescent="0.45">
      <c r="B806" s="27">
        <v>3035.9563840000001</v>
      </c>
      <c r="C806" s="27">
        <v>121.21362499999999</v>
      </c>
      <c r="E806" s="27">
        <v>3035.9563840000001</v>
      </c>
      <c r="F806" s="27">
        <v>112.965951</v>
      </c>
      <c r="H806" s="27">
        <v>3035.9563840000001</v>
      </c>
      <c r="I806" s="27">
        <v>105.37586899999999</v>
      </c>
      <c r="K806" s="27">
        <v>3035.9563840000001</v>
      </c>
      <c r="L806" s="27">
        <v>97.730327000000003</v>
      </c>
    </row>
    <row r="807" spans="2:12" x14ac:dyDescent="0.45">
      <c r="B807" s="27">
        <v>3037.8852000000002</v>
      </c>
      <c r="C807" s="27">
        <v>121.196668</v>
      </c>
      <c r="E807" s="27">
        <v>3037.8852000000002</v>
      </c>
      <c r="F807" s="27">
        <v>112.955938</v>
      </c>
      <c r="H807" s="27">
        <v>3037.8852000000002</v>
      </c>
      <c r="I807" s="27">
        <v>105.393691</v>
      </c>
      <c r="K807" s="27">
        <v>3037.8852000000002</v>
      </c>
      <c r="L807" s="27">
        <v>97.686362000000003</v>
      </c>
    </row>
    <row r="808" spans="2:12" x14ac:dyDescent="0.45">
      <c r="B808" s="27">
        <v>3039.8140159999998</v>
      </c>
      <c r="C808" s="27">
        <v>121.23400700000001</v>
      </c>
      <c r="E808" s="27">
        <v>3039.8140159999998</v>
      </c>
      <c r="F808" s="27">
        <v>112.980919</v>
      </c>
      <c r="H808" s="27">
        <v>3039.8140159999998</v>
      </c>
      <c r="I808" s="27">
        <v>105.45896999999999</v>
      </c>
      <c r="K808" s="27">
        <v>3039.8140159999998</v>
      </c>
      <c r="L808" s="27">
        <v>97.698311000000004</v>
      </c>
    </row>
    <row r="809" spans="2:12" x14ac:dyDescent="0.45">
      <c r="B809" s="27">
        <v>3041.7428319999999</v>
      </c>
      <c r="C809" s="27">
        <v>121.28904799999999</v>
      </c>
      <c r="E809" s="27">
        <v>3041.7428319999999</v>
      </c>
      <c r="F809" s="27">
        <v>112.987348</v>
      </c>
      <c r="H809" s="27">
        <v>3041.7428319999999</v>
      </c>
      <c r="I809" s="27">
        <v>105.494395</v>
      </c>
      <c r="K809" s="27">
        <v>3041.7428319999999</v>
      </c>
      <c r="L809" s="27">
        <v>97.710808</v>
      </c>
    </row>
    <row r="810" spans="2:12" x14ac:dyDescent="0.45">
      <c r="B810" s="27">
        <v>3043.671648</v>
      </c>
      <c r="C810" s="27">
        <v>121.30037799999999</v>
      </c>
      <c r="E810" s="27">
        <v>3043.671648</v>
      </c>
      <c r="F810" s="27">
        <v>112.993067</v>
      </c>
      <c r="H810" s="27">
        <v>3043.671648</v>
      </c>
      <c r="I810" s="27">
        <v>105.49933299999999</v>
      </c>
      <c r="K810" s="27">
        <v>3043.671648</v>
      </c>
      <c r="L810" s="27">
        <v>97.687617000000003</v>
      </c>
    </row>
    <row r="811" spans="2:12" x14ac:dyDescent="0.45">
      <c r="B811" s="27">
        <v>3045.6004640000001</v>
      </c>
      <c r="C811" s="27">
        <v>121.285954</v>
      </c>
      <c r="E811" s="27">
        <v>3045.6004640000001</v>
      </c>
      <c r="F811" s="27">
        <v>112.978515</v>
      </c>
      <c r="H811" s="27">
        <v>3045.6004640000001</v>
      </c>
      <c r="I811" s="27">
        <v>105.460082</v>
      </c>
      <c r="K811" s="27">
        <v>3045.6004640000001</v>
      </c>
      <c r="L811" s="27">
        <v>97.696944000000002</v>
      </c>
    </row>
    <row r="812" spans="2:12" x14ac:dyDescent="0.45">
      <c r="B812" s="27">
        <v>3047.5292800000002</v>
      </c>
      <c r="C812" s="27">
        <v>121.25885</v>
      </c>
      <c r="E812" s="27">
        <v>3047.5292800000002</v>
      </c>
      <c r="F812" s="27">
        <v>112.9242</v>
      </c>
      <c r="H812" s="27">
        <v>3047.5292800000002</v>
      </c>
      <c r="I812" s="27">
        <v>105.437673</v>
      </c>
      <c r="K812" s="27">
        <v>3047.5292800000002</v>
      </c>
      <c r="L812" s="27">
        <v>97.682474999999997</v>
      </c>
    </row>
    <row r="813" spans="2:12" x14ac:dyDescent="0.45">
      <c r="B813" s="27">
        <v>3049.4580959999998</v>
      </c>
      <c r="C813" s="27">
        <v>121.241022</v>
      </c>
      <c r="E813" s="27">
        <v>3049.4580959999998</v>
      </c>
      <c r="F813" s="27">
        <v>112.91955400000001</v>
      </c>
      <c r="H813" s="27">
        <v>3049.4580959999998</v>
      </c>
      <c r="I813" s="27">
        <v>105.42743</v>
      </c>
      <c r="K813" s="27">
        <v>3049.4580959999998</v>
      </c>
      <c r="L813" s="27">
        <v>97.721416000000005</v>
      </c>
    </row>
    <row r="814" spans="2:12" x14ac:dyDescent="0.45">
      <c r="B814" s="27">
        <v>3051.3869119999999</v>
      </c>
      <c r="C814" s="27">
        <v>121.19691</v>
      </c>
      <c r="E814" s="27">
        <v>3051.3869119999999</v>
      </c>
      <c r="F814" s="27">
        <v>112.951199</v>
      </c>
      <c r="H814" s="27">
        <v>3051.3869119999999</v>
      </c>
      <c r="I814" s="27">
        <v>105.413827</v>
      </c>
      <c r="K814" s="27">
        <v>3051.3869119999999</v>
      </c>
      <c r="L814" s="27">
        <v>97.743324000000001</v>
      </c>
    </row>
    <row r="815" spans="2:12" x14ac:dyDescent="0.45">
      <c r="B815" s="27">
        <v>3053.315728</v>
      </c>
      <c r="C815" s="27">
        <v>121.224917</v>
      </c>
      <c r="E815" s="27">
        <v>3053.315728</v>
      </c>
      <c r="F815" s="27">
        <v>112.930149</v>
      </c>
      <c r="H815" s="27">
        <v>3053.315728</v>
      </c>
      <c r="I815" s="27">
        <v>105.379994</v>
      </c>
      <c r="K815" s="27">
        <v>3053.315728</v>
      </c>
      <c r="L815" s="27">
        <v>97.728728000000004</v>
      </c>
    </row>
    <row r="816" spans="2:12" x14ac:dyDescent="0.45">
      <c r="B816" s="27">
        <v>3055.2445440000001</v>
      </c>
      <c r="C816" s="27">
        <v>121.257936</v>
      </c>
      <c r="E816" s="27">
        <v>3055.2445440000001</v>
      </c>
      <c r="F816" s="27">
        <v>112.897592</v>
      </c>
      <c r="H816" s="27">
        <v>3055.2445440000001</v>
      </c>
      <c r="I816" s="27">
        <v>105.351767</v>
      </c>
      <c r="K816" s="27">
        <v>3055.2445440000001</v>
      </c>
      <c r="L816" s="27">
        <v>97.700365000000005</v>
      </c>
    </row>
    <row r="817" spans="2:12" x14ac:dyDescent="0.45">
      <c r="B817" s="27">
        <v>3057.1733599999998</v>
      </c>
      <c r="C817" s="27">
        <v>121.178354</v>
      </c>
      <c r="E817" s="27">
        <v>3057.1733599999998</v>
      </c>
      <c r="F817" s="27">
        <v>112.859346</v>
      </c>
      <c r="H817" s="27">
        <v>3057.1733599999998</v>
      </c>
      <c r="I817" s="27">
        <v>105.36802900000001</v>
      </c>
      <c r="K817" s="27">
        <v>3057.1733599999998</v>
      </c>
      <c r="L817" s="27">
        <v>97.690944999999999</v>
      </c>
    </row>
    <row r="818" spans="2:12" x14ac:dyDescent="0.45">
      <c r="B818" s="27">
        <v>3059.1021759999999</v>
      </c>
      <c r="C818" s="27">
        <v>121.08485400000001</v>
      </c>
      <c r="E818" s="27">
        <v>3059.1021759999999</v>
      </c>
      <c r="F818" s="27">
        <v>112.86475900000001</v>
      </c>
      <c r="H818" s="27">
        <v>3059.1021759999999</v>
      </c>
      <c r="I818" s="27">
        <v>105.34941499999999</v>
      </c>
      <c r="K818" s="27">
        <v>3059.1021759999999</v>
      </c>
      <c r="L818" s="27">
        <v>97.661052999999995</v>
      </c>
    </row>
    <row r="819" spans="2:12" x14ac:dyDescent="0.45">
      <c r="B819" s="27">
        <v>3061.030992</v>
      </c>
      <c r="C819" s="27">
        <v>121.060874</v>
      </c>
      <c r="E819" s="27">
        <v>3061.030992</v>
      </c>
      <c r="F819" s="27">
        <v>112.858915</v>
      </c>
      <c r="H819" s="27">
        <v>3061.030992</v>
      </c>
      <c r="I819" s="27">
        <v>105.361738</v>
      </c>
      <c r="K819" s="27">
        <v>3061.030992</v>
      </c>
      <c r="L819" s="27">
        <v>97.701188999999999</v>
      </c>
    </row>
    <row r="820" spans="2:12" x14ac:dyDescent="0.45">
      <c r="B820" s="27">
        <v>3062.9598080000001</v>
      </c>
      <c r="C820" s="27">
        <v>121.055758</v>
      </c>
      <c r="E820" s="27">
        <v>3062.9598080000001</v>
      </c>
      <c r="F820" s="27">
        <v>112.851091</v>
      </c>
      <c r="H820" s="27">
        <v>3062.9598080000001</v>
      </c>
      <c r="I820" s="27">
        <v>105.359961</v>
      </c>
      <c r="K820" s="27">
        <v>3062.9598080000001</v>
      </c>
      <c r="L820" s="27">
        <v>97.706772000000001</v>
      </c>
    </row>
    <row r="821" spans="2:12" x14ac:dyDescent="0.45">
      <c r="B821" s="27">
        <v>3064.8886240000002</v>
      </c>
      <c r="C821" s="27">
        <v>121.075022</v>
      </c>
      <c r="E821" s="27">
        <v>3064.8886240000002</v>
      </c>
      <c r="F821" s="27">
        <v>112.904957</v>
      </c>
      <c r="H821" s="27">
        <v>3064.8886240000002</v>
      </c>
      <c r="I821" s="27">
        <v>105.34178199999999</v>
      </c>
      <c r="K821" s="27">
        <v>3064.8886240000002</v>
      </c>
      <c r="L821" s="27">
        <v>97.719933999999995</v>
      </c>
    </row>
    <row r="822" spans="2:12" x14ac:dyDescent="0.45">
      <c r="B822" s="27">
        <v>3066.8174399999998</v>
      </c>
      <c r="C822" s="27">
        <v>121.111878</v>
      </c>
      <c r="E822" s="27">
        <v>3066.8174399999998</v>
      </c>
      <c r="F822" s="27">
        <v>112.94041799999999</v>
      </c>
      <c r="H822" s="27">
        <v>3066.8174399999998</v>
      </c>
      <c r="I822" s="27">
        <v>105.336761</v>
      </c>
      <c r="K822" s="27">
        <v>3066.8174399999998</v>
      </c>
      <c r="L822" s="27">
        <v>97.692645999999996</v>
      </c>
    </row>
    <row r="823" spans="2:12" x14ac:dyDescent="0.45">
      <c r="B823" s="27">
        <v>3068.7462559999999</v>
      </c>
      <c r="C823" s="27">
        <v>121.055882</v>
      </c>
      <c r="E823" s="27">
        <v>3068.7462559999999</v>
      </c>
      <c r="F823" s="27">
        <v>112.91828</v>
      </c>
      <c r="H823" s="27">
        <v>3068.7462559999999</v>
      </c>
      <c r="I823" s="27">
        <v>105.312645</v>
      </c>
      <c r="K823" s="27">
        <v>3068.7462559999999</v>
      </c>
      <c r="L823" s="27">
        <v>97.629034000000004</v>
      </c>
    </row>
    <row r="824" spans="2:12" x14ac:dyDescent="0.45">
      <c r="B824" s="27">
        <v>3070.675072</v>
      </c>
      <c r="C824" s="27">
        <v>121.010869</v>
      </c>
      <c r="E824" s="27">
        <v>3070.675072</v>
      </c>
      <c r="F824" s="27">
        <v>112.89467399999999</v>
      </c>
      <c r="H824" s="27">
        <v>3070.675072</v>
      </c>
      <c r="I824" s="27">
        <v>105.317459</v>
      </c>
      <c r="K824" s="27">
        <v>3070.675072</v>
      </c>
      <c r="L824" s="27">
        <v>97.550184000000002</v>
      </c>
    </row>
    <row r="825" spans="2:12" x14ac:dyDescent="0.45">
      <c r="B825" s="27">
        <v>3072.6038880000001</v>
      </c>
      <c r="C825" s="27">
        <v>121.028289</v>
      </c>
      <c r="E825" s="27">
        <v>3072.6038880000001</v>
      </c>
      <c r="F825" s="27">
        <v>112.910567</v>
      </c>
      <c r="H825" s="27">
        <v>3072.6038880000001</v>
      </c>
      <c r="I825" s="27">
        <v>105.34502500000001</v>
      </c>
      <c r="K825" s="27">
        <v>3072.6038880000001</v>
      </c>
      <c r="L825" s="27">
        <v>97.596653000000003</v>
      </c>
    </row>
    <row r="826" spans="2:12" x14ac:dyDescent="0.45">
      <c r="B826" s="27">
        <v>3074.5327040000002</v>
      </c>
      <c r="C826" s="27">
        <v>120.994147</v>
      </c>
      <c r="E826" s="27">
        <v>3074.5327040000002</v>
      </c>
      <c r="F826" s="27">
        <v>112.87973599999999</v>
      </c>
      <c r="H826" s="27">
        <v>3074.5327040000002</v>
      </c>
      <c r="I826" s="27">
        <v>105.307667</v>
      </c>
      <c r="K826" s="27">
        <v>3074.5327040000002</v>
      </c>
      <c r="L826" s="27">
        <v>97.635914999999997</v>
      </c>
    </row>
    <row r="827" spans="2:12" x14ac:dyDescent="0.45">
      <c r="B827" s="27">
        <v>3076.4615199999998</v>
      </c>
      <c r="C827" s="27">
        <v>120.96295600000001</v>
      </c>
      <c r="E827" s="27">
        <v>3076.4615199999998</v>
      </c>
      <c r="F827" s="27">
        <v>112.877439</v>
      </c>
      <c r="H827" s="27">
        <v>3076.4615199999998</v>
      </c>
      <c r="I827" s="27">
        <v>105.304665</v>
      </c>
      <c r="K827" s="27">
        <v>3076.4615199999998</v>
      </c>
      <c r="L827" s="27">
        <v>97.673276000000001</v>
      </c>
    </row>
    <row r="828" spans="2:12" x14ac:dyDescent="0.45">
      <c r="B828" s="27">
        <v>3078.3903359999999</v>
      </c>
      <c r="C828" s="27">
        <v>121.001633</v>
      </c>
      <c r="E828" s="27">
        <v>3078.3903359999999</v>
      </c>
      <c r="F828" s="27">
        <v>112.885187</v>
      </c>
      <c r="H828" s="27">
        <v>3078.3903359999999</v>
      </c>
      <c r="I828" s="27">
        <v>105.30881100000001</v>
      </c>
      <c r="K828" s="27">
        <v>3078.3903359999999</v>
      </c>
      <c r="L828" s="27">
        <v>97.693515000000005</v>
      </c>
    </row>
    <row r="829" spans="2:12" x14ac:dyDescent="0.45">
      <c r="B829" s="27">
        <v>3080.319152</v>
      </c>
      <c r="C829" s="27">
        <v>121.02707100000001</v>
      </c>
      <c r="E829" s="27">
        <v>3080.319152</v>
      </c>
      <c r="F829" s="27">
        <v>112.896238</v>
      </c>
      <c r="H829" s="27">
        <v>3080.319152</v>
      </c>
      <c r="I829" s="27">
        <v>105.33423999999999</v>
      </c>
      <c r="K829" s="27">
        <v>3080.319152</v>
      </c>
      <c r="L829" s="27">
        <v>97.693710999999993</v>
      </c>
    </row>
    <row r="830" spans="2:12" x14ac:dyDescent="0.45">
      <c r="B830" s="27">
        <v>3082.2479680000001</v>
      </c>
      <c r="C830" s="27">
        <v>121.06923</v>
      </c>
      <c r="E830" s="27">
        <v>3082.2479680000001</v>
      </c>
      <c r="F830" s="27">
        <v>112.878455</v>
      </c>
      <c r="H830" s="27">
        <v>3082.2479680000001</v>
      </c>
      <c r="I830" s="27">
        <v>105.351085</v>
      </c>
      <c r="K830" s="27">
        <v>3082.2479680000001</v>
      </c>
      <c r="L830" s="27">
        <v>97.688586999999998</v>
      </c>
    </row>
    <row r="831" spans="2:12" x14ac:dyDescent="0.45">
      <c r="B831" s="27">
        <v>3084.1767840000002</v>
      </c>
      <c r="C831" s="27">
        <v>121.06406200000001</v>
      </c>
      <c r="E831" s="27">
        <v>3084.1767840000002</v>
      </c>
      <c r="F831" s="27">
        <v>112.864698</v>
      </c>
      <c r="H831" s="27">
        <v>3084.1767840000002</v>
      </c>
      <c r="I831" s="27">
        <v>105.33909300000001</v>
      </c>
      <c r="K831" s="27">
        <v>3084.1767840000002</v>
      </c>
      <c r="L831" s="27">
        <v>97.659643000000003</v>
      </c>
    </row>
    <row r="832" spans="2:12" x14ac:dyDescent="0.45">
      <c r="B832" s="27">
        <v>3086.1055999999999</v>
      </c>
      <c r="C832" s="27">
        <v>120.990894</v>
      </c>
      <c r="E832" s="27">
        <v>3086.1055999999999</v>
      </c>
      <c r="F832" s="27">
        <v>112.865016</v>
      </c>
      <c r="H832" s="27">
        <v>3086.1055999999999</v>
      </c>
      <c r="I832" s="27">
        <v>105.30027</v>
      </c>
      <c r="K832" s="27">
        <v>3086.1055999999999</v>
      </c>
      <c r="L832" s="27">
        <v>97.629557000000005</v>
      </c>
    </row>
    <row r="833" spans="2:12" x14ac:dyDescent="0.45">
      <c r="B833" s="27">
        <v>3088.034416</v>
      </c>
      <c r="C833" s="27">
        <v>120.923519</v>
      </c>
      <c r="E833" s="27">
        <v>3088.034416</v>
      </c>
      <c r="F833" s="27">
        <v>112.84686600000001</v>
      </c>
      <c r="H833" s="27">
        <v>3088.034416</v>
      </c>
      <c r="I833" s="27">
        <v>105.28394400000001</v>
      </c>
      <c r="K833" s="27">
        <v>3088.034416</v>
      </c>
      <c r="L833" s="27">
        <v>97.696971000000005</v>
      </c>
    </row>
    <row r="834" spans="2:12" x14ac:dyDescent="0.45">
      <c r="B834" s="27">
        <v>3089.9632320000001</v>
      </c>
      <c r="C834" s="27">
        <v>120.900811</v>
      </c>
      <c r="E834" s="27">
        <v>3089.9632320000001</v>
      </c>
      <c r="F834" s="27">
        <v>112.826595</v>
      </c>
      <c r="H834" s="27">
        <v>3089.9632320000001</v>
      </c>
      <c r="I834" s="27">
        <v>105.28971799999999</v>
      </c>
      <c r="K834" s="27">
        <v>3089.9632320000001</v>
      </c>
      <c r="L834" s="27">
        <v>97.694469999999995</v>
      </c>
    </row>
    <row r="835" spans="2:12" x14ac:dyDescent="0.45">
      <c r="B835" s="27">
        <v>3091.8920480000002</v>
      </c>
      <c r="C835" s="27">
        <v>120.922313</v>
      </c>
      <c r="E835" s="27">
        <v>3091.8920480000002</v>
      </c>
      <c r="F835" s="27">
        <v>112.800225</v>
      </c>
      <c r="H835" s="27">
        <v>3091.8920480000002</v>
      </c>
      <c r="I835" s="27">
        <v>105.265815</v>
      </c>
      <c r="K835" s="27">
        <v>3091.8920480000002</v>
      </c>
      <c r="L835" s="27">
        <v>97.649234000000007</v>
      </c>
    </row>
    <row r="836" spans="2:12" x14ac:dyDescent="0.45">
      <c r="B836" s="27">
        <v>3093.8208639999998</v>
      </c>
      <c r="C836" s="27">
        <v>120.86841800000001</v>
      </c>
      <c r="E836" s="27">
        <v>3093.8208639999998</v>
      </c>
      <c r="F836" s="27">
        <v>112.774968</v>
      </c>
      <c r="H836" s="27">
        <v>3093.8208639999998</v>
      </c>
      <c r="I836" s="27">
        <v>105.2488</v>
      </c>
      <c r="K836" s="27">
        <v>3093.8208639999998</v>
      </c>
      <c r="L836" s="27">
        <v>97.585384000000005</v>
      </c>
    </row>
    <row r="837" spans="2:12" x14ac:dyDescent="0.45">
      <c r="B837" s="27">
        <v>3095.7496799999999</v>
      </c>
      <c r="C837" s="27">
        <v>120.797383</v>
      </c>
      <c r="E837" s="27">
        <v>3095.7496799999999</v>
      </c>
      <c r="F837" s="27">
        <v>112.81335300000001</v>
      </c>
      <c r="H837" s="27">
        <v>3095.7496799999999</v>
      </c>
      <c r="I837" s="27">
        <v>105.249433</v>
      </c>
      <c r="K837" s="27">
        <v>3095.7496799999999</v>
      </c>
      <c r="L837" s="27">
        <v>97.573922999999994</v>
      </c>
    </row>
    <row r="838" spans="2:12" x14ac:dyDescent="0.45">
      <c r="B838" s="27">
        <v>3097.678496</v>
      </c>
      <c r="C838" s="27">
        <v>120.809681</v>
      </c>
      <c r="E838" s="27">
        <v>3097.678496</v>
      </c>
      <c r="F838" s="27">
        <v>112.824309</v>
      </c>
      <c r="H838" s="27">
        <v>3097.678496</v>
      </c>
      <c r="I838" s="27">
        <v>105.246279</v>
      </c>
      <c r="K838" s="27">
        <v>3097.678496</v>
      </c>
      <c r="L838" s="27">
        <v>97.598270999999997</v>
      </c>
    </row>
    <row r="839" spans="2:12" x14ac:dyDescent="0.45">
      <c r="B839" s="27">
        <v>3099.6073120000001</v>
      </c>
      <c r="C839" s="27">
        <v>120.876575</v>
      </c>
      <c r="E839" s="27">
        <v>3099.6073120000001</v>
      </c>
      <c r="F839" s="27">
        <v>112.824989</v>
      </c>
      <c r="H839" s="27">
        <v>3099.6073120000001</v>
      </c>
      <c r="I839" s="27">
        <v>105.260668</v>
      </c>
      <c r="K839" s="27">
        <v>3099.6073120000001</v>
      </c>
      <c r="L839" s="27">
        <v>97.640854000000004</v>
      </c>
    </row>
    <row r="840" spans="2:12" x14ac:dyDescent="0.45">
      <c r="B840" s="27">
        <v>3101.5361280000002</v>
      </c>
      <c r="C840" s="27">
        <v>120.861203</v>
      </c>
      <c r="E840" s="27">
        <v>3101.5361280000002</v>
      </c>
      <c r="F840" s="27">
        <v>112.786475</v>
      </c>
      <c r="H840" s="27">
        <v>3101.5361280000002</v>
      </c>
      <c r="I840" s="27">
        <v>105.261464</v>
      </c>
      <c r="K840" s="27">
        <v>3101.5361280000002</v>
      </c>
      <c r="L840" s="27">
        <v>97.713982999999999</v>
      </c>
    </row>
    <row r="841" spans="2:12" x14ac:dyDescent="0.45">
      <c r="B841" s="27">
        <v>3103.4649439999998</v>
      </c>
      <c r="C841" s="27">
        <v>120.85699700000001</v>
      </c>
      <c r="E841" s="27">
        <v>3103.4649439999998</v>
      </c>
      <c r="F841" s="27">
        <v>112.752601</v>
      </c>
      <c r="H841" s="27">
        <v>3103.4649439999998</v>
      </c>
      <c r="I841" s="27">
        <v>105.241405</v>
      </c>
      <c r="K841" s="27">
        <v>3103.4649439999998</v>
      </c>
      <c r="L841" s="27">
        <v>97.723550000000003</v>
      </c>
    </row>
    <row r="842" spans="2:12" x14ac:dyDescent="0.45">
      <c r="B842" s="27">
        <v>3105.3937599999999</v>
      </c>
      <c r="C842" s="27">
        <v>120.82346</v>
      </c>
      <c r="E842" s="27">
        <v>3105.3937599999999</v>
      </c>
      <c r="F842" s="27">
        <v>112.758376</v>
      </c>
      <c r="H842" s="27">
        <v>3105.3937599999999</v>
      </c>
      <c r="I842" s="27">
        <v>105.20701200000001</v>
      </c>
      <c r="K842" s="27">
        <v>3105.3937599999999</v>
      </c>
      <c r="L842" s="27">
        <v>97.694152000000003</v>
      </c>
    </row>
    <row r="843" spans="2:12" x14ac:dyDescent="0.45">
      <c r="B843" s="27">
        <v>3107.322576</v>
      </c>
      <c r="C843" s="27">
        <v>120.84126999999999</v>
      </c>
      <c r="E843" s="27">
        <v>3107.322576</v>
      </c>
      <c r="F843" s="27">
        <v>112.791601</v>
      </c>
      <c r="H843" s="27">
        <v>3107.322576</v>
      </c>
      <c r="I843" s="27">
        <v>105.20532799999999</v>
      </c>
      <c r="K843" s="27">
        <v>3107.322576</v>
      </c>
      <c r="L843" s="27">
        <v>97.673832000000004</v>
      </c>
    </row>
    <row r="844" spans="2:12" x14ac:dyDescent="0.45">
      <c r="B844" s="27">
        <v>3109.2513920000001</v>
      </c>
      <c r="C844" s="27">
        <v>120.899182</v>
      </c>
      <c r="E844" s="27">
        <v>3109.2513920000001</v>
      </c>
      <c r="F844" s="27">
        <v>112.804928</v>
      </c>
      <c r="H844" s="27">
        <v>3109.2513920000001</v>
      </c>
      <c r="I844" s="27">
        <v>105.197757</v>
      </c>
      <c r="K844" s="27">
        <v>3109.2513920000001</v>
      </c>
      <c r="L844" s="27">
        <v>97.660146999999995</v>
      </c>
    </row>
    <row r="845" spans="2:12" x14ac:dyDescent="0.45">
      <c r="B845" s="27">
        <v>3111.1802080000002</v>
      </c>
      <c r="C845" s="27">
        <v>120.88394099999999</v>
      </c>
      <c r="E845" s="27">
        <v>3111.1802080000002</v>
      </c>
      <c r="F845" s="27">
        <v>112.769936</v>
      </c>
      <c r="H845" s="27">
        <v>3111.1802080000002</v>
      </c>
      <c r="I845" s="27">
        <v>105.192215</v>
      </c>
      <c r="K845" s="27">
        <v>3111.1802080000002</v>
      </c>
      <c r="L845" s="27">
        <v>97.647197000000006</v>
      </c>
    </row>
    <row r="846" spans="2:12" x14ac:dyDescent="0.45">
      <c r="B846" s="27">
        <v>3113.1090239999999</v>
      </c>
      <c r="C846" s="27">
        <v>120.84050000000001</v>
      </c>
      <c r="E846" s="27">
        <v>3113.1090239999999</v>
      </c>
      <c r="F846" s="27">
        <v>112.747202</v>
      </c>
      <c r="H846" s="27">
        <v>3113.1090239999999</v>
      </c>
      <c r="I846" s="27">
        <v>105.213404</v>
      </c>
      <c r="K846" s="27">
        <v>3113.1090239999999</v>
      </c>
      <c r="L846" s="27">
        <v>97.659465999999995</v>
      </c>
    </row>
    <row r="847" spans="2:12" x14ac:dyDescent="0.45">
      <c r="B847" s="27">
        <v>3115.03784</v>
      </c>
      <c r="C847" s="27">
        <v>120.841206</v>
      </c>
      <c r="E847" s="27">
        <v>3115.03784</v>
      </c>
      <c r="F847" s="27">
        <v>112.746748</v>
      </c>
      <c r="H847" s="27">
        <v>3115.03784</v>
      </c>
      <c r="I847" s="27">
        <v>105.25032299999999</v>
      </c>
      <c r="K847" s="27">
        <v>3115.03784</v>
      </c>
      <c r="L847" s="27">
        <v>97.677734999999998</v>
      </c>
    </row>
    <row r="848" spans="2:12" x14ac:dyDescent="0.45">
      <c r="B848" s="27">
        <v>3116.9666560000001</v>
      </c>
      <c r="C848" s="27">
        <v>120.84044</v>
      </c>
      <c r="E848" s="27">
        <v>3116.9666560000001</v>
      </c>
      <c r="F848" s="27">
        <v>112.761645</v>
      </c>
      <c r="H848" s="27">
        <v>3116.9666560000001</v>
      </c>
      <c r="I848" s="27">
        <v>105.273149</v>
      </c>
      <c r="K848" s="27">
        <v>3116.9666560000001</v>
      </c>
      <c r="L848" s="27">
        <v>97.609979999999993</v>
      </c>
    </row>
    <row r="849" spans="2:12" x14ac:dyDescent="0.45">
      <c r="B849" s="27">
        <v>3118.8954720000002</v>
      </c>
      <c r="C849" s="27">
        <v>120.822344</v>
      </c>
      <c r="E849" s="27">
        <v>3118.8954720000002</v>
      </c>
      <c r="F849" s="27">
        <v>112.809498</v>
      </c>
      <c r="H849" s="27">
        <v>3118.8954720000002</v>
      </c>
      <c r="I849" s="27">
        <v>105.23802000000001</v>
      </c>
      <c r="K849" s="27">
        <v>3118.8954720000002</v>
      </c>
      <c r="L849" s="27">
        <v>97.583495999999997</v>
      </c>
    </row>
    <row r="850" spans="2:12" x14ac:dyDescent="0.45">
      <c r="B850" s="27">
        <v>3120.8242879999998</v>
      </c>
      <c r="C850" s="27">
        <v>120.82495</v>
      </c>
      <c r="E850" s="27">
        <v>3120.8242879999998</v>
      </c>
      <c r="F850" s="27">
        <v>112.82556700000001</v>
      </c>
      <c r="H850" s="27">
        <v>3120.8242879999998</v>
      </c>
      <c r="I850" s="27">
        <v>105.21481799999999</v>
      </c>
      <c r="K850" s="27">
        <v>3120.8242879999998</v>
      </c>
      <c r="L850" s="27">
        <v>97.623536000000001</v>
      </c>
    </row>
    <row r="851" spans="2:12" x14ac:dyDescent="0.45">
      <c r="B851" s="27">
        <v>3122.7531039999999</v>
      </c>
      <c r="C851" s="27">
        <v>120.872567</v>
      </c>
      <c r="E851" s="27">
        <v>3122.7531039999999</v>
      </c>
      <c r="F851" s="27">
        <v>112.80572600000001</v>
      </c>
      <c r="H851" s="27">
        <v>3122.7531039999999</v>
      </c>
      <c r="I851" s="27">
        <v>105.195472</v>
      </c>
      <c r="K851" s="27">
        <v>3122.7531039999999</v>
      </c>
      <c r="L851" s="27">
        <v>97.618054999999998</v>
      </c>
    </row>
    <row r="852" spans="2:12" x14ac:dyDescent="0.45">
      <c r="B852" s="27">
        <v>3124.68192</v>
      </c>
      <c r="C852" s="27">
        <v>120.83755499999999</v>
      </c>
      <c r="E852" s="27">
        <v>3124.68192</v>
      </c>
      <c r="F852" s="27">
        <v>112.750089</v>
      </c>
      <c r="H852" s="27">
        <v>3124.68192</v>
      </c>
      <c r="I852" s="27">
        <v>105.147295</v>
      </c>
      <c r="K852" s="27">
        <v>3124.68192</v>
      </c>
      <c r="L852" s="27">
        <v>97.574438999999998</v>
      </c>
    </row>
    <row r="853" spans="2:12" x14ac:dyDescent="0.45">
      <c r="B853" s="27">
        <v>3126.6107360000001</v>
      </c>
      <c r="C853" s="27">
        <v>120.722459</v>
      </c>
      <c r="E853" s="27">
        <v>3126.6107360000001</v>
      </c>
      <c r="F853" s="27">
        <v>112.709384</v>
      </c>
      <c r="H853" s="27">
        <v>3126.6107360000001</v>
      </c>
      <c r="I853" s="27">
        <v>105.14809099999999</v>
      </c>
      <c r="K853" s="27">
        <v>3126.6107360000001</v>
      </c>
      <c r="L853" s="27">
        <v>97.538369000000003</v>
      </c>
    </row>
    <row r="854" spans="2:12" x14ac:dyDescent="0.45">
      <c r="B854" s="27">
        <v>3128.5395520000002</v>
      </c>
      <c r="C854" s="27">
        <v>120.693808</v>
      </c>
      <c r="E854" s="27">
        <v>3128.5395520000002</v>
      </c>
      <c r="F854" s="27">
        <v>112.736833</v>
      </c>
      <c r="H854" s="27">
        <v>3128.5395520000002</v>
      </c>
      <c r="I854" s="27">
        <v>105.193128</v>
      </c>
      <c r="K854" s="27">
        <v>3128.5395520000002</v>
      </c>
      <c r="L854" s="27">
        <v>97.525683999999998</v>
      </c>
    </row>
    <row r="855" spans="2:12" x14ac:dyDescent="0.45">
      <c r="B855" s="27">
        <v>3130.4683679999998</v>
      </c>
      <c r="C855" s="27">
        <v>120.663826</v>
      </c>
      <c r="E855" s="27">
        <v>3130.4683679999998</v>
      </c>
      <c r="F855" s="27">
        <v>112.73496400000001</v>
      </c>
      <c r="H855" s="27">
        <v>3130.4683679999998</v>
      </c>
      <c r="I855" s="27">
        <v>105.179046</v>
      </c>
      <c r="K855" s="27">
        <v>3130.4683679999998</v>
      </c>
      <c r="L855" s="27">
        <v>97.573789000000005</v>
      </c>
    </row>
    <row r="856" spans="2:12" x14ac:dyDescent="0.45">
      <c r="B856" s="27">
        <v>3132.3971839999999</v>
      </c>
      <c r="C856" s="27">
        <v>120.63352500000001</v>
      </c>
      <c r="E856" s="27">
        <v>3132.3971839999999</v>
      </c>
      <c r="F856" s="27">
        <v>112.698227</v>
      </c>
      <c r="H856" s="27">
        <v>3132.3971839999999</v>
      </c>
      <c r="I856" s="27">
        <v>105.09946600000001</v>
      </c>
      <c r="K856" s="27">
        <v>3132.3971839999999</v>
      </c>
      <c r="L856" s="27">
        <v>97.572733999999997</v>
      </c>
    </row>
    <row r="857" spans="2:12" x14ac:dyDescent="0.45">
      <c r="B857" s="27">
        <v>3134.326</v>
      </c>
      <c r="C857" s="27">
        <v>120.66109899999999</v>
      </c>
      <c r="E857" s="27">
        <v>3134.326</v>
      </c>
      <c r="F857" s="27">
        <v>112.726299</v>
      </c>
      <c r="H857" s="27">
        <v>3134.326</v>
      </c>
      <c r="I857" s="27">
        <v>105.122134</v>
      </c>
      <c r="K857" s="27">
        <v>3134.326</v>
      </c>
      <c r="L857" s="27">
        <v>97.594551999999993</v>
      </c>
    </row>
    <row r="858" spans="2:12" x14ac:dyDescent="0.45">
      <c r="B858" s="27">
        <v>3136.2548160000001</v>
      </c>
      <c r="C858" s="27">
        <v>120.652725</v>
      </c>
      <c r="E858" s="27">
        <v>3136.2548160000001</v>
      </c>
      <c r="F858" s="27">
        <v>112.754958</v>
      </c>
      <c r="H858" s="27">
        <v>3136.2548160000001</v>
      </c>
      <c r="I858" s="27">
        <v>105.169483</v>
      </c>
      <c r="K858" s="27">
        <v>3136.2548160000001</v>
      </c>
      <c r="L858" s="27">
        <v>97.603870999999998</v>
      </c>
    </row>
    <row r="859" spans="2:12" x14ac:dyDescent="0.45">
      <c r="B859" s="27">
        <v>3138.1836320000002</v>
      </c>
      <c r="C859" s="27">
        <v>120.65774</v>
      </c>
      <c r="E859" s="27">
        <v>3138.1836320000002</v>
      </c>
      <c r="F859" s="27">
        <v>112.821994</v>
      </c>
      <c r="H859" s="27">
        <v>3138.1836320000002</v>
      </c>
      <c r="I859" s="27">
        <v>105.198914</v>
      </c>
      <c r="K859" s="27">
        <v>3138.1836320000002</v>
      </c>
      <c r="L859" s="27">
        <v>97.627801000000005</v>
      </c>
    </row>
    <row r="860" spans="2:12" x14ac:dyDescent="0.45">
      <c r="B860" s="27">
        <v>3140.1124479999999</v>
      </c>
      <c r="C860" s="27">
        <v>120.65654499999999</v>
      </c>
      <c r="E860" s="27">
        <v>3140.1124479999999</v>
      </c>
      <c r="F860" s="27">
        <v>112.80659900000001</v>
      </c>
      <c r="H860" s="27">
        <v>3140.1124479999999</v>
      </c>
      <c r="I860" s="27">
        <v>105.172352</v>
      </c>
      <c r="K860" s="27">
        <v>3140.1124479999999</v>
      </c>
      <c r="L860" s="27">
        <v>97.637904000000006</v>
      </c>
    </row>
    <row r="861" spans="2:12" x14ac:dyDescent="0.45">
      <c r="B861" s="27">
        <v>3142.041264</v>
      </c>
      <c r="C861" s="27">
        <v>120.632904</v>
      </c>
      <c r="E861" s="27">
        <v>3142.041264</v>
      </c>
      <c r="F861" s="27">
        <v>112.699759</v>
      </c>
      <c r="H861" s="27">
        <v>3142.041264</v>
      </c>
      <c r="I861" s="27">
        <v>105.131658</v>
      </c>
      <c r="K861" s="27">
        <v>3142.041264</v>
      </c>
      <c r="L861" s="27">
        <v>97.633020999999999</v>
      </c>
    </row>
    <row r="862" spans="2:12" x14ac:dyDescent="0.45">
      <c r="B862" s="27">
        <v>3143.9700800000001</v>
      </c>
      <c r="C862" s="27">
        <v>120.594818</v>
      </c>
      <c r="E862" s="27">
        <v>3143.9700800000001</v>
      </c>
      <c r="F862" s="27">
        <v>112.682458</v>
      </c>
      <c r="H862" s="27">
        <v>3143.9700800000001</v>
      </c>
      <c r="I862" s="27">
        <v>105.092123</v>
      </c>
      <c r="K862" s="27">
        <v>3143.9700800000001</v>
      </c>
      <c r="L862" s="27">
        <v>97.642092000000005</v>
      </c>
    </row>
    <row r="863" spans="2:12" x14ac:dyDescent="0.45">
      <c r="B863" s="27">
        <v>3145.8988960000001</v>
      </c>
      <c r="C863" s="27">
        <v>120.606644</v>
      </c>
      <c r="E863" s="27">
        <v>3145.8988960000001</v>
      </c>
      <c r="F863" s="27">
        <v>112.71841499999999</v>
      </c>
      <c r="H863" s="27">
        <v>3145.8988960000001</v>
      </c>
      <c r="I863" s="27">
        <v>105.09935</v>
      </c>
      <c r="K863" s="27">
        <v>3145.8988960000001</v>
      </c>
      <c r="L863" s="27">
        <v>97.644504999999995</v>
      </c>
    </row>
    <row r="864" spans="2:12" x14ac:dyDescent="0.45">
      <c r="B864" s="27">
        <v>3147.8277119999998</v>
      </c>
      <c r="C864" s="27">
        <v>120.529747</v>
      </c>
      <c r="E864" s="27">
        <v>3147.8277119999998</v>
      </c>
      <c r="F864" s="27">
        <v>112.702451</v>
      </c>
      <c r="H864" s="27">
        <v>3147.8277119999998</v>
      </c>
      <c r="I864" s="27">
        <v>105.135997</v>
      </c>
      <c r="K864" s="27">
        <v>3147.8277119999998</v>
      </c>
      <c r="L864" s="27">
        <v>97.646140000000003</v>
      </c>
    </row>
    <row r="865" spans="2:12" x14ac:dyDescent="0.45">
      <c r="B865" s="27">
        <v>3149.7565279999999</v>
      </c>
      <c r="C865" s="27">
        <v>120.512985</v>
      </c>
      <c r="E865" s="27">
        <v>3149.7565279999999</v>
      </c>
      <c r="F865" s="27">
        <v>112.726086</v>
      </c>
      <c r="H865" s="27">
        <v>3149.7565279999999</v>
      </c>
      <c r="I865" s="27">
        <v>105.15052300000001</v>
      </c>
      <c r="K865" s="27">
        <v>3149.7565279999999</v>
      </c>
      <c r="L865" s="27">
        <v>97.646168000000003</v>
      </c>
    </row>
    <row r="866" spans="2:12" x14ac:dyDescent="0.45">
      <c r="B866" s="27">
        <v>3151.685344</v>
      </c>
      <c r="C866" s="27">
        <v>120.61790499999999</v>
      </c>
      <c r="E866" s="27">
        <v>3151.685344</v>
      </c>
      <c r="F866" s="27">
        <v>112.806318</v>
      </c>
      <c r="H866" s="27">
        <v>3151.685344</v>
      </c>
      <c r="I866" s="27">
        <v>105.203884</v>
      </c>
      <c r="K866" s="27">
        <v>3151.685344</v>
      </c>
      <c r="L866" s="27">
        <v>97.629756999999998</v>
      </c>
    </row>
    <row r="867" spans="2:12" x14ac:dyDescent="0.45">
      <c r="B867" s="27">
        <v>3153.6141600000001</v>
      </c>
      <c r="C867" s="27">
        <v>120.59947200000001</v>
      </c>
      <c r="E867" s="27">
        <v>3153.6141600000001</v>
      </c>
      <c r="F867" s="27">
        <v>112.79101799999999</v>
      </c>
      <c r="H867" s="27">
        <v>3153.6141600000001</v>
      </c>
      <c r="I867" s="27">
        <v>105.196984</v>
      </c>
      <c r="K867" s="27">
        <v>3153.6141600000001</v>
      </c>
      <c r="L867" s="27">
        <v>97.624683000000005</v>
      </c>
    </row>
    <row r="868" spans="2:12" x14ac:dyDescent="0.45">
      <c r="B868" s="27">
        <v>3155.5429760000002</v>
      </c>
      <c r="C868" s="27">
        <v>120.520385</v>
      </c>
      <c r="E868" s="27">
        <v>3155.5429760000002</v>
      </c>
      <c r="F868" s="27">
        <v>112.740216</v>
      </c>
      <c r="H868" s="27">
        <v>3155.5429760000002</v>
      </c>
      <c r="I868" s="27">
        <v>105.129339</v>
      </c>
      <c r="K868" s="27">
        <v>3155.5429760000002</v>
      </c>
      <c r="L868" s="27">
        <v>97.674927999999994</v>
      </c>
    </row>
    <row r="869" spans="2:12" x14ac:dyDescent="0.45">
      <c r="B869" s="27">
        <v>3157.4717919999998</v>
      </c>
      <c r="C869" s="27">
        <v>120.50673</v>
      </c>
      <c r="E869" s="27">
        <v>3157.4717919999998</v>
      </c>
      <c r="F869" s="27">
        <v>112.736018</v>
      </c>
      <c r="H869" s="27">
        <v>3157.4717919999998</v>
      </c>
      <c r="I869" s="27">
        <v>105.122855</v>
      </c>
      <c r="K869" s="27">
        <v>3157.4717919999998</v>
      </c>
      <c r="L869" s="27">
        <v>97.703924000000001</v>
      </c>
    </row>
    <row r="870" spans="2:12" x14ac:dyDescent="0.45">
      <c r="B870" s="27">
        <v>3159.4006079999999</v>
      </c>
      <c r="C870" s="27">
        <v>120.46269700000001</v>
      </c>
      <c r="E870" s="27">
        <v>3159.4006079999999</v>
      </c>
      <c r="F870" s="27">
        <v>112.68558400000001</v>
      </c>
      <c r="H870" s="27">
        <v>3159.4006079999999</v>
      </c>
      <c r="I870" s="27">
        <v>105.101589</v>
      </c>
      <c r="K870" s="27">
        <v>3159.4006079999999</v>
      </c>
      <c r="L870" s="27">
        <v>97.609470000000002</v>
      </c>
    </row>
    <row r="871" spans="2:12" x14ac:dyDescent="0.45">
      <c r="B871" s="27">
        <v>3161.329424</v>
      </c>
      <c r="C871" s="27">
        <v>120.415285</v>
      </c>
      <c r="E871" s="27">
        <v>3161.329424</v>
      </c>
      <c r="F871" s="27">
        <v>112.640209</v>
      </c>
      <c r="H871" s="27">
        <v>3161.329424</v>
      </c>
      <c r="I871" s="27">
        <v>105.094285</v>
      </c>
      <c r="K871" s="27">
        <v>3161.329424</v>
      </c>
      <c r="L871" s="27">
        <v>97.527500000000003</v>
      </c>
    </row>
    <row r="872" spans="2:12" x14ac:dyDescent="0.45">
      <c r="B872" s="27">
        <v>3163.2582400000001</v>
      </c>
      <c r="C872" s="27">
        <v>120.391901</v>
      </c>
      <c r="E872" s="27">
        <v>3163.2582400000001</v>
      </c>
      <c r="F872" s="27">
        <v>112.649869</v>
      </c>
      <c r="H872" s="27">
        <v>3163.2582400000001</v>
      </c>
      <c r="I872" s="27">
        <v>105.11159600000001</v>
      </c>
      <c r="K872" s="27">
        <v>3163.2582400000001</v>
      </c>
      <c r="L872" s="27">
        <v>97.579244000000003</v>
      </c>
    </row>
    <row r="873" spans="2:12" x14ac:dyDescent="0.45">
      <c r="B873" s="27">
        <v>3165.1870560000002</v>
      </c>
      <c r="C873" s="27">
        <v>120.432946</v>
      </c>
      <c r="E873" s="27">
        <v>3165.1870560000002</v>
      </c>
      <c r="F873" s="27">
        <v>112.669363</v>
      </c>
      <c r="H873" s="27">
        <v>3165.1870560000002</v>
      </c>
      <c r="I873" s="27">
        <v>105.106376</v>
      </c>
      <c r="K873" s="27">
        <v>3165.1870560000002</v>
      </c>
      <c r="L873" s="27">
        <v>97.636680999999996</v>
      </c>
    </row>
    <row r="874" spans="2:12" x14ac:dyDescent="0.45">
      <c r="B874" s="27">
        <v>3167.1158719999999</v>
      </c>
      <c r="C874" s="27">
        <v>120.47693</v>
      </c>
      <c r="E874" s="27">
        <v>3167.1158719999999</v>
      </c>
      <c r="F874" s="27">
        <v>112.65501500000001</v>
      </c>
      <c r="H874" s="27">
        <v>3167.1158719999999</v>
      </c>
      <c r="I874" s="27">
        <v>105.08587799999999</v>
      </c>
      <c r="K874" s="27">
        <v>3167.1158719999999</v>
      </c>
      <c r="L874" s="27">
        <v>97.650884000000005</v>
      </c>
    </row>
    <row r="875" spans="2:12" x14ac:dyDescent="0.45">
      <c r="B875" s="27">
        <v>3169.044688</v>
      </c>
      <c r="C875" s="27">
        <v>120.473181</v>
      </c>
      <c r="E875" s="27">
        <v>3169.044688</v>
      </c>
      <c r="F875" s="27">
        <v>112.62223400000001</v>
      </c>
      <c r="H875" s="27">
        <v>3169.044688</v>
      </c>
      <c r="I875" s="27">
        <v>105.09611</v>
      </c>
      <c r="K875" s="27">
        <v>3169.044688</v>
      </c>
      <c r="L875" s="27">
        <v>97.563663000000005</v>
      </c>
    </row>
    <row r="876" spans="2:12" x14ac:dyDescent="0.45">
      <c r="B876" s="27">
        <v>3170.973504</v>
      </c>
      <c r="C876" s="27">
        <v>120.401944</v>
      </c>
      <c r="E876" s="27">
        <v>3170.973504</v>
      </c>
      <c r="F876" s="27">
        <v>112.638071</v>
      </c>
      <c r="H876" s="27">
        <v>3170.973504</v>
      </c>
      <c r="I876" s="27">
        <v>105.08405999999999</v>
      </c>
      <c r="K876" s="27">
        <v>3170.973504</v>
      </c>
      <c r="L876" s="27">
        <v>97.521174999999999</v>
      </c>
    </row>
    <row r="877" spans="2:12" x14ac:dyDescent="0.45">
      <c r="B877" s="27">
        <v>3172.9023200000001</v>
      </c>
      <c r="C877" s="27">
        <v>120.35103100000001</v>
      </c>
      <c r="E877" s="27">
        <v>3172.9023200000001</v>
      </c>
      <c r="F877" s="27">
        <v>112.632948</v>
      </c>
      <c r="H877" s="27">
        <v>3172.9023200000001</v>
      </c>
      <c r="I877" s="27">
        <v>105.06751199999999</v>
      </c>
      <c r="K877" s="27">
        <v>3172.9023200000001</v>
      </c>
      <c r="L877" s="27">
        <v>97.589273000000006</v>
      </c>
    </row>
    <row r="878" spans="2:12" x14ac:dyDescent="0.45">
      <c r="B878" s="27">
        <v>3174.8311359999998</v>
      </c>
      <c r="C878" s="27">
        <v>120.366663</v>
      </c>
      <c r="E878" s="27">
        <v>3174.8311359999998</v>
      </c>
      <c r="F878" s="27">
        <v>112.630653</v>
      </c>
      <c r="H878" s="27">
        <v>3174.8311359999998</v>
      </c>
      <c r="I878" s="27">
        <v>105.05103800000001</v>
      </c>
      <c r="K878" s="27">
        <v>3174.8311359999998</v>
      </c>
      <c r="L878" s="27">
        <v>97.589464000000007</v>
      </c>
    </row>
    <row r="879" spans="2:12" x14ac:dyDescent="0.45">
      <c r="B879" s="27">
        <v>3176.7599519999999</v>
      </c>
      <c r="C879" s="27">
        <v>120.375288</v>
      </c>
      <c r="E879" s="27">
        <v>3176.7599519999999</v>
      </c>
      <c r="F879" s="27">
        <v>112.61983499999999</v>
      </c>
      <c r="H879" s="27">
        <v>3176.7599519999999</v>
      </c>
      <c r="I879" s="27">
        <v>105.033692</v>
      </c>
      <c r="K879" s="27">
        <v>3176.7599519999999</v>
      </c>
      <c r="L879" s="27">
        <v>97.513795999999999</v>
      </c>
    </row>
    <row r="880" spans="2:12" x14ac:dyDescent="0.45">
      <c r="B880" s="27">
        <v>3178.688768</v>
      </c>
      <c r="C880" s="27">
        <v>120.423523</v>
      </c>
      <c r="E880" s="27">
        <v>3178.688768</v>
      </c>
      <c r="F880" s="27">
        <v>112.603173</v>
      </c>
      <c r="H880" s="27">
        <v>3178.688768</v>
      </c>
      <c r="I880" s="27">
        <v>105.034578</v>
      </c>
      <c r="K880" s="27">
        <v>3178.688768</v>
      </c>
      <c r="L880" s="27">
        <v>97.536421000000004</v>
      </c>
    </row>
    <row r="881" spans="2:12" x14ac:dyDescent="0.45">
      <c r="B881" s="27">
        <v>3180.6175840000001</v>
      </c>
      <c r="C881" s="27">
        <v>120.360724</v>
      </c>
      <c r="E881" s="27">
        <v>3180.6175840000001</v>
      </c>
      <c r="F881" s="27">
        <v>112.597865</v>
      </c>
      <c r="H881" s="27">
        <v>3180.6175840000001</v>
      </c>
      <c r="I881" s="27">
        <v>105.071444</v>
      </c>
      <c r="K881" s="27">
        <v>3180.6175840000001</v>
      </c>
      <c r="L881" s="27">
        <v>97.524063999999996</v>
      </c>
    </row>
    <row r="882" spans="2:12" x14ac:dyDescent="0.45">
      <c r="B882" s="27">
        <v>3182.5464000000002</v>
      </c>
      <c r="C882" s="27">
        <v>120.27512</v>
      </c>
      <c r="E882" s="27">
        <v>3182.5464000000002</v>
      </c>
      <c r="F882" s="27">
        <v>112.618855</v>
      </c>
      <c r="H882" s="27">
        <v>3182.5464000000002</v>
      </c>
      <c r="I882" s="27">
        <v>105.07238099999999</v>
      </c>
      <c r="K882" s="27">
        <v>3182.5464000000002</v>
      </c>
      <c r="L882" s="27">
        <v>97.572916000000006</v>
      </c>
    </row>
    <row r="883" spans="2:12" x14ac:dyDescent="0.45">
      <c r="B883" s="27">
        <v>3184.4752159999998</v>
      </c>
      <c r="C883" s="27">
        <v>120.322836</v>
      </c>
      <c r="E883" s="27">
        <v>3184.4752159999998</v>
      </c>
      <c r="F883" s="27">
        <v>112.65069099999999</v>
      </c>
      <c r="H883" s="27">
        <v>3184.4752159999998</v>
      </c>
      <c r="I883" s="27">
        <v>105.05023</v>
      </c>
      <c r="K883" s="27">
        <v>3184.4752159999998</v>
      </c>
      <c r="L883" s="27">
        <v>97.612966</v>
      </c>
    </row>
    <row r="884" spans="2:12" x14ac:dyDescent="0.45">
      <c r="B884" s="27">
        <v>3186.4040319999999</v>
      </c>
      <c r="C884" s="27">
        <v>120.38531999999999</v>
      </c>
      <c r="E884" s="27">
        <v>3186.4040319999999</v>
      </c>
      <c r="F884" s="27">
        <v>112.64944300000001</v>
      </c>
      <c r="H884" s="27">
        <v>3186.4040319999999</v>
      </c>
      <c r="I884" s="27">
        <v>105.064894</v>
      </c>
      <c r="K884" s="27">
        <v>3186.4040319999999</v>
      </c>
      <c r="L884" s="27">
        <v>97.555447000000001</v>
      </c>
    </row>
    <row r="885" spans="2:12" x14ac:dyDescent="0.45">
      <c r="B885" s="27">
        <v>3188.332848</v>
      </c>
      <c r="C885" s="27">
        <v>120.375823</v>
      </c>
      <c r="E885" s="27">
        <v>3188.332848</v>
      </c>
      <c r="F885" s="27">
        <v>112.668121</v>
      </c>
      <c r="H885" s="27">
        <v>3188.332848</v>
      </c>
      <c r="I885" s="27">
        <v>105.11059299999999</v>
      </c>
      <c r="K885" s="27">
        <v>3188.332848</v>
      </c>
      <c r="L885" s="27">
        <v>97.579342999999994</v>
      </c>
    </row>
    <row r="886" spans="2:12" x14ac:dyDescent="0.45">
      <c r="B886" s="27">
        <v>3190.2616640000001</v>
      </c>
      <c r="C886" s="27">
        <v>120.35262</v>
      </c>
      <c r="E886" s="27">
        <v>3190.2616640000001</v>
      </c>
      <c r="F886" s="27">
        <v>112.648313</v>
      </c>
      <c r="H886" s="27">
        <v>3190.2616640000001</v>
      </c>
      <c r="I886" s="27">
        <v>105.121886</v>
      </c>
      <c r="K886" s="27">
        <v>3190.2616640000001</v>
      </c>
      <c r="L886" s="27">
        <v>97.621692999999993</v>
      </c>
    </row>
    <row r="887" spans="2:12" x14ac:dyDescent="0.45">
      <c r="B887" s="27">
        <v>3192.1904800000002</v>
      </c>
      <c r="C887" s="27">
        <v>120.305719</v>
      </c>
      <c r="E887" s="27">
        <v>3192.1904800000002</v>
      </c>
      <c r="F887" s="27">
        <v>112.649614</v>
      </c>
      <c r="H887" s="27">
        <v>3192.1904800000002</v>
      </c>
      <c r="I887" s="27">
        <v>105.111768</v>
      </c>
      <c r="K887" s="27">
        <v>3192.1904800000002</v>
      </c>
      <c r="L887" s="27">
        <v>97.658340999999993</v>
      </c>
    </row>
    <row r="888" spans="2:12" x14ac:dyDescent="0.45">
      <c r="B888" s="27">
        <v>3194.1192959999998</v>
      </c>
      <c r="C888" s="27">
        <v>120.30043999999999</v>
      </c>
      <c r="E888" s="27">
        <v>3194.1192959999998</v>
      </c>
      <c r="F888" s="27">
        <v>112.61888</v>
      </c>
      <c r="H888" s="27">
        <v>3194.1192959999998</v>
      </c>
      <c r="I888" s="27">
        <v>105.11365499999999</v>
      </c>
      <c r="K888" s="27">
        <v>3194.1192959999998</v>
      </c>
      <c r="L888" s="27">
        <v>97.640907999999996</v>
      </c>
    </row>
    <row r="889" spans="2:12" x14ac:dyDescent="0.45">
      <c r="B889" s="27">
        <v>3196.0481119999999</v>
      </c>
      <c r="C889" s="27">
        <v>120.36027</v>
      </c>
      <c r="E889" s="27">
        <v>3196.0481119999999</v>
      </c>
      <c r="F889" s="27">
        <v>112.616147</v>
      </c>
      <c r="H889" s="27">
        <v>3196.0481119999999</v>
      </c>
      <c r="I889" s="27">
        <v>105.073337</v>
      </c>
      <c r="K889" s="27">
        <v>3196.0481119999999</v>
      </c>
      <c r="L889" s="27">
        <v>97.618686999999994</v>
      </c>
    </row>
    <row r="890" spans="2:12" x14ac:dyDescent="0.45">
      <c r="B890" s="27">
        <v>3197.976928</v>
      </c>
      <c r="C890" s="27">
        <v>120.34415</v>
      </c>
      <c r="E890" s="27">
        <v>3197.976928</v>
      </c>
      <c r="F890" s="27">
        <v>112.645702</v>
      </c>
      <c r="H890" s="27">
        <v>3197.976928</v>
      </c>
      <c r="I890" s="27">
        <v>105.01957299999999</v>
      </c>
      <c r="K890" s="27">
        <v>3197.976928</v>
      </c>
      <c r="L890" s="27">
        <v>97.586207999999999</v>
      </c>
    </row>
    <row r="891" spans="2:12" x14ac:dyDescent="0.45">
      <c r="B891" s="27">
        <v>3199.9057440000001</v>
      </c>
      <c r="C891" s="27">
        <v>120.259664</v>
      </c>
      <c r="E891" s="27">
        <v>3199.9057440000001</v>
      </c>
      <c r="F891" s="27">
        <v>112.65870099999999</v>
      </c>
      <c r="H891" s="27">
        <v>3199.9057440000001</v>
      </c>
      <c r="I891" s="27">
        <v>105.077083</v>
      </c>
      <c r="K891" s="27">
        <v>3199.9057440000001</v>
      </c>
      <c r="L891" s="27">
        <v>97.482444000000001</v>
      </c>
    </row>
    <row r="892" spans="2:12" x14ac:dyDescent="0.45">
      <c r="B892" s="27">
        <v>3201.8345599999998</v>
      </c>
      <c r="C892" s="27">
        <v>120.237534</v>
      </c>
      <c r="E892" s="27">
        <v>3201.8345599999998</v>
      </c>
      <c r="F892" s="27">
        <v>112.67788299999999</v>
      </c>
      <c r="H892" s="27">
        <v>3201.8345599999998</v>
      </c>
      <c r="I892" s="27">
        <v>105.074783</v>
      </c>
      <c r="K892" s="27">
        <v>3201.8345599999998</v>
      </c>
      <c r="L892" s="27">
        <v>97.461983000000004</v>
      </c>
    </row>
    <row r="893" spans="2:12" x14ac:dyDescent="0.45">
      <c r="B893" s="27">
        <v>3203.7633759999999</v>
      </c>
      <c r="C893" s="27">
        <v>120.253013</v>
      </c>
      <c r="E893" s="27">
        <v>3203.7633759999999</v>
      </c>
      <c r="F893" s="27">
        <v>112.680725</v>
      </c>
      <c r="H893" s="27">
        <v>3203.7633759999999</v>
      </c>
      <c r="I893" s="27">
        <v>105.02592199999999</v>
      </c>
      <c r="K893" s="27">
        <v>3203.7633759999999</v>
      </c>
      <c r="L893" s="27">
        <v>97.527151000000003</v>
      </c>
    </row>
    <row r="894" spans="2:12" x14ac:dyDescent="0.45">
      <c r="B894" s="27">
        <v>3205.692192</v>
      </c>
      <c r="C894" s="27">
        <v>120.234252</v>
      </c>
      <c r="E894" s="27">
        <v>3205.692192</v>
      </c>
      <c r="F894" s="27">
        <v>112.620205</v>
      </c>
      <c r="H894" s="27">
        <v>3205.692192</v>
      </c>
      <c r="I894" s="27">
        <v>105.034933</v>
      </c>
      <c r="K894" s="27">
        <v>3205.692192</v>
      </c>
      <c r="L894" s="27">
        <v>97.580467999999996</v>
      </c>
    </row>
    <row r="895" spans="2:12" x14ac:dyDescent="0.45">
      <c r="B895" s="27">
        <v>3207.6210080000001</v>
      </c>
      <c r="C895" s="27">
        <v>120.241005</v>
      </c>
      <c r="E895" s="27">
        <v>3207.6210080000001</v>
      </c>
      <c r="F895" s="27">
        <v>112.567482</v>
      </c>
      <c r="H895" s="27">
        <v>3207.6210080000001</v>
      </c>
      <c r="I895" s="27">
        <v>105.073998</v>
      </c>
      <c r="K895" s="27">
        <v>3207.6210080000001</v>
      </c>
      <c r="L895" s="27">
        <v>97.613050999999999</v>
      </c>
    </row>
    <row r="896" spans="2:12" x14ac:dyDescent="0.45">
      <c r="B896" s="27">
        <v>3209.5498240000002</v>
      </c>
      <c r="C896" s="27">
        <v>120.208529</v>
      </c>
      <c r="E896" s="27">
        <v>3209.5498240000002</v>
      </c>
      <c r="F896" s="27">
        <v>112.56846899999999</v>
      </c>
      <c r="H896" s="27">
        <v>3209.5498240000002</v>
      </c>
      <c r="I896" s="27">
        <v>105.06829999999999</v>
      </c>
      <c r="K896" s="27">
        <v>3209.5498240000002</v>
      </c>
      <c r="L896" s="27">
        <v>97.600121999999999</v>
      </c>
    </row>
    <row r="897" spans="2:12" x14ac:dyDescent="0.45">
      <c r="B897" s="27">
        <v>3211.4786399999998</v>
      </c>
      <c r="C897" s="27">
        <v>120.183126</v>
      </c>
      <c r="E897" s="27">
        <v>3211.4786399999998</v>
      </c>
      <c r="F897" s="27">
        <v>112.57462200000001</v>
      </c>
      <c r="H897" s="27">
        <v>3211.4786399999998</v>
      </c>
      <c r="I897" s="27">
        <v>105.06904299999999</v>
      </c>
      <c r="K897" s="27">
        <v>3211.4786399999998</v>
      </c>
      <c r="L897" s="27">
        <v>97.600598000000005</v>
      </c>
    </row>
    <row r="898" spans="2:12" x14ac:dyDescent="0.45">
      <c r="B898" s="27">
        <v>3213.4074559999999</v>
      </c>
      <c r="C898" s="27">
        <v>120.17425</v>
      </c>
      <c r="E898" s="27">
        <v>3213.4074559999999</v>
      </c>
      <c r="F898" s="27">
        <v>112.60172900000001</v>
      </c>
      <c r="H898" s="27">
        <v>3213.4074559999999</v>
      </c>
      <c r="I898" s="27">
        <v>105.08206</v>
      </c>
      <c r="K898" s="27">
        <v>3213.4074559999999</v>
      </c>
      <c r="L898" s="27">
        <v>97.586781000000002</v>
      </c>
    </row>
    <row r="899" spans="2:12" x14ac:dyDescent="0.45">
      <c r="B899" s="27">
        <v>3215.336272</v>
      </c>
      <c r="C899" s="27">
        <v>120.162492</v>
      </c>
      <c r="E899" s="27">
        <v>3215.336272</v>
      </c>
      <c r="F899" s="27">
        <v>112.57658000000001</v>
      </c>
      <c r="H899" s="27">
        <v>3215.336272</v>
      </c>
      <c r="I899" s="27">
        <v>105.064549</v>
      </c>
      <c r="K899" s="27">
        <v>3215.336272</v>
      </c>
      <c r="L899" s="27">
        <v>97.627251999999999</v>
      </c>
    </row>
    <row r="900" spans="2:12" x14ac:dyDescent="0.45">
      <c r="B900" s="27">
        <v>3217.2650880000001</v>
      </c>
      <c r="C900" s="27">
        <v>120.206659</v>
      </c>
      <c r="E900" s="27">
        <v>3217.2650880000001</v>
      </c>
      <c r="F900" s="27">
        <v>112.570716</v>
      </c>
      <c r="H900" s="27">
        <v>3217.2650880000001</v>
      </c>
      <c r="I900" s="27">
        <v>105.009942</v>
      </c>
      <c r="K900" s="27">
        <v>3217.2650880000001</v>
      </c>
      <c r="L900" s="27">
        <v>97.678786000000002</v>
      </c>
    </row>
    <row r="901" spans="2:12" x14ac:dyDescent="0.45">
      <c r="B901" s="27">
        <v>3219.1939040000002</v>
      </c>
      <c r="C901" s="27">
        <v>120.201078</v>
      </c>
      <c r="E901" s="27">
        <v>3219.1939040000002</v>
      </c>
      <c r="F901" s="27">
        <v>112.615315</v>
      </c>
      <c r="H901" s="27">
        <v>3219.1939040000002</v>
      </c>
      <c r="I901" s="27">
        <v>105.02041800000001</v>
      </c>
      <c r="K901" s="27">
        <v>3219.1939040000002</v>
      </c>
      <c r="L901" s="27">
        <v>97.676360000000003</v>
      </c>
    </row>
    <row r="902" spans="2:12" x14ac:dyDescent="0.45">
      <c r="B902" s="27">
        <v>3221.1227199999998</v>
      </c>
      <c r="C902" s="27">
        <v>120.110967</v>
      </c>
      <c r="E902" s="27">
        <v>3221.1227199999998</v>
      </c>
      <c r="F902" s="27">
        <v>112.600883</v>
      </c>
      <c r="H902" s="27">
        <v>3221.1227199999998</v>
      </c>
      <c r="I902" s="27">
        <v>105.043741</v>
      </c>
      <c r="K902" s="27">
        <v>3221.1227199999998</v>
      </c>
      <c r="L902" s="27">
        <v>97.612379000000004</v>
      </c>
    </row>
    <row r="903" spans="2:12" x14ac:dyDescent="0.45">
      <c r="B903" s="27">
        <v>3223.0515359999999</v>
      </c>
      <c r="C903" s="27">
        <v>120.048891</v>
      </c>
      <c r="E903" s="27">
        <v>3223.0515359999999</v>
      </c>
      <c r="F903" s="27">
        <v>112.586536</v>
      </c>
      <c r="H903" s="27">
        <v>3223.0515359999999</v>
      </c>
      <c r="I903" s="27">
        <v>105.063091</v>
      </c>
      <c r="K903" s="27">
        <v>3223.0515359999999</v>
      </c>
      <c r="L903" s="27">
        <v>97.576552000000007</v>
      </c>
    </row>
    <row r="904" spans="2:12" x14ac:dyDescent="0.45">
      <c r="B904" s="27">
        <v>3224.980352</v>
      </c>
      <c r="C904" s="27">
        <v>120.07929</v>
      </c>
      <c r="E904" s="27">
        <v>3224.980352</v>
      </c>
      <c r="F904" s="27">
        <v>112.573442</v>
      </c>
      <c r="H904" s="27">
        <v>3224.980352</v>
      </c>
      <c r="I904" s="27">
        <v>105.070981</v>
      </c>
      <c r="K904" s="27">
        <v>3224.980352</v>
      </c>
      <c r="L904" s="27">
        <v>97.562619999999995</v>
      </c>
    </row>
    <row r="905" spans="2:12" x14ac:dyDescent="0.45">
      <c r="B905" s="27">
        <v>3226.9091680000001</v>
      </c>
      <c r="C905" s="27">
        <v>120.08671200000001</v>
      </c>
      <c r="E905" s="27">
        <v>3226.9091680000001</v>
      </c>
      <c r="F905" s="27">
        <v>112.559544</v>
      </c>
      <c r="H905" s="27">
        <v>3226.9091680000001</v>
      </c>
      <c r="I905" s="27">
        <v>105.05919799999999</v>
      </c>
      <c r="K905" s="27">
        <v>3226.9091680000001</v>
      </c>
      <c r="L905" s="27">
        <v>97.573160999999999</v>
      </c>
    </row>
    <row r="906" spans="2:12" x14ac:dyDescent="0.45">
      <c r="B906" s="27">
        <v>3228.8379839999998</v>
      </c>
      <c r="C906" s="27">
        <v>120.07444700000001</v>
      </c>
      <c r="E906" s="27">
        <v>3228.8379839999998</v>
      </c>
      <c r="F906" s="27">
        <v>112.564646</v>
      </c>
      <c r="H906" s="27">
        <v>3228.8379839999998</v>
      </c>
      <c r="I906" s="27">
        <v>105.01721999999999</v>
      </c>
      <c r="K906" s="27">
        <v>3228.8379839999998</v>
      </c>
      <c r="L906" s="27">
        <v>97.609583999999998</v>
      </c>
    </row>
    <row r="907" spans="2:12" x14ac:dyDescent="0.45">
      <c r="B907" s="27">
        <v>3230.7667999999999</v>
      </c>
      <c r="C907" s="27">
        <v>120.066697</v>
      </c>
      <c r="E907" s="27">
        <v>3230.7667999999999</v>
      </c>
      <c r="F907" s="27">
        <v>112.576111</v>
      </c>
      <c r="H907" s="27">
        <v>3230.7667999999999</v>
      </c>
      <c r="I907" s="27">
        <v>105.02866400000001</v>
      </c>
      <c r="K907" s="27">
        <v>3230.7667999999999</v>
      </c>
      <c r="L907" s="27">
        <v>97.621005999999994</v>
      </c>
    </row>
    <row r="908" spans="2:12" x14ac:dyDescent="0.45">
      <c r="B908" s="27">
        <v>3232.695616</v>
      </c>
      <c r="C908" s="27">
        <v>120.13961399999999</v>
      </c>
      <c r="E908" s="27">
        <v>3232.695616</v>
      </c>
      <c r="F908" s="27">
        <v>112.638803</v>
      </c>
      <c r="H908" s="27">
        <v>3232.695616</v>
      </c>
      <c r="I908" s="27">
        <v>105.09202399999999</v>
      </c>
      <c r="K908" s="27">
        <v>3232.695616</v>
      </c>
      <c r="L908" s="27">
        <v>97.564200999999997</v>
      </c>
    </row>
    <row r="909" spans="2:12" x14ac:dyDescent="0.45">
      <c r="B909" s="27">
        <v>3234.6244320000001</v>
      </c>
      <c r="C909" s="27">
        <v>120.162609</v>
      </c>
      <c r="E909" s="27">
        <v>3234.6244320000001</v>
      </c>
      <c r="F909" s="27">
        <v>112.634396</v>
      </c>
      <c r="H909" s="27">
        <v>3234.6244320000001</v>
      </c>
      <c r="I909" s="27">
        <v>105.11914</v>
      </c>
      <c r="K909" s="27">
        <v>3234.6244320000001</v>
      </c>
      <c r="L909" s="27">
        <v>97.527846999999994</v>
      </c>
    </row>
    <row r="910" spans="2:12" x14ac:dyDescent="0.45">
      <c r="B910" s="27">
        <v>3236.5532480000002</v>
      </c>
      <c r="C910" s="27">
        <v>120.097458</v>
      </c>
      <c r="E910" s="27">
        <v>3236.5532480000002</v>
      </c>
      <c r="F910" s="27">
        <v>112.600756</v>
      </c>
      <c r="H910" s="27">
        <v>3236.5532480000002</v>
      </c>
      <c r="I910" s="27">
        <v>105.09701</v>
      </c>
      <c r="K910" s="27">
        <v>3236.5532480000002</v>
      </c>
      <c r="L910" s="27">
        <v>97.553666000000007</v>
      </c>
    </row>
    <row r="911" spans="2:12" x14ac:dyDescent="0.45">
      <c r="B911" s="27">
        <v>3238.4820639999998</v>
      </c>
      <c r="C911" s="27">
        <v>120.121757</v>
      </c>
      <c r="E911" s="27">
        <v>3238.4820639999998</v>
      </c>
      <c r="F911" s="27">
        <v>112.606737</v>
      </c>
      <c r="H911" s="27">
        <v>3238.4820639999998</v>
      </c>
      <c r="I911" s="27">
        <v>105.064679</v>
      </c>
      <c r="K911" s="27">
        <v>3238.4820639999998</v>
      </c>
      <c r="L911" s="27">
        <v>97.563751999999994</v>
      </c>
    </row>
    <row r="912" spans="2:12" x14ac:dyDescent="0.45">
      <c r="B912" s="27">
        <v>3240.4108799999999</v>
      </c>
      <c r="C912" s="27">
        <v>120.138457</v>
      </c>
      <c r="E912" s="27">
        <v>3240.4108799999999</v>
      </c>
      <c r="F912" s="27">
        <v>112.571653</v>
      </c>
      <c r="H912" s="27">
        <v>3240.4108799999999</v>
      </c>
      <c r="I912" s="27">
        <v>105.064825</v>
      </c>
      <c r="K912" s="27">
        <v>3240.4108799999999</v>
      </c>
      <c r="L912" s="27">
        <v>97.537997000000004</v>
      </c>
    </row>
    <row r="913" spans="2:12" x14ac:dyDescent="0.45">
      <c r="B913" s="27">
        <v>3242.339696</v>
      </c>
      <c r="C913" s="27">
        <v>120.058348</v>
      </c>
      <c r="E913" s="27">
        <v>3242.339696</v>
      </c>
      <c r="F913" s="27">
        <v>112.538704</v>
      </c>
      <c r="H913" s="27">
        <v>3242.339696</v>
      </c>
      <c r="I913" s="27">
        <v>105.072953</v>
      </c>
      <c r="K913" s="27">
        <v>3242.339696</v>
      </c>
      <c r="L913" s="27">
        <v>97.618964000000005</v>
      </c>
    </row>
    <row r="914" spans="2:12" x14ac:dyDescent="0.45">
      <c r="B914" s="27">
        <v>3244.2685120000001</v>
      </c>
      <c r="C914" s="27">
        <v>120.001547</v>
      </c>
      <c r="E914" s="27">
        <v>3244.2685120000001</v>
      </c>
      <c r="F914" s="27">
        <v>112.566669</v>
      </c>
      <c r="H914" s="27">
        <v>3244.2685120000001</v>
      </c>
      <c r="I914" s="27">
        <v>105.053242</v>
      </c>
      <c r="K914" s="27">
        <v>3244.2685120000001</v>
      </c>
      <c r="L914" s="27">
        <v>97.716043999999997</v>
      </c>
    </row>
    <row r="915" spans="2:12" x14ac:dyDescent="0.45">
      <c r="B915" s="27">
        <v>3246.1973280000002</v>
      </c>
      <c r="C915" s="27">
        <v>120.050479</v>
      </c>
      <c r="E915" s="27">
        <v>3246.1973280000002</v>
      </c>
      <c r="F915" s="27">
        <v>112.597262</v>
      </c>
      <c r="H915" s="27">
        <v>3246.1973280000002</v>
      </c>
      <c r="I915" s="27">
        <v>105.05139</v>
      </c>
      <c r="K915" s="27">
        <v>3246.1973280000002</v>
      </c>
      <c r="L915" s="27">
        <v>97.733639999999994</v>
      </c>
    </row>
    <row r="916" spans="2:12" x14ac:dyDescent="0.45">
      <c r="B916" s="27">
        <v>3248.1261439999998</v>
      </c>
      <c r="C916" s="27">
        <v>120.079025</v>
      </c>
      <c r="E916" s="27">
        <v>3248.1261439999998</v>
      </c>
      <c r="F916" s="27">
        <v>112.60990700000001</v>
      </c>
      <c r="H916" s="27">
        <v>3248.1261439999998</v>
      </c>
      <c r="I916" s="27">
        <v>105.062742</v>
      </c>
      <c r="K916" s="27">
        <v>3248.1261439999998</v>
      </c>
      <c r="L916" s="27">
        <v>97.683497000000003</v>
      </c>
    </row>
    <row r="917" spans="2:12" x14ac:dyDescent="0.45">
      <c r="B917" s="27">
        <v>3250.0549599999999</v>
      </c>
      <c r="C917" s="27">
        <v>120.040676</v>
      </c>
      <c r="E917" s="27">
        <v>3250.0549599999999</v>
      </c>
      <c r="F917" s="27">
        <v>112.593132</v>
      </c>
      <c r="H917" s="27">
        <v>3250.0549599999999</v>
      </c>
      <c r="I917" s="27">
        <v>105.062849</v>
      </c>
      <c r="K917" s="27">
        <v>3250.0549599999999</v>
      </c>
      <c r="L917" s="27">
        <v>97.692053000000001</v>
      </c>
    </row>
    <row r="918" spans="2:12" x14ac:dyDescent="0.45">
      <c r="B918" s="27">
        <v>3251.983776</v>
      </c>
      <c r="C918" s="27">
        <v>119.95973600000001</v>
      </c>
      <c r="E918" s="27">
        <v>3251.983776</v>
      </c>
      <c r="F918" s="27">
        <v>112.55562500000001</v>
      </c>
      <c r="H918" s="27">
        <v>3251.983776</v>
      </c>
      <c r="I918" s="27">
        <v>105.03787199999999</v>
      </c>
      <c r="K918" s="27">
        <v>3251.983776</v>
      </c>
      <c r="L918" s="27">
        <v>97.615989999999996</v>
      </c>
    </row>
    <row r="919" spans="2:12" x14ac:dyDescent="0.45">
      <c r="B919" s="27">
        <v>3253.9125920000001</v>
      </c>
      <c r="C919" s="27">
        <v>119.975317</v>
      </c>
      <c r="E919" s="27">
        <v>3253.9125920000001</v>
      </c>
      <c r="F919" s="27">
        <v>112.531739</v>
      </c>
      <c r="H919" s="27">
        <v>3253.9125920000001</v>
      </c>
      <c r="I919" s="27">
        <v>105.022172</v>
      </c>
      <c r="K919" s="27">
        <v>3253.9125920000001</v>
      </c>
      <c r="L919" s="27">
        <v>97.562303999999997</v>
      </c>
    </row>
    <row r="920" spans="2:12" x14ac:dyDescent="0.45">
      <c r="B920" s="27">
        <v>3255.8414079999998</v>
      </c>
      <c r="C920" s="27">
        <v>120.02426</v>
      </c>
      <c r="E920" s="27">
        <v>3255.8414079999998</v>
      </c>
      <c r="F920" s="27">
        <v>112.530793</v>
      </c>
      <c r="H920" s="27">
        <v>3255.8414079999998</v>
      </c>
      <c r="I920" s="27">
        <v>105.055919</v>
      </c>
      <c r="K920" s="27">
        <v>3255.8414079999998</v>
      </c>
      <c r="L920" s="27">
        <v>97.578120999999996</v>
      </c>
    </row>
    <row r="921" spans="2:12" x14ac:dyDescent="0.45">
      <c r="B921" s="27">
        <v>3257.7702239999999</v>
      </c>
      <c r="C921" s="27">
        <v>120.029971</v>
      </c>
      <c r="E921" s="27">
        <v>3257.7702239999999</v>
      </c>
      <c r="F921" s="27">
        <v>112.531407</v>
      </c>
      <c r="H921" s="27">
        <v>3257.7702239999999</v>
      </c>
      <c r="I921" s="27">
        <v>105.060891</v>
      </c>
      <c r="K921" s="27">
        <v>3257.7702239999999</v>
      </c>
      <c r="L921" s="27">
        <v>97.547296000000003</v>
      </c>
    </row>
    <row r="922" spans="2:12" x14ac:dyDescent="0.45">
      <c r="B922" s="27">
        <v>3259.69904</v>
      </c>
      <c r="C922" s="27">
        <v>120.020968</v>
      </c>
      <c r="E922" s="27">
        <v>3259.69904</v>
      </c>
      <c r="F922" s="27">
        <v>112.533135</v>
      </c>
      <c r="H922" s="27">
        <v>3259.69904</v>
      </c>
      <c r="I922" s="27">
        <v>105.04234099999999</v>
      </c>
      <c r="K922" s="27">
        <v>3259.69904</v>
      </c>
      <c r="L922" s="27">
        <v>97.507152000000005</v>
      </c>
    </row>
    <row r="923" spans="2:12" x14ac:dyDescent="0.45">
      <c r="B923" s="27">
        <v>3261.6278560000001</v>
      </c>
      <c r="C923" s="27">
        <v>119.974058</v>
      </c>
      <c r="E923" s="27">
        <v>3261.6278560000001</v>
      </c>
      <c r="F923" s="27">
        <v>112.589056</v>
      </c>
      <c r="H923" s="27">
        <v>3261.6278560000001</v>
      </c>
      <c r="I923" s="27">
        <v>104.98960599999999</v>
      </c>
      <c r="K923" s="27">
        <v>3261.6278560000001</v>
      </c>
      <c r="L923" s="27">
        <v>97.56044</v>
      </c>
    </row>
    <row r="924" spans="2:12" x14ac:dyDescent="0.45">
      <c r="B924" s="27">
        <v>3263.5566720000002</v>
      </c>
      <c r="C924" s="27">
        <v>119.917531</v>
      </c>
      <c r="E924" s="27">
        <v>3263.5566720000002</v>
      </c>
      <c r="F924" s="27">
        <v>112.59555</v>
      </c>
      <c r="H924" s="27">
        <v>3263.5566720000002</v>
      </c>
      <c r="I924" s="27">
        <v>104.972888</v>
      </c>
      <c r="K924" s="27">
        <v>3263.5566720000002</v>
      </c>
      <c r="L924" s="27">
        <v>97.634853000000007</v>
      </c>
    </row>
    <row r="925" spans="2:12" x14ac:dyDescent="0.45">
      <c r="B925" s="27">
        <v>3265.4854879999998</v>
      </c>
      <c r="C925" s="27">
        <v>119.91633400000001</v>
      </c>
      <c r="E925" s="27">
        <v>3265.4854879999998</v>
      </c>
      <c r="F925" s="27">
        <v>112.57290999999999</v>
      </c>
      <c r="H925" s="27">
        <v>3265.4854879999998</v>
      </c>
      <c r="I925" s="27">
        <v>105.010981</v>
      </c>
      <c r="K925" s="27">
        <v>3265.4854879999998</v>
      </c>
      <c r="L925" s="27">
        <v>97.605109999999996</v>
      </c>
    </row>
    <row r="926" spans="2:12" x14ac:dyDescent="0.45">
      <c r="B926" s="27">
        <v>3267.4143039999999</v>
      </c>
      <c r="C926" s="27">
        <v>119.929981</v>
      </c>
      <c r="E926" s="27">
        <v>3267.4143039999999</v>
      </c>
      <c r="F926" s="27">
        <v>112.55519</v>
      </c>
      <c r="H926" s="27">
        <v>3267.4143039999999</v>
      </c>
      <c r="I926" s="27">
        <v>105.03206400000001</v>
      </c>
      <c r="K926" s="27">
        <v>3267.4143039999999</v>
      </c>
      <c r="L926" s="27">
        <v>97.625932000000006</v>
      </c>
    </row>
    <row r="927" spans="2:12" x14ac:dyDescent="0.45">
      <c r="B927" s="27">
        <v>3269.34312</v>
      </c>
      <c r="C927" s="27">
        <v>119.960706</v>
      </c>
      <c r="E927" s="27">
        <v>3269.34312</v>
      </c>
      <c r="F927" s="27">
        <v>112.569197</v>
      </c>
      <c r="H927" s="27">
        <v>3269.34312</v>
      </c>
      <c r="I927" s="27">
        <v>105.042946</v>
      </c>
      <c r="K927" s="27">
        <v>3269.34312</v>
      </c>
      <c r="L927" s="27">
        <v>97.683913000000004</v>
      </c>
    </row>
    <row r="928" spans="2:12" x14ac:dyDescent="0.45">
      <c r="B928" s="27">
        <v>3271.2719360000001</v>
      </c>
      <c r="C928" s="27">
        <v>119.96179100000001</v>
      </c>
      <c r="E928" s="27">
        <v>3271.2719360000001</v>
      </c>
      <c r="F928" s="27">
        <v>112.56464800000001</v>
      </c>
      <c r="H928" s="27">
        <v>3271.2719360000001</v>
      </c>
      <c r="I928" s="27">
        <v>105.09952800000001</v>
      </c>
      <c r="K928" s="27">
        <v>3271.2719360000001</v>
      </c>
      <c r="L928" s="27">
        <v>97.724718999999993</v>
      </c>
    </row>
    <row r="929" spans="2:12" x14ac:dyDescent="0.45">
      <c r="B929" s="27">
        <v>3273.2007520000002</v>
      </c>
      <c r="C929" s="27">
        <v>119.930386</v>
      </c>
      <c r="E929" s="27">
        <v>3273.2007520000002</v>
      </c>
      <c r="F929" s="27">
        <v>112.554339</v>
      </c>
      <c r="H929" s="27">
        <v>3273.2007520000002</v>
      </c>
      <c r="I929" s="27">
        <v>105.105216</v>
      </c>
      <c r="K929" s="27">
        <v>3273.2007520000002</v>
      </c>
      <c r="L929" s="27">
        <v>97.710120000000003</v>
      </c>
    </row>
    <row r="930" spans="2:12" x14ac:dyDescent="0.45">
      <c r="B930" s="27">
        <v>3275.1295679999998</v>
      </c>
      <c r="C930" s="27">
        <v>119.902945</v>
      </c>
      <c r="E930" s="27">
        <v>3275.1295679999998</v>
      </c>
      <c r="F930" s="27">
        <v>112.555151</v>
      </c>
      <c r="H930" s="27">
        <v>3275.1295679999998</v>
      </c>
      <c r="I930" s="27">
        <v>105.044</v>
      </c>
      <c r="K930" s="27">
        <v>3275.1295679999998</v>
      </c>
      <c r="L930" s="27">
        <v>97.631060000000005</v>
      </c>
    </row>
    <row r="931" spans="2:12" x14ac:dyDescent="0.45">
      <c r="B931" s="27">
        <v>3277.0583839999999</v>
      </c>
      <c r="C931" s="27">
        <v>119.888347</v>
      </c>
      <c r="E931" s="27">
        <v>3277.0583839999999</v>
      </c>
      <c r="F931" s="27">
        <v>112.53088200000001</v>
      </c>
      <c r="H931" s="27">
        <v>3277.0583839999999</v>
      </c>
      <c r="I931" s="27">
        <v>105.012019</v>
      </c>
      <c r="K931" s="27">
        <v>3277.0583839999999</v>
      </c>
      <c r="L931" s="27">
        <v>97.526579999999996</v>
      </c>
    </row>
    <row r="932" spans="2:12" x14ac:dyDescent="0.45">
      <c r="B932" s="27">
        <v>3278.9872</v>
      </c>
      <c r="C932" s="27">
        <v>119.83736500000001</v>
      </c>
      <c r="E932" s="27">
        <v>3278.9872</v>
      </c>
      <c r="F932" s="27">
        <v>112.498045</v>
      </c>
      <c r="H932" s="27">
        <v>3278.9872</v>
      </c>
      <c r="I932" s="27">
        <v>104.99409799999999</v>
      </c>
      <c r="K932" s="27">
        <v>3278.9872</v>
      </c>
      <c r="L932" s="27">
        <v>97.491298</v>
      </c>
    </row>
    <row r="933" spans="2:12" x14ac:dyDescent="0.45">
      <c r="B933" s="27">
        <v>3280.9160160000001</v>
      </c>
      <c r="C933" s="27">
        <v>119.867897</v>
      </c>
      <c r="E933" s="27">
        <v>3280.9160160000001</v>
      </c>
      <c r="F933" s="27">
        <v>112.51346100000001</v>
      </c>
      <c r="H933" s="27">
        <v>3280.9160160000001</v>
      </c>
      <c r="I933" s="27">
        <v>104.987989</v>
      </c>
      <c r="K933" s="27">
        <v>3280.9160160000001</v>
      </c>
      <c r="L933" s="27">
        <v>97.537585000000007</v>
      </c>
    </row>
    <row r="934" spans="2:12" x14ac:dyDescent="0.45">
      <c r="B934" s="27">
        <v>3282.8448320000002</v>
      </c>
      <c r="C934" s="27">
        <v>119.90523899999999</v>
      </c>
      <c r="E934" s="27">
        <v>3282.8448320000002</v>
      </c>
      <c r="F934" s="27">
        <v>112.510752</v>
      </c>
      <c r="H934" s="27">
        <v>3282.8448320000002</v>
      </c>
      <c r="I934" s="27">
        <v>104.94857500000001</v>
      </c>
      <c r="K934" s="27">
        <v>3282.8448320000002</v>
      </c>
      <c r="L934" s="27">
        <v>97.527322999999996</v>
      </c>
    </row>
    <row r="935" spans="2:12" x14ac:dyDescent="0.45">
      <c r="B935" s="27">
        <v>3284.7736479999999</v>
      </c>
      <c r="C935" s="27">
        <v>119.92182</v>
      </c>
      <c r="E935" s="27">
        <v>3284.7736479999999</v>
      </c>
      <c r="F935" s="27">
        <v>112.500113</v>
      </c>
      <c r="H935" s="27">
        <v>3284.7736479999999</v>
      </c>
      <c r="I935" s="27">
        <v>104.96583099999999</v>
      </c>
      <c r="K935" s="27">
        <v>3284.7736479999999</v>
      </c>
      <c r="L935" s="27">
        <v>97.501700999999997</v>
      </c>
    </row>
    <row r="936" spans="2:12" x14ac:dyDescent="0.45">
      <c r="B936" s="27">
        <v>3286.702464</v>
      </c>
      <c r="C936" s="27">
        <v>119.885457</v>
      </c>
      <c r="E936" s="27">
        <v>3286.702464</v>
      </c>
      <c r="F936" s="27">
        <v>112.51093</v>
      </c>
      <c r="H936" s="27">
        <v>3286.702464</v>
      </c>
      <c r="I936" s="27">
        <v>104.965964</v>
      </c>
      <c r="K936" s="27">
        <v>3286.702464</v>
      </c>
      <c r="L936" s="27">
        <v>97.551871000000006</v>
      </c>
    </row>
    <row r="937" spans="2:12" x14ac:dyDescent="0.45">
      <c r="B937" s="27">
        <v>3288.6312800000001</v>
      </c>
      <c r="C937" s="27">
        <v>119.85404800000001</v>
      </c>
      <c r="E937" s="27">
        <v>3288.6312800000001</v>
      </c>
      <c r="F937" s="27">
        <v>112.530168</v>
      </c>
      <c r="H937" s="27">
        <v>3288.6312800000001</v>
      </c>
      <c r="I937" s="27">
        <v>104.950788</v>
      </c>
      <c r="K937" s="27">
        <v>3288.6312800000001</v>
      </c>
      <c r="L937" s="27">
        <v>97.582330999999996</v>
      </c>
    </row>
    <row r="938" spans="2:12" x14ac:dyDescent="0.45">
      <c r="B938" s="27">
        <v>3290.5600960000002</v>
      </c>
      <c r="C938" s="27">
        <v>119.85377200000001</v>
      </c>
      <c r="E938" s="27">
        <v>3290.5600960000002</v>
      </c>
      <c r="F938" s="27">
        <v>112.528443</v>
      </c>
      <c r="H938" s="27">
        <v>3290.5600960000002</v>
      </c>
      <c r="I938" s="27">
        <v>104.940971</v>
      </c>
      <c r="K938" s="27">
        <v>3290.5600960000002</v>
      </c>
      <c r="L938" s="27">
        <v>97.622281999999998</v>
      </c>
    </row>
    <row r="939" spans="2:12" x14ac:dyDescent="0.45">
      <c r="B939" s="27">
        <v>3292.4889119999998</v>
      </c>
      <c r="C939" s="27">
        <v>119.834346</v>
      </c>
      <c r="E939" s="27">
        <v>3292.4889119999998</v>
      </c>
      <c r="F939" s="27">
        <v>112.514729</v>
      </c>
      <c r="H939" s="27">
        <v>3292.4889119999998</v>
      </c>
      <c r="I939" s="27">
        <v>104.966065</v>
      </c>
      <c r="K939" s="27">
        <v>3292.4889119999998</v>
      </c>
      <c r="L939" s="27">
        <v>97.594065999999998</v>
      </c>
    </row>
    <row r="940" spans="2:12" x14ac:dyDescent="0.45">
      <c r="B940" s="27">
        <v>3294.4177279999999</v>
      </c>
      <c r="C940" s="27">
        <v>119.777017</v>
      </c>
      <c r="E940" s="27">
        <v>3294.4177279999999</v>
      </c>
      <c r="F940" s="27">
        <v>112.520972</v>
      </c>
      <c r="H940" s="27">
        <v>3294.4177279999999</v>
      </c>
      <c r="I940" s="27">
        <v>105.023397</v>
      </c>
      <c r="K940" s="27">
        <v>3294.4177279999999</v>
      </c>
      <c r="L940" s="27">
        <v>97.534704000000005</v>
      </c>
    </row>
    <row r="941" spans="2:12" x14ac:dyDescent="0.45">
      <c r="B941" s="27">
        <v>3296.346544</v>
      </c>
      <c r="C941" s="27">
        <v>119.811988</v>
      </c>
      <c r="E941" s="27">
        <v>3296.346544</v>
      </c>
      <c r="F941" s="27">
        <v>112.547532</v>
      </c>
      <c r="H941" s="27">
        <v>3296.346544</v>
      </c>
      <c r="I941" s="27">
        <v>105.01443399999999</v>
      </c>
      <c r="K941" s="27">
        <v>3296.346544</v>
      </c>
      <c r="L941" s="27">
        <v>97.553655000000006</v>
      </c>
    </row>
    <row r="942" spans="2:12" x14ac:dyDescent="0.45">
      <c r="B942" s="27">
        <v>3298.2753600000001</v>
      </c>
      <c r="C942" s="27">
        <v>119.845249</v>
      </c>
      <c r="E942" s="27">
        <v>3298.2753600000001</v>
      </c>
      <c r="F942" s="27">
        <v>112.514391</v>
      </c>
      <c r="H942" s="27">
        <v>3298.2753600000001</v>
      </c>
      <c r="I942" s="27">
        <v>104.947095</v>
      </c>
      <c r="K942" s="27">
        <v>3298.2753600000001</v>
      </c>
      <c r="L942" s="27">
        <v>97.590682000000001</v>
      </c>
    </row>
    <row r="943" spans="2:12" x14ac:dyDescent="0.45">
      <c r="B943" s="27">
        <v>3300.2041760000002</v>
      </c>
      <c r="C943" s="27">
        <v>119.823218</v>
      </c>
      <c r="E943" s="27">
        <v>3300.2041760000002</v>
      </c>
      <c r="F943" s="27">
        <v>112.512597</v>
      </c>
      <c r="H943" s="27">
        <v>3300.2041760000002</v>
      </c>
      <c r="I943" s="27">
        <v>104.90987699999999</v>
      </c>
      <c r="K943" s="27">
        <v>3300.2041760000002</v>
      </c>
      <c r="L943" s="27">
        <v>97.580442000000005</v>
      </c>
    </row>
    <row r="944" spans="2:12" x14ac:dyDescent="0.45">
      <c r="B944" s="27">
        <v>3302.1329919999998</v>
      </c>
      <c r="C944" s="27">
        <v>119.847613</v>
      </c>
      <c r="E944" s="27">
        <v>3302.1329919999998</v>
      </c>
      <c r="F944" s="27">
        <v>112.519317</v>
      </c>
      <c r="H944" s="27">
        <v>3302.1329919999998</v>
      </c>
      <c r="I944" s="27">
        <v>104.968002</v>
      </c>
      <c r="K944" s="27">
        <v>3302.1329919999998</v>
      </c>
      <c r="L944" s="27">
        <v>97.570515999999998</v>
      </c>
    </row>
    <row r="945" spans="2:12" x14ac:dyDescent="0.45">
      <c r="B945" s="27">
        <v>3304.0618079999999</v>
      </c>
      <c r="C945" s="27">
        <v>119.841339</v>
      </c>
      <c r="E945" s="27">
        <v>3304.0618079999999</v>
      </c>
      <c r="F945" s="27">
        <v>112.482557</v>
      </c>
      <c r="H945" s="27">
        <v>3304.0618079999999</v>
      </c>
      <c r="I945" s="27">
        <v>105.06003200000001</v>
      </c>
      <c r="K945" s="27">
        <v>3304.0618079999999</v>
      </c>
      <c r="L945" s="27">
        <v>97.608185000000006</v>
      </c>
    </row>
    <row r="946" spans="2:12" x14ac:dyDescent="0.45">
      <c r="B946" s="27">
        <v>3305.990624</v>
      </c>
      <c r="C946" s="27">
        <v>119.730464</v>
      </c>
      <c r="E946" s="27">
        <v>3305.990624</v>
      </c>
      <c r="F946" s="27">
        <v>112.48907199999999</v>
      </c>
      <c r="H946" s="27">
        <v>3305.990624</v>
      </c>
      <c r="I946" s="27">
        <v>105.052848</v>
      </c>
      <c r="K946" s="27">
        <v>3305.990624</v>
      </c>
      <c r="L946" s="27">
        <v>97.615483999999995</v>
      </c>
    </row>
    <row r="947" spans="2:12" x14ac:dyDescent="0.45">
      <c r="B947" s="27">
        <v>3307.9194400000001</v>
      </c>
      <c r="C947" s="27">
        <v>119.714907</v>
      </c>
      <c r="E947" s="27">
        <v>3307.9194400000001</v>
      </c>
      <c r="F947" s="27">
        <v>112.507687</v>
      </c>
      <c r="H947" s="27">
        <v>3307.9194400000001</v>
      </c>
      <c r="I947" s="27">
        <v>105.01002099999999</v>
      </c>
      <c r="K947" s="27">
        <v>3307.9194400000001</v>
      </c>
      <c r="L947" s="27">
        <v>97.629756</v>
      </c>
    </row>
    <row r="948" spans="2:12" x14ac:dyDescent="0.45">
      <c r="B948" s="27">
        <v>3309.8482560000002</v>
      </c>
      <c r="C948" s="27">
        <v>119.776876</v>
      </c>
      <c r="E948" s="27">
        <v>3309.8482560000002</v>
      </c>
      <c r="F948" s="27">
        <v>112.490016</v>
      </c>
      <c r="H948" s="27">
        <v>3309.8482560000002</v>
      </c>
      <c r="I948" s="27">
        <v>104.98860999999999</v>
      </c>
      <c r="K948" s="27">
        <v>3309.8482560000002</v>
      </c>
      <c r="L948" s="27">
        <v>97.681319000000002</v>
      </c>
    </row>
    <row r="949" spans="2:12" x14ac:dyDescent="0.45">
      <c r="B949" s="27">
        <v>3311.7770719999999</v>
      </c>
      <c r="C949" s="27">
        <v>119.730031</v>
      </c>
      <c r="E949" s="27">
        <v>3311.7770719999999</v>
      </c>
      <c r="F949" s="27">
        <v>112.50116800000001</v>
      </c>
      <c r="H949" s="27">
        <v>3311.7770719999999</v>
      </c>
      <c r="I949" s="27">
        <v>104.981844</v>
      </c>
      <c r="K949" s="27">
        <v>3311.7770719999999</v>
      </c>
      <c r="L949" s="27">
        <v>97.621891000000005</v>
      </c>
    </row>
    <row r="950" spans="2:12" x14ac:dyDescent="0.45">
      <c r="B950" s="27">
        <v>3313.705888</v>
      </c>
      <c r="C950" s="27">
        <v>119.709476</v>
      </c>
      <c r="E950" s="27">
        <v>3313.705888</v>
      </c>
      <c r="F950" s="27">
        <v>112.490731</v>
      </c>
      <c r="H950" s="27">
        <v>3313.705888</v>
      </c>
      <c r="I950" s="27">
        <v>104.99940599999999</v>
      </c>
      <c r="K950" s="27">
        <v>3313.705888</v>
      </c>
      <c r="L950" s="27">
        <v>97.600351000000003</v>
      </c>
    </row>
    <row r="951" spans="2:12" x14ac:dyDescent="0.45">
      <c r="B951" s="27">
        <v>3315.6347040000001</v>
      </c>
      <c r="C951" s="27">
        <v>119.720242</v>
      </c>
      <c r="E951" s="27">
        <v>3315.6347040000001</v>
      </c>
      <c r="F951" s="27">
        <v>112.502606</v>
      </c>
      <c r="H951" s="27">
        <v>3315.6347040000001</v>
      </c>
      <c r="I951" s="27">
        <v>105.021068</v>
      </c>
      <c r="K951" s="27">
        <v>3315.6347040000001</v>
      </c>
      <c r="L951" s="27">
        <v>97.645082000000002</v>
      </c>
    </row>
    <row r="952" spans="2:12" x14ac:dyDescent="0.45">
      <c r="B952" s="27">
        <v>3317.5635200000002</v>
      </c>
      <c r="C952" s="27">
        <v>119.705894</v>
      </c>
      <c r="E952" s="27">
        <v>3317.5635200000002</v>
      </c>
      <c r="F952" s="27">
        <v>112.52311400000001</v>
      </c>
      <c r="H952" s="27">
        <v>3317.5635200000002</v>
      </c>
      <c r="I952" s="27">
        <v>105.041287</v>
      </c>
      <c r="K952" s="27">
        <v>3317.5635200000002</v>
      </c>
      <c r="L952" s="27">
        <v>97.659062000000006</v>
      </c>
    </row>
    <row r="953" spans="2:12" x14ac:dyDescent="0.45">
      <c r="B953" s="27">
        <v>3319.4923359999998</v>
      </c>
      <c r="C953" s="27">
        <v>119.67372</v>
      </c>
      <c r="E953" s="27">
        <v>3319.4923359999998</v>
      </c>
      <c r="F953" s="27">
        <v>112.519859</v>
      </c>
      <c r="H953" s="27">
        <v>3319.4923359999998</v>
      </c>
      <c r="I953" s="27">
        <v>105.03058799999999</v>
      </c>
      <c r="K953" s="27">
        <v>3319.4923359999998</v>
      </c>
      <c r="L953" s="27">
        <v>97.675008000000005</v>
      </c>
    </row>
    <row r="954" spans="2:12" x14ac:dyDescent="0.45">
      <c r="B954" s="27">
        <v>3321.4211519999999</v>
      </c>
      <c r="C954" s="27">
        <v>119.651651</v>
      </c>
      <c r="E954" s="27">
        <v>3321.4211519999999</v>
      </c>
      <c r="F954" s="27">
        <v>112.51092800000001</v>
      </c>
      <c r="H954" s="27">
        <v>3321.4211519999999</v>
      </c>
      <c r="I954" s="27">
        <v>105.02667</v>
      </c>
      <c r="K954" s="27">
        <v>3321.4211519999999</v>
      </c>
      <c r="L954" s="27">
        <v>97.606898999999999</v>
      </c>
    </row>
    <row r="955" spans="2:12" x14ac:dyDescent="0.45">
      <c r="B955" s="27">
        <v>3323.349968</v>
      </c>
      <c r="C955" s="27">
        <v>119.71041099999999</v>
      </c>
      <c r="E955" s="27">
        <v>3323.349968</v>
      </c>
      <c r="F955" s="27">
        <v>112.490724</v>
      </c>
      <c r="H955" s="27">
        <v>3323.349968</v>
      </c>
      <c r="I955" s="27">
        <v>105.061026</v>
      </c>
      <c r="K955" s="27">
        <v>3323.349968</v>
      </c>
      <c r="L955" s="27">
        <v>97.594700000000003</v>
      </c>
    </row>
    <row r="956" spans="2:12" x14ac:dyDescent="0.45">
      <c r="B956" s="27">
        <v>3325.2787840000001</v>
      </c>
      <c r="C956" s="27">
        <v>119.772583</v>
      </c>
      <c r="E956" s="27">
        <v>3325.2787840000001</v>
      </c>
      <c r="F956" s="27">
        <v>112.489392</v>
      </c>
      <c r="H956" s="27">
        <v>3325.2787840000001</v>
      </c>
      <c r="I956" s="27">
        <v>105.07326399999999</v>
      </c>
      <c r="K956" s="27">
        <v>3325.2787840000001</v>
      </c>
      <c r="L956" s="27">
        <v>97.626090000000005</v>
      </c>
    </row>
    <row r="957" spans="2:12" x14ac:dyDescent="0.45">
      <c r="B957" s="27">
        <v>3327.2076000000002</v>
      </c>
      <c r="C957" s="27">
        <v>119.743987</v>
      </c>
      <c r="E957" s="27">
        <v>3327.2076000000002</v>
      </c>
      <c r="F957" s="27">
        <v>112.489009</v>
      </c>
      <c r="H957" s="27">
        <v>3327.2076000000002</v>
      </c>
      <c r="I957" s="27">
        <v>105.059871</v>
      </c>
      <c r="K957" s="27">
        <v>3327.2076000000002</v>
      </c>
      <c r="L957" s="27">
        <v>97.618871999999996</v>
      </c>
    </row>
    <row r="958" spans="2:12" x14ac:dyDescent="0.45">
      <c r="B958" s="27">
        <v>3329.1364159999998</v>
      </c>
      <c r="C958" s="27">
        <v>119.693088</v>
      </c>
      <c r="E958" s="27">
        <v>3329.1364159999998</v>
      </c>
      <c r="F958" s="27">
        <v>112.504229</v>
      </c>
      <c r="H958" s="27">
        <v>3329.1364159999998</v>
      </c>
      <c r="I958" s="27">
        <v>105.063412</v>
      </c>
      <c r="K958" s="27">
        <v>3329.1364159999998</v>
      </c>
      <c r="L958" s="27">
        <v>97.650795000000002</v>
      </c>
    </row>
    <row r="959" spans="2:12" x14ac:dyDescent="0.45">
      <c r="B959" s="27">
        <v>3331.0652319999999</v>
      </c>
      <c r="C959" s="27">
        <v>119.6871</v>
      </c>
      <c r="E959" s="27">
        <v>3331.0652319999999</v>
      </c>
      <c r="F959" s="27">
        <v>112.54863400000001</v>
      </c>
      <c r="H959" s="27">
        <v>3331.0652319999999</v>
      </c>
      <c r="I959" s="27">
        <v>105.096823</v>
      </c>
      <c r="K959" s="27">
        <v>3331.0652319999999</v>
      </c>
      <c r="L959" s="27">
        <v>97.621816999999993</v>
      </c>
    </row>
    <row r="960" spans="2:12" x14ac:dyDescent="0.45">
      <c r="B960" s="27">
        <v>3332.994048</v>
      </c>
      <c r="C960" s="27">
        <v>119.655058</v>
      </c>
      <c r="E960" s="27">
        <v>3332.994048</v>
      </c>
      <c r="F960" s="27">
        <v>112.569275</v>
      </c>
      <c r="H960" s="27">
        <v>3332.994048</v>
      </c>
      <c r="I960" s="27">
        <v>105.088758</v>
      </c>
      <c r="K960" s="27">
        <v>3332.994048</v>
      </c>
      <c r="L960" s="27">
        <v>97.588655000000003</v>
      </c>
    </row>
    <row r="961" spans="2:12" x14ac:dyDescent="0.45">
      <c r="B961" s="27">
        <v>3334.9228640000001</v>
      </c>
      <c r="C961" s="27">
        <v>119.639017</v>
      </c>
      <c r="E961" s="27">
        <v>3334.9228640000001</v>
      </c>
      <c r="F961" s="27">
        <v>112.545913</v>
      </c>
      <c r="H961" s="27">
        <v>3334.9228640000001</v>
      </c>
      <c r="I961" s="27">
        <v>105.072676</v>
      </c>
      <c r="K961" s="27">
        <v>3334.9228640000001</v>
      </c>
      <c r="L961" s="27">
        <v>97.595404000000002</v>
      </c>
    </row>
    <row r="962" spans="2:12" x14ac:dyDescent="0.45">
      <c r="B962" s="27">
        <v>3336.8516800000002</v>
      </c>
      <c r="C962" s="27">
        <v>119.67476600000001</v>
      </c>
      <c r="E962" s="27">
        <v>3336.8516800000002</v>
      </c>
      <c r="F962" s="27">
        <v>112.54794800000001</v>
      </c>
      <c r="H962" s="27">
        <v>3336.8516800000002</v>
      </c>
      <c r="I962" s="27">
        <v>105.124501</v>
      </c>
      <c r="K962" s="27">
        <v>3336.8516800000002</v>
      </c>
      <c r="L962" s="27">
        <v>97.624634999999998</v>
      </c>
    </row>
    <row r="963" spans="2:12" x14ac:dyDescent="0.45">
      <c r="B963" s="27">
        <v>3338.7804959999999</v>
      </c>
      <c r="C963" s="27">
        <v>119.70862200000001</v>
      </c>
      <c r="E963" s="27">
        <v>3338.7804959999999</v>
      </c>
      <c r="F963" s="27">
        <v>112.57213</v>
      </c>
      <c r="H963" s="27">
        <v>3338.7804959999999</v>
      </c>
      <c r="I963" s="27">
        <v>105.15370799999999</v>
      </c>
      <c r="K963" s="27">
        <v>3338.7804959999999</v>
      </c>
      <c r="L963" s="27">
        <v>97.652189000000007</v>
      </c>
    </row>
    <row r="964" spans="2:12" x14ac:dyDescent="0.45">
      <c r="B964" s="27">
        <v>3340.709312</v>
      </c>
      <c r="C964" s="27">
        <v>119.67952699999999</v>
      </c>
      <c r="E964" s="27">
        <v>3340.709312</v>
      </c>
      <c r="F964" s="27">
        <v>112.557136</v>
      </c>
      <c r="H964" s="27">
        <v>3340.709312</v>
      </c>
      <c r="I964" s="27">
        <v>105.11272099999999</v>
      </c>
      <c r="K964" s="27">
        <v>3340.709312</v>
      </c>
      <c r="L964" s="27">
        <v>97.699551999999997</v>
      </c>
    </row>
    <row r="965" spans="2:12" x14ac:dyDescent="0.45">
      <c r="B965" s="27">
        <v>3342.6381280000001</v>
      </c>
      <c r="C965" s="27">
        <v>119.68555000000001</v>
      </c>
      <c r="E965" s="27">
        <v>3342.6381280000001</v>
      </c>
      <c r="F965" s="27">
        <v>112.51776099999999</v>
      </c>
      <c r="H965" s="27">
        <v>3342.6381280000001</v>
      </c>
      <c r="I965" s="27">
        <v>105.105845</v>
      </c>
      <c r="K965" s="27">
        <v>3342.6381280000001</v>
      </c>
      <c r="L965" s="27">
        <v>97.747407999999993</v>
      </c>
    </row>
    <row r="966" spans="2:12" x14ac:dyDescent="0.45">
      <c r="B966" s="27">
        <v>3344.5669440000001</v>
      </c>
      <c r="C966" s="27">
        <v>119.68670299999999</v>
      </c>
      <c r="E966" s="27">
        <v>3344.5669440000001</v>
      </c>
      <c r="F966" s="27">
        <v>112.47392600000001</v>
      </c>
      <c r="H966" s="27">
        <v>3344.5669440000001</v>
      </c>
      <c r="I966" s="27">
        <v>105.099986</v>
      </c>
      <c r="K966" s="27">
        <v>3344.5669440000001</v>
      </c>
      <c r="L966" s="27">
        <v>97.699729000000005</v>
      </c>
    </row>
    <row r="967" spans="2:12" x14ac:dyDescent="0.45">
      <c r="B967" s="27">
        <v>3346.4957599999998</v>
      </c>
      <c r="C967" s="27">
        <v>119.622083</v>
      </c>
      <c r="E967" s="27">
        <v>3346.4957599999998</v>
      </c>
      <c r="F967" s="27">
        <v>112.45269999999999</v>
      </c>
      <c r="H967" s="27">
        <v>3346.4957599999998</v>
      </c>
      <c r="I967" s="27">
        <v>105.045652</v>
      </c>
      <c r="K967" s="27">
        <v>3346.4957599999998</v>
      </c>
      <c r="L967" s="27">
        <v>97.59487</v>
      </c>
    </row>
    <row r="968" spans="2:12" x14ac:dyDescent="0.45">
      <c r="B968" s="27">
        <v>3348.4245759999999</v>
      </c>
      <c r="C968" s="27">
        <v>119.583198</v>
      </c>
      <c r="E968" s="27">
        <v>3348.4245759999999</v>
      </c>
      <c r="F968" s="27">
        <v>112.495515</v>
      </c>
      <c r="H968" s="27">
        <v>3348.4245759999999</v>
      </c>
      <c r="I968" s="27">
        <v>105.05288</v>
      </c>
      <c r="K968" s="27">
        <v>3348.4245759999999</v>
      </c>
      <c r="L968" s="27">
        <v>97.570881</v>
      </c>
    </row>
    <row r="969" spans="2:12" x14ac:dyDescent="0.45">
      <c r="B969" s="27">
        <v>3350.353392</v>
      </c>
      <c r="C969" s="27">
        <v>119.627308</v>
      </c>
      <c r="E969" s="27">
        <v>3350.353392</v>
      </c>
      <c r="F969" s="27">
        <v>112.58116800000001</v>
      </c>
      <c r="H969" s="27">
        <v>3350.353392</v>
      </c>
      <c r="I969" s="27">
        <v>105.113529</v>
      </c>
      <c r="K969" s="27">
        <v>3350.353392</v>
      </c>
      <c r="L969" s="27">
        <v>97.626412000000002</v>
      </c>
    </row>
    <row r="970" spans="2:12" x14ac:dyDescent="0.45">
      <c r="B970" s="27">
        <v>3352.2822080000001</v>
      </c>
      <c r="C970" s="27">
        <v>119.622963</v>
      </c>
      <c r="E970" s="27">
        <v>3352.2822080000001</v>
      </c>
      <c r="F970" s="27">
        <v>112.56388800000001</v>
      </c>
      <c r="H970" s="27">
        <v>3352.2822080000001</v>
      </c>
      <c r="I970" s="27">
        <v>105.096751</v>
      </c>
      <c r="K970" s="27">
        <v>3352.2822080000001</v>
      </c>
      <c r="L970" s="27">
        <v>97.531644</v>
      </c>
    </row>
    <row r="971" spans="2:12" x14ac:dyDescent="0.45">
      <c r="B971" s="27">
        <v>3354.2110240000002</v>
      </c>
      <c r="C971" s="27">
        <v>119.56710200000001</v>
      </c>
      <c r="E971" s="27">
        <v>3354.2110240000002</v>
      </c>
      <c r="F971" s="27">
        <v>112.485311</v>
      </c>
      <c r="H971" s="27">
        <v>3354.2110240000002</v>
      </c>
      <c r="I971" s="27">
        <v>105.079442</v>
      </c>
      <c r="K971" s="27">
        <v>3354.2110240000002</v>
      </c>
      <c r="L971" s="27">
        <v>97.485825000000006</v>
      </c>
    </row>
    <row r="972" spans="2:12" x14ac:dyDescent="0.45">
      <c r="B972" s="27">
        <v>3356.1398399999998</v>
      </c>
      <c r="C972" s="27">
        <v>119.558781</v>
      </c>
      <c r="E972" s="27">
        <v>3356.1398399999998</v>
      </c>
      <c r="F972" s="27">
        <v>112.46172900000001</v>
      </c>
      <c r="H972" s="27">
        <v>3356.1398399999998</v>
      </c>
      <c r="I972" s="27">
        <v>105.092032</v>
      </c>
      <c r="K972" s="27">
        <v>3356.1398399999998</v>
      </c>
      <c r="L972" s="27">
        <v>97.539445999999998</v>
      </c>
    </row>
    <row r="973" spans="2:12" x14ac:dyDescent="0.45">
      <c r="B973" s="27">
        <v>3358.0686559999999</v>
      </c>
      <c r="C973" s="27">
        <v>119.51317299999999</v>
      </c>
      <c r="E973" s="27">
        <v>3358.0686559999999</v>
      </c>
      <c r="F973" s="27">
        <v>112.49714299999999</v>
      </c>
      <c r="H973" s="27">
        <v>3358.0686559999999</v>
      </c>
      <c r="I973" s="27">
        <v>105.08807400000001</v>
      </c>
      <c r="K973" s="27">
        <v>3358.0686559999999</v>
      </c>
      <c r="L973" s="27">
        <v>97.541081000000005</v>
      </c>
    </row>
    <row r="974" spans="2:12" x14ac:dyDescent="0.45">
      <c r="B974" s="27">
        <v>3359.997472</v>
      </c>
      <c r="C974" s="27">
        <v>119.460809</v>
      </c>
      <c r="E974" s="27">
        <v>3359.997472</v>
      </c>
      <c r="F974" s="27">
        <v>112.459638</v>
      </c>
      <c r="H974" s="27">
        <v>3359.997472</v>
      </c>
      <c r="I974" s="27">
        <v>105.030704</v>
      </c>
      <c r="K974" s="27">
        <v>3359.997472</v>
      </c>
      <c r="L974" s="27">
        <v>97.545649999999995</v>
      </c>
    </row>
    <row r="975" spans="2:12" x14ac:dyDescent="0.45">
      <c r="B975" s="27">
        <v>3361.9262880000001</v>
      </c>
      <c r="C975" s="27">
        <v>119.462654</v>
      </c>
      <c r="E975" s="27">
        <v>3361.9262880000001</v>
      </c>
      <c r="F975" s="27">
        <v>112.417616</v>
      </c>
      <c r="H975" s="27">
        <v>3361.9262880000001</v>
      </c>
      <c r="I975" s="27">
        <v>104.992929</v>
      </c>
      <c r="K975" s="27">
        <v>3361.9262880000001</v>
      </c>
      <c r="L975" s="27">
        <v>97.583022</v>
      </c>
    </row>
    <row r="976" spans="2:12" x14ac:dyDescent="0.45">
      <c r="B976" s="27">
        <v>3363.8551040000002</v>
      </c>
      <c r="C976" s="27">
        <v>119.516035</v>
      </c>
      <c r="E976" s="27">
        <v>3363.8551040000002</v>
      </c>
      <c r="F976" s="27">
        <v>112.438683</v>
      </c>
      <c r="H976" s="27">
        <v>3363.8551040000002</v>
      </c>
      <c r="I976" s="27">
        <v>104.97882199999999</v>
      </c>
      <c r="K976" s="27">
        <v>3363.8551040000002</v>
      </c>
      <c r="L976" s="27">
        <v>97.580699999999993</v>
      </c>
    </row>
    <row r="977" spans="2:12" x14ac:dyDescent="0.45">
      <c r="B977" s="27">
        <v>3365.7839199999999</v>
      </c>
      <c r="C977" s="27">
        <v>119.553724</v>
      </c>
      <c r="E977" s="27">
        <v>3365.7839199999999</v>
      </c>
      <c r="F977" s="27">
        <v>112.45634800000001</v>
      </c>
      <c r="H977" s="27">
        <v>3365.7839199999999</v>
      </c>
      <c r="I977" s="27">
        <v>105.026111</v>
      </c>
      <c r="K977" s="27">
        <v>3365.7839199999999</v>
      </c>
      <c r="L977" s="27">
        <v>97.570509000000001</v>
      </c>
    </row>
    <row r="978" spans="2:12" x14ac:dyDescent="0.45">
      <c r="B978" s="27">
        <v>3367.7127359999999</v>
      </c>
      <c r="C978" s="27">
        <v>119.576549</v>
      </c>
      <c r="E978" s="27">
        <v>3367.7127359999999</v>
      </c>
      <c r="F978" s="27">
        <v>112.488512</v>
      </c>
      <c r="H978" s="27">
        <v>3367.7127359999999</v>
      </c>
      <c r="I978" s="27">
        <v>105.05282800000001</v>
      </c>
      <c r="K978" s="27">
        <v>3367.7127359999999</v>
      </c>
      <c r="L978" s="27">
        <v>97.567255000000003</v>
      </c>
    </row>
    <row r="979" spans="2:12" x14ac:dyDescent="0.45">
      <c r="B979" s="27">
        <v>3369.641552</v>
      </c>
      <c r="C979" s="27">
        <v>119.55681800000001</v>
      </c>
      <c r="E979" s="27">
        <v>3369.641552</v>
      </c>
      <c r="F979" s="27">
        <v>112.512265</v>
      </c>
      <c r="H979" s="27">
        <v>3369.641552</v>
      </c>
      <c r="I979" s="27">
        <v>105.06547</v>
      </c>
      <c r="K979" s="27">
        <v>3369.641552</v>
      </c>
      <c r="L979" s="27">
        <v>97.536162000000004</v>
      </c>
    </row>
    <row r="980" spans="2:12" x14ac:dyDescent="0.45">
      <c r="B980" s="27">
        <v>3371.5703680000001</v>
      </c>
      <c r="C980" s="27">
        <v>119.48377000000001</v>
      </c>
      <c r="E980" s="27">
        <v>3371.5703680000001</v>
      </c>
      <c r="F980" s="27">
        <v>112.463874</v>
      </c>
      <c r="H980" s="27">
        <v>3371.5703680000001</v>
      </c>
      <c r="I980" s="27">
        <v>105.083445</v>
      </c>
      <c r="K980" s="27">
        <v>3371.5703680000001</v>
      </c>
      <c r="L980" s="27">
        <v>97.534561999999994</v>
      </c>
    </row>
    <row r="981" spans="2:12" x14ac:dyDescent="0.45">
      <c r="B981" s="27">
        <v>3373.4991839999998</v>
      </c>
      <c r="C981" s="27">
        <v>119.481751</v>
      </c>
      <c r="E981" s="27">
        <v>3373.4991839999998</v>
      </c>
      <c r="F981" s="27">
        <v>112.43314700000001</v>
      </c>
      <c r="H981" s="27">
        <v>3373.4991839999998</v>
      </c>
      <c r="I981" s="27">
        <v>105.045641</v>
      </c>
      <c r="K981" s="27">
        <v>3373.4991839999998</v>
      </c>
      <c r="L981" s="27">
        <v>97.586347000000004</v>
      </c>
    </row>
    <row r="982" spans="2:12" x14ac:dyDescent="0.45">
      <c r="B982" s="27">
        <v>3375.4279999999999</v>
      </c>
      <c r="C982" s="27">
        <v>119.477485</v>
      </c>
      <c r="E982" s="27">
        <v>3375.4279999999999</v>
      </c>
      <c r="F982" s="27">
        <v>112.418986</v>
      </c>
      <c r="H982" s="27">
        <v>3375.4279999999999</v>
      </c>
      <c r="I982" s="27">
        <v>105.018309</v>
      </c>
      <c r="K982" s="27">
        <v>3375.4279999999999</v>
      </c>
      <c r="L982" s="27">
        <v>97.657313000000002</v>
      </c>
    </row>
    <row r="983" spans="2:12" x14ac:dyDescent="0.45">
      <c r="B983" s="27">
        <v>3377.356816</v>
      </c>
      <c r="C983" s="27">
        <v>119.49273100000001</v>
      </c>
      <c r="E983" s="27">
        <v>3377.356816</v>
      </c>
      <c r="F983" s="27">
        <v>112.414716</v>
      </c>
      <c r="H983" s="27">
        <v>3377.356816</v>
      </c>
      <c r="I983" s="27">
        <v>105.009557</v>
      </c>
      <c r="K983" s="27">
        <v>3377.356816</v>
      </c>
      <c r="L983" s="27">
        <v>97.695925000000003</v>
      </c>
    </row>
    <row r="984" spans="2:12" x14ac:dyDescent="0.45">
      <c r="B984" s="27">
        <v>3379.2856320000001</v>
      </c>
      <c r="C984" s="27">
        <v>119.50870999999999</v>
      </c>
      <c r="E984" s="27">
        <v>3379.2856320000001</v>
      </c>
      <c r="F984" s="27">
        <v>112.43859999999999</v>
      </c>
      <c r="H984" s="27">
        <v>3379.2856320000001</v>
      </c>
      <c r="I984" s="27">
        <v>104.971575</v>
      </c>
      <c r="K984" s="27">
        <v>3379.2856320000001</v>
      </c>
      <c r="L984" s="27">
        <v>97.729984000000002</v>
      </c>
    </row>
    <row r="985" spans="2:12" x14ac:dyDescent="0.45">
      <c r="B985" s="27">
        <v>3381.2144480000002</v>
      </c>
      <c r="C985" s="27">
        <v>119.48674</v>
      </c>
      <c r="E985" s="27">
        <v>3381.2144480000002</v>
      </c>
      <c r="F985" s="27">
        <v>112.444455</v>
      </c>
      <c r="H985" s="27">
        <v>3381.2144480000002</v>
      </c>
      <c r="I985" s="27">
        <v>104.95674</v>
      </c>
      <c r="K985" s="27">
        <v>3381.2144480000002</v>
      </c>
      <c r="L985" s="27">
        <v>97.654758000000001</v>
      </c>
    </row>
    <row r="986" spans="2:12" x14ac:dyDescent="0.45">
      <c r="B986" s="27">
        <v>3383.1432639999998</v>
      </c>
      <c r="C986" s="27">
        <v>119.443595</v>
      </c>
      <c r="E986" s="27">
        <v>3383.1432639999998</v>
      </c>
      <c r="F986" s="27">
        <v>112.43246600000001</v>
      </c>
      <c r="H986" s="27">
        <v>3383.1432639999998</v>
      </c>
      <c r="I986" s="27">
        <v>104.99106999999999</v>
      </c>
      <c r="K986" s="27">
        <v>3383.1432639999998</v>
      </c>
      <c r="L986" s="27">
        <v>97.591025999999999</v>
      </c>
    </row>
    <row r="987" spans="2:12" x14ac:dyDescent="0.45">
      <c r="B987" s="27">
        <v>3385.0720799999999</v>
      </c>
      <c r="C987" s="27">
        <v>119.45415300000001</v>
      </c>
      <c r="E987" s="27">
        <v>3385.0720799999999</v>
      </c>
      <c r="F987" s="27">
        <v>112.454472</v>
      </c>
      <c r="H987" s="27">
        <v>3385.0720799999999</v>
      </c>
      <c r="I987" s="27">
        <v>105.023287</v>
      </c>
      <c r="K987" s="27">
        <v>3385.0720799999999</v>
      </c>
      <c r="L987" s="27">
        <v>97.639937000000003</v>
      </c>
    </row>
    <row r="988" spans="2:12" x14ac:dyDescent="0.45">
      <c r="B988" s="27">
        <v>3387.000896</v>
      </c>
      <c r="C988" s="27">
        <v>119.469947</v>
      </c>
      <c r="E988" s="27">
        <v>3387.000896</v>
      </c>
      <c r="F988" s="27">
        <v>112.464494</v>
      </c>
      <c r="H988" s="27">
        <v>3387.000896</v>
      </c>
      <c r="I988" s="27">
        <v>105.038798</v>
      </c>
      <c r="K988" s="27">
        <v>3387.000896</v>
      </c>
      <c r="L988" s="27">
        <v>97.736542</v>
      </c>
    </row>
    <row r="989" spans="2:12" x14ac:dyDescent="0.45">
      <c r="B989" s="27">
        <v>3388.9297120000001</v>
      </c>
      <c r="C989" s="27">
        <v>119.484861</v>
      </c>
      <c r="E989" s="27">
        <v>3388.9297120000001</v>
      </c>
      <c r="F989" s="27">
        <v>112.459278</v>
      </c>
      <c r="H989" s="27">
        <v>3388.9297120000001</v>
      </c>
      <c r="I989" s="27">
        <v>105.059034</v>
      </c>
      <c r="K989" s="27">
        <v>3388.9297120000001</v>
      </c>
      <c r="L989" s="27">
        <v>97.784474000000003</v>
      </c>
    </row>
    <row r="990" spans="2:12" x14ac:dyDescent="0.45">
      <c r="B990" s="27">
        <v>3390.8585280000002</v>
      </c>
      <c r="C990" s="27">
        <v>119.513245</v>
      </c>
      <c r="E990" s="27">
        <v>3390.8585280000002</v>
      </c>
      <c r="F990" s="27">
        <v>112.454719</v>
      </c>
      <c r="H990" s="27">
        <v>3390.8585280000002</v>
      </c>
      <c r="I990" s="27">
        <v>105.06723700000001</v>
      </c>
      <c r="K990" s="27">
        <v>3390.8585280000002</v>
      </c>
      <c r="L990" s="27">
        <v>97.806506999999996</v>
      </c>
    </row>
    <row r="991" spans="2:12" x14ac:dyDescent="0.45">
      <c r="B991" s="27">
        <v>3392.7873439999998</v>
      </c>
      <c r="C991" s="27">
        <v>119.479685</v>
      </c>
      <c r="E991" s="27">
        <v>3392.7873439999998</v>
      </c>
      <c r="F991" s="27">
        <v>112.496343</v>
      </c>
      <c r="H991" s="27">
        <v>3392.7873439999998</v>
      </c>
      <c r="I991" s="27">
        <v>105.057953</v>
      </c>
      <c r="K991" s="27">
        <v>3392.7873439999998</v>
      </c>
      <c r="L991" s="27">
        <v>97.830234000000004</v>
      </c>
    </row>
    <row r="992" spans="2:12" x14ac:dyDescent="0.45">
      <c r="B992" s="27">
        <v>3394.7161599999999</v>
      </c>
      <c r="C992" s="27">
        <v>119.451352</v>
      </c>
      <c r="E992" s="27">
        <v>3394.7161599999999</v>
      </c>
      <c r="F992" s="27">
        <v>112.481126</v>
      </c>
      <c r="H992" s="27">
        <v>3394.7161599999999</v>
      </c>
      <c r="I992" s="27">
        <v>105.028104</v>
      </c>
      <c r="K992" s="27">
        <v>3394.7161599999999</v>
      </c>
      <c r="L992" s="27">
        <v>97.75864</v>
      </c>
    </row>
    <row r="993" spans="2:12" x14ac:dyDescent="0.45">
      <c r="B993" s="27">
        <v>3396.644976</v>
      </c>
      <c r="C993" s="27">
        <v>119.42795599999999</v>
      </c>
      <c r="E993" s="27">
        <v>3396.644976</v>
      </c>
      <c r="F993" s="27">
        <v>112.432711</v>
      </c>
      <c r="H993" s="27">
        <v>3396.644976</v>
      </c>
      <c r="I993" s="27">
        <v>105.04785699999999</v>
      </c>
      <c r="K993" s="27">
        <v>3396.644976</v>
      </c>
      <c r="L993" s="27">
        <v>97.747118</v>
      </c>
    </row>
    <row r="994" spans="2:12" x14ac:dyDescent="0.45">
      <c r="B994" s="27">
        <v>3398.5737920000001</v>
      </c>
      <c r="C994" s="27">
        <v>119.405466</v>
      </c>
      <c r="E994" s="27">
        <v>3398.5737920000001</v>
      </c>
      <c r="F994" s="27">
        <v>112.44612600000001</v>
      </c>
      <c r="H994" s="27">
        <v>3398.5737920000001</v>
      </c>
      <c r="I994" s="27">
        <v>105.097297</v>
      </c>
      <c r="K994" s="27">
        <v>3398.5737920000001</v>
      </c>
      <c r="L994" s="27">
        <v>97.837913</v>
      </c>
    </row>
    <row r="995" spans="2:12" x14ac:dyDescent="0.45">
      <c r="B995" s="27">
        <v>3400.5026079999998</v>
      </c>
      <c r="C995" s="27">
        <v>119.36318900000001</v>
      </c>
      <c r="E995" s="27">
        <v>3400.5026079999998</v>
      </c>
      <c r="F995" s="27">
        <v>112.508966</v>
      </c>
      <c r="H995" s="27">
        <v>3400.5026079999998</v>
      </c>
      <c r="I995" s="27">
        <v>105.140038</v>
      </c>
      <c r="K995" s="27">
        <v>3400.5026079999998</v>
      </c>
      <c r="L995" s="27">
        <v>97.820065999999997</v>
      </c>
    </row>
    <row r="996" spans="2:12" x14ac:dyDescent="0.45">
      <c r="B996" s="27">
        <v>3402.4314239999999</v>
      </c>
      <c r="C996" s="27">
        <v>119.339805</v>
      </c>
      <c r="E996" s="27">
        <v>3402.4314239999999</v>
      </c>
      <c r="F996" s="27">
        <v>112.517505</v>
      </c>
      <c r="H996" s="27">
        <v>3402.4314239999999</v>
      </c>
      <c r="I996" s="27">
        <v>105.136357</v>
      </c>
      <c r="K996" s="27">
        <v>3402.4314239999999</v>
      </c>
      <c r="L996" s="27">
        <v>97.720772999999994</v>
      </c>
    </row>
    <row r="997" spans="2:12" x14ac:dyDescent="0.45">
      <c r="B997" s="27">
        <v>3404.36024</v>
      </c>
      <c r="C997" s="27">
        <v>119.326187</v>
      </c>
      <c r="E997" s="27">
        <v>3404.36024</v>
      </c>
      <c r="F997" s="27">
        <v>112.48961799999999</v>
      </c>
      <c r="H997" s="27">
        <v>3404.36024</v>
      </c>
      <c r="I997" s="27">
        <v>105.10925400000001</v>
      </c>
      <c r="K997" s="27">
        <v>3404.36024</v>
      </c>
      <c r="L997" s="27">
        <v>97.714404999999999</v>
      </c>
    </row>
    <row r="998" spans="2:12" x14ac:dyDescent="0.45">
      <c r="B998" s="27">
        <v>3406.2890560000001</v>
      </c>
      <c r="C998" s="27">
        <v>119.338144</v>
      </c>
      <c r="E998" s="27">
        <v>3406.2890560000001</v>
      </c>
      <c r="F998" s="27">
        <v>112.44683000000001</v>
      </c>
      <c r="H998" s="27">
        <v>3406.2890560000001</v>
      </c>
      <c r="I998" s="27">
        <v>105.131117</v>
      </c>
      <c r="K998" s="27">
        <v>3406.2890560000001</v>
      </c>
      <c r="L998" s="27">
        <v>97.716972999999996</v>
      </c>
    </row>
    <row r="999" spans="2:12" x14ac:dyDescent="0.45">
      <c r="B999" s="27">
        <v>3408.2178720000002</v>
      </c>
      <c r="C999" s="27">
        <v>119.35119</v>
      </c>
      <c r="E999" s="27">
        <v>3408.2178720000002</v>
      </c>
      <c r="F999" s="27">
        <v>112.42799599999999</v>
      </c>
      <c r="H999" s="27">
        <v>3408.2178720000002</v>
      </c>
      <c r="I999" s="27">
        <v>105.144003</v>
      </c>
      <c r="K999" s="27">
        <v>3408.2178720000002</v>
      </c>
      <c r="L999" s="27">
        <v>97.809281999999996</v>
      </c>
    </row>
    <row r="1000" spans="2:12" x14ac:dyDescent="0.45">
      <c r="B1000" s="27">
        <v>3410.1466879999998</v>
      </c>
      <c r="C1000" s="27">
        <v>119.358853</v>
      </c>
      <c r="E1000" s="27">
        <v>3410.1466879999998</v>
      </c>
      <c r="F1000" s="27">
        <v>112.451773</v>
      </c>
      <c r="H1000" s="27">
        <v>3410.1466879999998</v>
      </c>
      <c r="I1000" s="27">
        <v>105.092247</v>
      </c>
      <c r="K1000" s="27">
        <v>3410.1466879999998</v>
      </c>
      <c r="L1000" s="27">
        <v>97.846429999999998</v>
      </c>
    </row>
    <row r="1001" spans="2:12" x14ac:dyDescent="0.45">
      <c r="B1001" s="27">
        <v>3412.0755039999999</v>
      </c>
      <c r="C1001" s="27">
        <v>119.33665999999999</v>
      </c>
      <c r="E1001" s="27">
        <v>3412.0755039999999</v>
      </c>
      <c r="F1001" s="27">
        <v>112.50338600000001</v>
      </c>
      <c r="H1001" s="27">
        <v>3412.0755039999999</v>
      </c>
      <c r="I1001" s="27">
        <v>105.09501899999999</v>
      </c>
      <c r="K1001" s="27">
        <v>3412.0755039999999</v>
      </c>
      <c r="L1001" s="27">
        <v>97.766960999999995</v>
      </c>
    </row>
    <row r="1002" spans="2:12" x14ac:dyDescent="0.45">
      <c r="B1002" s="27">
        <v>3414.00432</v>
      </c>
      <c r="C1002" s="27">
        <v>119.33099199999999</v>
      </c>
      <c r="E1002" s="27">
        <v>3414.00432</v>
      </c>
      <c r="F1002" s="27">
        <v>112.51436699999999</v>
      </c>
      <c r="H1002" s="27">
        <v>3414.00432</v>
      </c>
      <c r="I1002" s="27">
        <v>105.070688</v>
      </c>
      <c r="K1002" s="27">
        <v>3414.00432</v>
      </c>
      <c r="L1002" s="27">
        <v>97.776801000000006</v>
      </c>
    </row>
    <row r="1003" spans="2:12" x14ac:dyDescent="0.45">
      <c r="B1003" s="27">
        <v>3415.9331360000001</v>
      </c>
      <c r="C1003" s="27">
        <v>119.358919</v>
      </c>
      <c r="E1003" s="27">
        <v>3415.9331360000001</v>
      </c>
      <c r="F1003" s="27">
        <v>112.469143</v>
      </c>
      <c r="H1003" s="27">
        <v>3415.9331360000001</v>
      </c>
      <c r="I1003" s="27">
        <v>105.037103</v>
      </c>
      <c r="K1003" s="27">
        <v>3415.9331360000001</v>
      </c>
      <c r="L1003" s="27">
        <v>97.795568000000003</v>
      </c>
    </row>
    <row r="1004" spans="2:12" x14ac:dyDescent="0.45">
      <c r="B1004" s="27">
        <v>3417.8619520000002</v>
      </c>
      <c r="C1004" s="27">
        <v>119.339783</v>
      </c>
      <c r="E1004" s="27">
        <v>3417.8619520000002</v>
      </c>
      <c r="F1004" s="27">
        <v>112.40415400000001</v>
      </c>
      <c r="H1004" s="27">
        <v>3417.8619520000002</v>
      </c>
      <c r="I1004" s="27">
        <v>105.060733</v>
      </c>
      <c r="K1004" s="27">
        <v>3417.8619520000002</v>
      </c>
      <c r="L1004" s="27">
        <v>97.760469000000001</v>
      </c>
    </row>
    <row r="1005" spans="2:12" x14ac:dyDescent="0.45">
      <c r="B1005" s="27">
        <v>3419.7907679999998</v>
      </c>
      <c r="C1005" s="27">
        <v>119.297414</v>
      </c>
      <c r="E1005" s="27">
        <v>3419.7907679999998</v>
      </c>
      <c r="F1005" s="27">
        <v>112.394667</v>
      </c>
      <c r="H1005" s="27">
        <v>3419.7907679999998</v>
      </c>
      <c r="I1005" s="27">
        <v>105.04871300000001</v>
      </c>
      <c r="K1005" s="27">
        <v>3419.7907679999998</v>
      </c>
      <c r="L1005" s="27">
        <v>97.772628999999995</v>
      </c>
    </row>
    <row r="1006" spans="2:12" x14ac:dyDescent="0.45">
      <c r="B1006" s="27">
        <v>3421.7195839999999</v>
      </c>
      <c r="C1006" s="27">
        <v>119.327161</v>
      </c>
      <c r="E1006" s="27">
        <v>3421.7195839999999</v>
      </c>
      <c r="F1006" s="27">
        <v>112.437889</v>
      </c>
      <c r="H1006" s="27">
        <v>3421.7195839999999</v>
      </c>
      <c r="I1006" s="27">
        <v>105.01608</v>
      </c>
      <c r="K1006" s="27">
        <v>3421.7195839999999</v>
      </c>
      <c r="L1006" s="27">
        <v>97.805868000000004</v>
      </c>
    </row>
    <row r="1007" spans="2:12" x14ac:dyDescent="0.45">
      <c r="B1007" s="27">
        <v>3423.6484</v>
      </c>
      <c r="C1007" s="27">
        <v>119.32292099999999</v>
      </c>
      <c r="E1007" s="27">
        <v>3423.6484</v>
      </c>
      <c r="F1007" s="27">
        <v>112.458961</v>
      </c>
      <c r="H1007" s="27">
        <v>3423.6484</v>
      </c>
      <c r="I1007" s="27">
        <v>105.053617</v>
      </c>
      <c r="K1007" s="27">
        <v>3423.6484</v>
      </c>
      <c r="L1007" s="27">
        <v>97.801361999999997</v>
      </c>
    </row>
    <row r="1008" spans="2:12" x14ac:dyDescent="0.45">
      <c r="B1008" s="27">
        <v>3425.5772160000001</v>
      </c>
      <c r="C1008" s="27">
        <v>119.26569600000001</v>
      </c>
      <c r="E1008" s="27">
        <v>3425.5772160000001</v>
      </c>
      <c r="F1008" s="27">
        <v>112.42738799999999</v>
      </c>
      <c r="H1008" s="27">
        <v>3425.5772160000001</v>
      </c>
      <c r="I1008" s="27">
        <v>105.070278</v>
      </c>
      <c r="K1008" s="27">
        <v>3425.5772160000001</v>
      </c>
      <c r="L1008" s="27">
        <v>97.790509999999998</v>
      </c>
    </row>
    <row r="1009" spans="2:12" x14ac:dyDescent="0.45">
      <c r="B1009" s="27">
        <v>3427.5060319999998</v>
      </c>
      <c r="C1009" s="27">
        <v>119.274917</v>
      </c>
      <c r="E1009" s="27">
        <v>3427.5060319999998</v>
      </c>
      <c r="F1009" s="27">
        <v>112.44399300000001</v>
      </c>
      <c r="H1009" s="27">
        <v>3427.5060319999998</v>
      </c>
      <c r="I1009" s="27">
        <v>105.11238</v>
      </c>
      <c r="K1009" s="27">
        <v>3427.5060319999998</v>
      </c>
      <c r="L1009" s="27">
        <v>97.751150999999993</v>
      </c>
    </row>
    <row r="1010" spans="2:12" x14ac:dyDescent="0.45">
      <c r="B1010" s="27">
        <v>3429.4348479999999</v>
      </c>
      <c r="C1010" s="27">
        <v>119.317333</v>
      </c>
      <c r="E1010" s="27">
        <v>3429.4348479999999</v>
      </c>
      <c r="F1010" s="27">
        <v>112.45394</v>
      </c>
      <c r="H1010" s="27">
        <v>3429.4348479999999</v>
      </c>
      <c r="I1010" s="27">
        <v>105.138199</v>
      </c>
      <c r="K1010" s="27">
        <v>3429.4348479999999</v>
      </c>
      <c r="L1010" s="27">
        <v>97.774203</v>
      </c>
    </row>
    <row r="1011" spans="2:12" x14ac:dyDescent="0.45">
      <c r="B1011" s="27">
        <v>3431.363664</v>
      </c>
      <c r="C1011" s="27">
        <v>119.338543</v>
      </c>
      <c r="E1011" s="27">
        <v>3431.363664</v>
      </c>
      <c r="F1011" s="27">
        <v>112.417778</v>
      </c>
      <c r="H1011" s="27">
        <v>3431.363664</v>
      </c>
      <c r="I1011" s="27">
        <v>105.125399</v>
      </c>
      <c r="K1011" s="27">
        <v>3431.363664</v>
      </c>
      <c r="L1011" s="27">
        <v>97.893073999999999</v>
      </c>
    </row>
    <row r="1012" spans="2:12" x14ac:dyDescent="0.45">
      <c r="B1012" s="27">
        <v>3433.2924800000001</v>
      </c>
      <c r="C1012" s="27">
        <v>119.35168899999999</v>
      </c>
      <c r="E1012" s="27">
        <v>3433.2924800000001</v>
      </c>
      <c r="F1012" s="27">
        <v>112.453188</v>
      </c>
      <c r="H1012" s="27">
        <v>3433.2924800000001</v>
      </c>
      <c r="I1012" s="27">
        <v>105.145126</v>
      </c>
      <c r="K1012" s="27">
        <v>3433.2924800000001</v>
      </c>
      <c r="L1012" s="27">
        <v>97.880747</v>
      </c>
    </row>
    <row r="1013" spans="2:12" x14ac:dyDescent="0.45">
      <c r="B1013" s="27">
        <v>3435.2212960000002</v>
      </c>
      <c r="C1013" s="27">
        <v>119.29993899999999</v>
      </c>
      <c r="E1013" s="27">
        <v>3435.2212960000002</v>
      </c>
      <c r="F1013" s="27">
        <v>112.46630500000001</v>
      </c>
      <c r="H1013" s="27">
        <v>3435.2212960000002</v>
      </c>
      <c r="I1013" s="27">
        <v>105.155395</v>
      </c>
      <c r="K1013" s="27">
        <v>3435.2212960000002</v>
      </c>
      <c r="L1013" s="27">
        <v>97.823256999999998</v>
      </c>
    </row>
    <row r="1014" spans="2:12" x14ac:dyDescent="0.45">
      <c r="B1014" s="27">
        <v>3437.1501119999998</v>
      </c>
      <c r="C1014" s="27">
        <v>119.211309</v>
      </c>
      <c r="E1014" s="27">
        <v>3437.1501119999998</v>
      </c>
      <c r="F1014" s="27">
        <v>112.42972</v>
      </c>
      <c r="H1014" s="27">
        <v>3437.1501119999998</v>
      </c>
      <c r="I1014" s="27">
        <v>105.115094</v>
      </c>
      <c r="K1014" s="27">
        <v>3437.1501119999998</v>
      </c>
      <c r="L1014" s="27">
        <v>97.825248000000002</v>
      </c>
    </row>
    <row r="1015" spans="2:12" x14ac:dyDescent="0.45">
      <c r="B1015" s="27">
        <v>3439.0789279999999</v>
      </c>
      <c r="C1015" s="27">
        <v>119.18284800000001</v>
      </c>
      <c r="E1015" s="27">
        <v>3439.0789279999999</v>
      </c>
      <c r="F1015" s="27">
        <v>112.419516</v>
      </c>
      <c r="H1015" s="27">
        <v>3439.0789279999999</v>
      </c>
      <c r="I1015" s="27">
        <v>105.09612799999999</v>
      </c>
      <c r="K1015" s="27">
        <v>3439.0789279999999</v>
      </c>
      <c r="L1015" s="27">
        <v>97.816706999999994</v>
      </c>
    </row>
    <row r="1016" spans="2:12" x14ac:dyDescent="0.45">
      <c r="B1016" s="27">
        <v>3441.007744</v>
      </c>
      <c r="C1016" s="27">
        <v>119.17388099999999</v>
      </c>
      <c r="E1016" s="27">
        <v>3441.007744</v>
      </c>
      <c r="F1016" s="27">
        <v>112.414479</v>
      </c>
      <c r="H1016" s="27">
        <v>3441.007744</v>
      </c>
      <c r="I1016" s="27">
        <v>105.088024</v>
      </c>
      <c r="K1016" s="27">
        <v>3441.007744</v>
      </c>
      <c r="L1016" s="27">
        <v>97.801927000000006</v>
      </c>
    </row>
    <row r="1017" spans="2:12" x14ac:dyDescent="0.45">
      <c r="B1017" s="27">
        <v>3442.9365600000001</v>
      </c>
      <c r="C1017" s="27">
        <v>119.161351</v>
      </c>
      <c r="E1017" s="27">
        <v>3442.9365600000001</v>
      </c>
      <c r="F1017" s="27">
        <v>112.42488299999999</v>
      </c>
      <c r="H1017" s="27">
        <v>3442.9365600000001</v>
      </c>
      <c r="I1017" s="27">
        <v>105.092557</v>
      </c>
      <c r="K1017" s="27">
        <v>3442.9365600000001</v>
      </c>
      <c r="L1017" s="27">
        <v>97.799335999999997</v>
      </c>
    </row>
    <row r="1018" spans="2:12" x14ac:dyDescent="0.45">
      <c r="B1018" s="27">
        <v>3444.8653760000002</v>
      </c>
      <c r="C1018" s="27">
        <v>119.13795500000001</v>
      </c>
      <c r="E1018" s="27">
        <v>3444.8653760000002</v>
      </c>
      <c r="F1018" s="27">
        <v>112.42304300000001</v>
      </c>
      <c r="H1018" s="27">
        <v>3444.8653760000002</v>
      </c>
      <c r="I1018" s="27">
        <v>105.067809</v>
      </c>
      <c r="K1018" s="27">
        <v>3444.8653760000002</v>
      </c>
      <c r="L1018" s="27">
        <v>97.721868000000001</v>
      </c>
    </row>
    <row r="1019" spans="2:12" x14ac:dyDescent="0.45">
      <c r="B1019" s="27">
        <v>3446.7941919999998</v>
      </c>
      <c r="C1019" s="27">
        <v>119.14993200000001</v>
      </c>
      <c r="E1019" s="27">
        <v>3446.7941919999998</v>
      </c>
      <c r="F1019" s="27">
        <v>112.456132</v>
      </c>
      <c r="H1019" s="27">
        <v>3446.7941919999998</v>
      </c>
      <c r="I1019" s="27">
        <v>105.08301899999999</v>
      </c>
      <c r="K1019" s="27">
        <v>3446.7941919999998</v>
      </c>
      <c r="L1019" s="27">
        <v>97.739673999999994</v>
      </c>
    </row>
    <row r="1020" spans="2:12" x14ac:dyDescent="0.45">
      <c r="B1020" s="27">
        <v>3448.7230079999999</v>
      </c>
      <c r="C1020" s="27">
        <v>119.142144</v>
      </c>
      <c r="E1020" s="27">
        <v>3448.7230079999999</v>
      </c>
      <c r="F1020" s="27">
        <v>112.451239</v>
      </c>
      <c r="H1020" s="27">
        <v>3448.7230079999999</v>
      </c>
      <c r="I1020" s="27">
        <v>105.14881699999999</v>
      </c>
      <c r="K1020" s="27">
        <v>3448.7230079999999</v>
      </c>
      <c r="L1020" s="27">
        <v>97.829756000000003</v>
      </c>
    </row>
    <row r="1021" spans="2:12" x14ac:dyDescent="0.45">
      <c r="B1021" s="27">
        <v>3450.651824</v>
      </c>
      <c r="C1021" s="27">
        <v>119.163854</v>
      </c>
      <c r="E1021" s="27">
        <v>3450.651824</v>
      </c>
      <c r="F1021" s="27">
        <v>112.40874700000001</v>
      </c>
      <c r="H1021" s="27">
        <v>3450.651824</v>
      </c>
      <c r="I1021" s="27">
        <v>105.139139</v>
      </c>
      <c r="K1021" s="27">
        <v>3450.651824</v>
      </c>
      <c r="L1021" s="27">
        <v>97.876135000000005</v>
      </c>
    </row>
    <row r="1022" spans="2:12" x14ac:dyDescent="0.45">
      <c r="B1022" s="27">
        <v>3452.5806400000001</v>
      </c>
      <c r="C1022" s="27">
        <v>119.214625</v>
      </c>
      <c r="E1022" s="27">
        <v>3452.5806400000001</v>
      </c>
      <c r="F1022" s="27">
        <v>112.375417</v>
      </c>
      <c r="H1022" s="27">
        <v>3452.5806400000001</v>
      </c>
      <c r="I1022" s="27">
        <v>105.08977</v>
      </c>
      <c r="K1022" s="27">
        <v>3452.5806400000001</v>
      </c>
      <c r="L1022" s="27">
        <v>97.843920999999995</v>
      </c>
    </row>
    <row r="1023" spans="2:12" x14ac:dyDescent="0.45">
      <c r="B1023" s="27">
        <v>3454.5094559999998</v>
      </c>
      <c r="C1023" s="27">
        <v>119.185036</v>
      </c>
      <c r="E1023" s="27">
        <v>3454.5094559999998</v>
      </c>
      <c r="F1023" s="27">
        <v>112.35288300000001</v>
      </c>
      <c r="H1023" s="27">
        <v>3454.5094559999998</v>
      </c>
      <c r="I1023" s="27">
        <v>105.068029</v>
      </c>
      <c r="K1023" s="27">
        <v>3454.5094559999998</v>
      </c>
      <c r="L1023" s="27">
        <v>97.814295999999999</v>
      </c>
    </row>
    <row r="1024" spans="2:12" x14ac:dyDescent="0.45">
      <c r="B1024" s="27">
        <v>3456.4382719999999</v>
      </c>
      <c r="C1024" s="27">
        <v>119.172653</v>
      </c>
      <c r="E1024" s="27">
        <v>3456.4382719999999</v>
      </c>
      <c r="F1024" s="27">
        <v>112.411323</v>
      </c>
      <c r="H1024" s="27">
        <v>3456.4382719999999</v>
      </c>
      <c r="I1024" s="27">
        <v>105.05690800000001</v>
      </c>
      <c r="K1024" s="27">
        <v>3456.4382719999999</v>
      </c>
      <c r="L1024" s="27">
        <v>97.878542999999993</v>
      </c>
    </row>
    <row r="1025" spans="2:12" x14ac:dyDescent="0.45">
      <c r="B1025" s="27">
        <v>3458.367088</v>
      </c>
      <c r="C1025" s="27">
        <v>119.17620100000001</v>
      </c>
      <c r="E1025" s="27">
        <v>3458.367088</v>
      </c>
      <c r="F1025" s="27">
        <v>112.438909</v>
      </c>
      <c r="H1025" s="27">
        <v>3458.367088</v>
      </c>
      <c r="I1025" s="27">
        <v>105.08861899999999</v>
      </c>
      <c r="K1025" s="27">
        <v>3458.367088</v>
      </c>
      <c r="L1025" s="27">
        <v>97.946582000000006</v>
      </c>
    </row>
    <row r="1026" spans="2:12" x14ac:dyDescent="0.45">
      <c r="B1026" s="27">
        <v>3460.2959040000001</v>
      </c>
      <c r="C1026" s="27">
        <v>119.16301</v>
      </c>
      <c r="E1026" s="27">
        <v>3460.2959040000001</v>
      </c>
      <c r="F1026" s="27">
        <v>112.40997400000001</v>
      </c>
      <c r="H1026" s="27">
        <v>3460.2959040000001</v>
      </c>
      <c r="I1026" s="27">
        <v>105.125248</v>
      </c>
      <c r="K1026" s="27">
        <v>3460.2959040000001</v>
      </c>
      <c r="L1026" s="27">
        <v>97.977543999999995</v>
      </c>
    </row>
    <row r="1027" spans="2:12" x14ac:dyDescent="0.45">
      <c r="B1027" s="27">
        <v>3462.2247200000002</v>
      </c>
      <c r="C1027" s="27">
        <v>119.15401799999999</v>
      </c>
      <c r="E1027" s="27">
        <v>3462.2247200000002</v>
      </c>
      <c r="F1027" s="27">
        <v>112.388122</v>
      </c>
      <c r="H1027" s="27">
        <v>3462.2247200000002</v>
      </c>
      <c r="I1027" s="27">
        <v>105.121796</v>
      </c>
      <c r="K1027" s="27">
        <v>3462.2247200000002</v>
      </c>
      <c r="L1027" s="27">
        <v>97.965525</v>
      </c>
    </row>
    <row r="1028" spans="2:12" x14ac:dyDescent="0.45">
      <c r="B1028" s="27">
        <v>3464.1535359999998</v>
      </c>
      <c r="C1028" s="27">
        <v>119.17101</v>
      </c>
      <c r="E1028" s="27">
        <v>3464.1535359999998</v>
      </c>
      <c r="F1028" s="27">
        <v>112.430401</v>
      </c>
      <c r="H1028" s="27">
        <v>3464.1535359999998</v>
      </c>
      <c r="I1028" s="27">
        <v>105.12747</v>
      </c>
      <c r="K1028" s="27">
        <v>3464.1535359999998</v>
      </c>
      <c r="L1028" s="27">
        <v>97.898274000000001</v>
      </c>
    </row>
    <row r="1029" spans="2:12" x14ac:dyDescent="0.45">
      <c r="B1029" s="27">
        <v>3466.0823519999999</v>
      </c>
      <c r="C1029" s="27">
        <v>119.191711</v>
      </c>
      <c r="E1029" s="27">
        <v>3466.0823519999999</v>
      </c>
      <c r="F1029" s="27">
        <v>112.442976</v>
      </c>
      <c r="H1029" s="27">
        <v>3466.0823519999999</v>
      </c>
      <c r="I1029" s="27">
        <v>105.124717</v>
      </c>
      <c r="K1029" s="27">
        <v>3466.0823519999999</v>
      </c>
      <c r="L1029" s="27">
        <v>97.874504000000002</v>
      </c>
    </row>
    <row r="1030" spans="2:12" x14ac:dyDescent="0.45">
      <c r="B1030" s="27">
        <v>3468.011168</v>
      </c>
      <c r="C1030" s="27">
        <v>119.178445</v>
      </c>
      <c r="E1030" s="27">
        <v>3468.011168</v>
      </c>
      <c r="F1030" s="27">
        <v>112.421239</v>
      </c>
      <c r="H1030" s="27">
        <v>3468.011168</v>
      </c>
      <c r="I1030" s="27">
        <v>105.14237900000001</v>
      </c>
      <c r="K1030" s="27">
        <v>3468.011168</v>
      </c>
      <c r="L1030" s="27">
        <v>97.899153999999996</v>
      </c>
    </row>
    <row r="1031" spans="2:12" x14ac:dyDescent="0.45">
      <c r="B1031" s="27">
        <v>3469.9399840000001</v>
      </c>
      <c r="C1031" s="27">
        <v>119.152339</v>
      </c>
      <c r="E1031" s="27">
        <v>3469.9399840000001</v>
      </c>
      <c r="F1031" s="27">
        <v>112.424955</v>
      </c>
      <c r="H1031" s="27">
        <v>3469.9399840000001</v>
      </c>
      <c r="I1031" s="27">
        <v>105.13105</v>
      </c>
      <c r="K1031" s="27">
        <v>3469.9399840000001</v>
      </c>
      <c r="L1031" s="27">
        <v>97.907458000000005</v>
      </c>
    </row>
    <row r="1032" spans="2:12" x14ac:dyDescent="0.45">
      <c r="B1032" s="27">
        <v>3471.8688000000002</v>
      </c>
      <c r="C1032" s="27">
        <v>119.100999</v>
      </c>
      <c r="E1032" s="27">
        <v>3471.8688000000002</v>
      </c>
      <c r="F1032" s="27">
        <v>112.38668199999999</v>
      </c>
      <c r="H1032" s="27">
        <v>3471.8688000000002</v>
      </c>
      <c r="I1032" s="27">
        <v>105.09508599999999</v>
      </c>
      <c r="K1032" s="27">
        <v>3471.8688000000002</v>
      </c>
      <c r="L1032" s="27">
        <v>97.904458000000005</v>
      </c>
    </row>
    <row r="1033" spans="2:12" x14ac:dyDescent="0.45">
      <c r="B1033" s="27">
        <v>3473.7976159999998</v>
      </c>
      <c r="C1033" s="27">
        <v>119.115655</v>
      </c>
      <c r="E1033" s="27">
        <v>3473.7976159999998</v>
      </c>
      <c r="F1033" s="27">
        <v>112.362613</v>
      </c>
      <c r="H1033" s="27">
        <v>3473.7976159999998</v>
      </c>
      <c r="I1033" s="27">
        <v>105.091919</v>
      </c>
      <c r="K1033" s="27">
        <v>3473.7976159999998</v>
      </c>
      <c r="L1033" s="27">
        <v>97.895115000000004</v>
      </c>
    </row>
    <row r="1034" spans="2:12" x14ac:dyDescent="0.45">
      <c r="B1034" s="27">
        <v>3475.7264319999999</v>
      </c>
      <c r="C1034" s="27">
        <v>119.117591</v>
      </c>
      <c r="E1034" s="27">
        <v>3475.7264319999999</v>
      </c>
      <c r="F1034" s="27">
        <v>112.343256</v>
      </c>
      <c r="H1034" s="27">
        <v>3475.7264319999999</v>
      </c>
      <c r="I1034" s="27">
        <v>105.096502</v>
      </c>
      <c r="K1034" s="27">
        <v>3475.7264319999999</v>
      </c>
      <c r="L1034" s="27">
        <v>97.943904000000003</v>
      </c>
    </row>
    <row r="1035" spans="2:12" x14ac:dyDescent="0.45">
      <c r="B1035" s="27">
        <v>3477.655248</v>
      </c>
      <c r="C1035" s="27">
        <v>119.138386</v>
      </c>
      <c r="E1035" s="27">
        <v>3477.655248</v>
      </c>
      <c r="F1035" s="27">
        <v>112.339668</v>
      </c>
      <c r="H1035" s="27">
        <v>3477.655248</v>
      </c>
      <c r="I1035" s="27">
        <v>105.12745200000001</v>
      </c>
      <c r="K1035" s="27">
        <v>3477.655248</v>
      </c>
      <c r="L1035" s="27">
        <v>97.931869000000006</v>
      </c>
    </row>
    <row r="1036" spans="2:12" x14ac:dyDescent="0.45">
      <c r="B1036" s="27">
        <v>3479.5840640000001</v>
      </c>
      <c r="C1036" s="27">
        <v>119.116698</v>
      </c>
      <c r="E1036" s="27">
        <v>3479.5840640000001</v>
      </c>
      <c r="F1036" s="27">
        <v>112.379476</v>
      </c>
      <c r="H1036" s="27">
        <v>3479.5840640000001</v>
      </c>
      <c r="I1036" s="27">
        <v>105.114302</v>
      </c>
      <c r="K1036" s="27">
        <v>3479.5840640000001</v>
      </c>
      <c r="L1036" s="27">
        <v>97.997196000000002</v>
      </c>
    </row>
    <row r="1037" spans="2:12" x14ac:dyDescent="0.45">
      <c r="B1037" s="27">
        <v>3481.5128800000002</v>
      </c>
      <c r="C1037" s="27">
        <v>119.100696</v>
      </c>
      <c r="E1037" s="27">
        <v>3481.5128800000002</v>
      </c>
      <c r="F1037" s="27">
        <v>112.394265</v>
      </c>
      <c r="H1037" s="27">
        <v>3481.5128800000002</v>
      </c>
      <c r="I1037" s="27">
        <v>105.115027</v>
      </c>
      <c r="K1037" s="27">
        <v>3481.5128800000002</v>
      </c>
      <c r="L1037" s="27">
        <v>98.072282999999999</v>
      </c>
    </row>
    <row r="1038" spans="2:12" x14ac:dyDescent="0.45">
      <c r="B1038" s="27">
        <v>3483.4416959999999</v>
      </c>
      <c r="C1038" s="27">
        <v>119.165334</v>
      </c>
      <c r="E1038" s="27">
        <v>3483.4416959999999</v>
      </c>
      <c r="F1038" s="27">
        <v>112.38318200000001</v>
      </c>
      <c r="H1038" s="27">
        <v>3483.4416959999999</v>
      </c>
      <c r="I1038" s="27">
        <v>105.133596</v>
      </c>
      <c r="K1038" s="27">
        <v>3483.4416959999999</v>
      </c>
      <c r="L1038" s="27">
        <v>97.991280000000003</v>
      </c>
    </row>
    <row r="1039" spans="2:12" x14ac:dyDescent="0.45">
      <c r="B1039" s="27">
        <v>3485.370512</v>
      </c>
      <c r="C1039" s="27">
        <v>119.141087</v>
      </c>
      <c r="E1039" s="27">
        <v>3485.370512</v>
      </c>
      <c r="F1039" s="27">
        <v>112.39787200000001</v>
      </c>
      <c r="H1039" s="27">
        <v>3485.370512</v>
      </c>
      <c r="I1039" s="27">
        <v>105.151432</v>
      </c>
      <c r="K1039" s="27">
        <v>3485.370512</v>
      </c>
      <c r="L1039" s="27">
        <v>97.905586</v>
      </c>
    </row>
    <row r="1040" spans="2:12" x14ac:dyDescent="0.45">
      <c r="B1040" s="27">
        <v>3487.2993280000001</v>
      </c>
      <c r="C1040" s="27">
        <v>119.06263</v>
      </c>
      <c r="E1040" s="27">
        <v>3487.2993280000001</v>
      </c>
      <c r="F1040" s="27">
        <v>112.41549000000001</v>
      </c>
      <c r="H1040" s="27">
        <v>3487.2993280000001</v>
      </c>
      <c r="I1040" s="27">
        <v>105.160481</v>
      </c>
      <c r="K1040" s="27">
        <v>3487.2993280000001</v>
      </c>
      <c r="L1040" s="27">
        <v>97.911545000000004</v>
      </c>
    </row>
    <row r="1041" spans="2:12" x14ac:dyDescent="0.45">
      <c r="B1041" s="27">
        <v>3489.2281440000002</v>
      </c>
      <c r="C1041" s="27">
        <v>119.027567</v>
      </c>
      <c r="E1041" s="27">
        <v>3489.2281440000002</v>
      </c>
      <c r="F1041" s="27">
        <v>112.411884</v>
      </c>
      <c r="H1041" s="27">
        <v>3489.2281440000002</v>
      </c>
      <c r="I1041" s="27">
        <v>105.16427400000001</v>
      </c>
      <c r="K1041" s="27">
        <v>3489.2281440000002</v>
      </c>
      <c r="L1041" s="27">
        <v>97.990656999999999</v>
      </c>
    </row>
    <row r="1042" spans="2:12" x14ac:dyDescent="0.45">
      <c r="B1042" s="27">
        <v>3491.1569599999998</v>
      </c>
      <c r="C1042" s="27">
        <v>119.078467</v>
      </c>
      <c r="E1042" s="27">
        <v>3491.1569599999998</v>
      </c>
      <c r="F1042" s="27">
        <v>112.405799</v>
      </c>
      <c r="H1042" s="27">
        <v>3491.1569599999998</v>
      </c>
      <c r="I1042" s="27">
        <v>105.183031</v>
      </c>
      <c r="K1042" s="27">
        <v>3491.1569599999998</v>
      </c>
      <c r="L1042" s="27">
        <v>97.998732000000004</v>
      </c>
    </row>
    <row r="1043" spans="2:12" x14ac:dyDescent="0.45">
      <c r="B1043" s="27">
        <v>3493.0857759999999</v>
      </c>
      <c r="C1043" s="27">
        <v>119.09407</v>
      </c>
      <c r="E1043" s="27">
        <v>3493.0857759999999</v>
      </c>
      <c r="F1043" s="27">
        <v>112.36632899999999</v>
      </c>
      <c r="H1043" s="27">
        <v>3493.0857759999999</v>
      </c>
      <c r="I1043" s="27">
        <v>105.169304</v>
      </c>
      <c r="K1043" s="27">
        <v>3493.0857759999999</v>
      </c>
      <c r="L1043" s="27">
        <v>97.980099999999993</v>
      </c>
    </row>
    <row r="1044" spans="2:12" x14ac:dyDescent="0.45">
      <c r="B1044" s="27">
        <v>3495.014592</v>
      </c>
      <c r="C1044" s="27">
        <v>119.04347300000001</v>
      </c>
      <c r="E1044" s="27">
        <v>3495.014592</v>
      </c>
      <c r="F1044" s="27">
        <v>112.344925</v>
      </c>
      <c r="H1044" s="27">
        <v>3495.014592</v>
      </c>
      <c r="I1044" s="27">
        <v>105.161466</v>
      </c>
      <c r="K1044" s="27">
        <v>3495.014592</v>
      </c>
      <c r="L1044" s="27">
        <v>97.975932999999998</v>
      </c>
    </row>
    <row r="1045" spans="2:12" x14ac:dyDescent="0.45">
      <c r="B1045" s="27">
        <v>3496.9434080000001</v>
      </c>
      <c r="C1045" s="27">
        <v>119.003635</v>
      </c>
      <c r="E1045" s="27">
        <v>3496.9434080000001</v>
      </c>
      <c r="F1045" s="27">
        <v>112.404068</v>
      </c>
      <c r="H1045" s="27">
        <v>3496.9434080000001</v>
      </c>
      <c r="I1045" s="27">
        <v>105.18598900000001</v>
      </c>
      <c r="K1045" s="27">
        <v>3496.9434080000001</v>
      </c>
      <c r="L1045" s="27">
        <v>98.008308</v>
      </c>
    </row>
    <row r="1046" spans="2:12" x14ac:dyDescent="0.45">
      <c r="B1046" s="27">
        <v>3498.8722240000002</v>
      </c>
      <c r="C1046" s="27">
        <v>119.026127</v>
      </c>
      <c r="E1046" s="27">
        <v>3498.8722240000002</v>
      </c>
      <c r="F1046" s="27">
        <v>112.422918</v>
      </c>
      <c r="H1046" s="27">
        <v>3498.8722240000002</v>
      </c>
      <c r="I1046" s="27">
        <v>105.188744</v>
      </c>
      <c r="K1046" s="27">
        <v>3498.8722240000002</v>
      </c>
      <c r="L1046" s="27">
        <v>97.991213000000002</v>
      </c>
    </row>
    <row r="1047" spans="2:12" x14ac:dyDescent="0.45">
      <c r="B1047" s="27">
        <v>3500.8010399999998</v>
      </c>
      <c r="C1047" s="27">
        <v>119.088258</v>
      </c>
      <c r="E1047" s="27">
        <v>3500.8010399999998</v>
      </c>
      <c r="F1047" s="27">
        <v>112.397554</v>
      </c>
      <c r="H1047" s="27">
        <v>3500.8010399999998</v>
      </c>
      <c r="I1047" s="27">
        <v>105.192365</v>
      </c>
      <c r="K1047" s="27">
        <v>3500.8010399999998</v>
      </c>
      <c r="L1047" s="27">
        <v>97.882964000000001</v>
      </c>
    </row>
    <row r="1048" spans="2:12" x14ac:dyDescent="0.45">
      <c r="B1048" s="27">
        <v>3502.7298559999999</v>
      </c>
      <c r="C1048" s="27">
        <v>119.085657</v>
      </c>
      <c r="E1048" s="27">
        <v>3502.7298559999999</v>
      </c>
      <c r="F1048" s="27">
        <v>112.388988</v>
      </c>
      <c r="H1048" s="27">
        <v>3502.7298559999999</v>
      </c>
      <c r="I1048" s="27">
        <v>105.161511</v>
      </c>
      <c r="K1048" s="27">
        <v>3502.7298559999999</v>
      </c>
      <c r="L1048" s="27">
        <v>97.946698999999995</v>
      </c>
    </row>
    <row r="1049" spans="2:12" x14ac:dyDescent="0.45">
      <c r="B1049" s="27">
        <v>3504.658672</v>
      </c>
      <c r="C1049" s="27">
        <v>119.085881</v>
      </c>
      <c r="E1049" s="27">
        <v>3504.658672</v>
      </c>
      <c r="F1049" s="27">
        <v>112.4143</v>
      </c>
      <c r="H1049" s="27">
        <v>3504.658672</v>
      </c>
      <c r="I1049" s="27">
        <v>105.164638</v>
      </c>
      <c r="K1049" s="27">
        <v>3504.658672</v>
      </c>
      <c r="L1049" s="27">
        <v>98.032988000000003</v>
      </c>
    </row>
    <row r="1050" spans="2:12" x14ac:dyDescent="0.45">
      <c r="B1050" s="27">
        <v>3506.5874880000001</v>
      </c>
      <c r="C1050" s="27">
        <v>119.093886</v>
      </c>
      <c r="E1050" s="27">
        <v>3506.5874880000001</v>
      </c>
      <c r="F1050" s="27">
        <v>112.389109</v>
      </c>
      <c r="H1050" s="27">
        <v>3506.5874880000001</v>
      </c>
      <c r="I1050" s="27">
        <v>105.174254</v>
      </c>
      <c r="K1050" s="27">
        <v>3506.5874880000001</v>
      </c>
      <c r="L1050" s="27">
        <v>98.000506999999999</v>
      </c>
    </row>
    <row r="1051" spans="2:12" x14ac:dyDescent="0.45">
      <c r="B1051" s="27">
        <v>3508.5163040000002</v>
      </c>
      <c r="C1051" s="27">
        <v>119.03666200000001</v>
      </c>
      <c r="E1051" s="27">
        <v>3508.5163040000002</v>
      </c>
      <c r="F1051" s="27">
        <v>112.337525</v>
      </c>
      <c r="H1051" s="27">
        <v>3508.5163040000002</v>
      </c>
      <c r="I1051" s="27">
        <v>105.116922</v>
      </c>
      <c r="K1051" s="27">
        <v>3508.5163040000002</v>
      </c>
      <c r="L1051" s="27">
        <v>97.961618999999999</v>
      </c>
    </row>
    <row r="1052" spans="2:12" x14ac:dyDescent="0.45">
      <c r="B1052" s="27">
        <v>3510.4451199999999</v>
      </c>
      <c r="C1052" s="27">
        <v>119.079825</v>
      </c>
      <c r="E1052" s="27">
        <v>3510.4451199999999</v>
      </c>
      <c r="F1052" s="27">
        <v>112.351388</v>
      </c>
      <c r="H1052" s="27">
        <v>3510.4451199999999</v>
      </c>
      <c r="I1052" s="27">
        <v>105.129245</v>
      </c>
      <c r="K1052" s="27">
        <v>3510.4451199999999</v>
      </c>
      <c r="L1052" s="27">
        <v>98.043139999999994</v>
      </c>
    </row>
    <row r="1053" spans="2:12" x14ac:dyDescent="0.45">
      <c r="B1053" s="27">
        <v>3512.373936</v>
      </c>
      <c r="C1053" s="27">
        <v>119.099452</v>
      </c>
      <c r="E1053" s="27">
        <v>3512.373936</v>
      </c>
      <c r="F1053" s="27">
        <v>112.412221</v>
      </c>
      <c r="H1053" s="27">
        <v>3512.373936</v>
      </c>
      <c r="I1053" s="27">
        <v>105.186652</v>
      </c>
      <c r="K1053" s="27">
        <v>3512.373936</v>
      </c>
      <c r="L1053" s="27">
        <v>98.044304999999994</v>
      </c>
    </row>
    <row r="1054" spans="2:12" x14ac:dyDescent="0.45">
      <c r="B1054" s="27">
        <v>3514.3027520000001</v>
      </c>
      <c r="C1054" s="27">
        <v>119.063129</v>
      </c>
      <c r="E1054" s="27">
        <v>3514.3027520000001</v>
      </c>
      <c r="F1054" s="27">
        <v>112.424643</v>
      </c>
      <c r="H1054" s="27">
        <v>3514.3027520000001</v>
      </c>
      <c r="I1054" s="27">
        <v>105.192548</v>
      </c>
      <c r="K1054" s="27">
        <v>3514.3027520000001</v>
      </c>
      <c r="L1054" s="27">
        <v>98.006953999999993</v>
      </c>
    </row>
    <row r="1055" spans="2:12" x14ac:dyDescent="0.45">
      <c r="B1055" s="27">
        <v>3516.2315680000002</v>
      </c>
      <c r="C1055" s="27">
        <v>119.07729</v>
      </c>
      <c r="E1055" s="27">
        <v>3516.2315680000002</v>
      </c>
      <c r="F1055" s="27">
        <v>112.357321</v>
      </c>
      <c r="H1055" s="27">
        <v>3516.2315680000002</v>
      </c>
      <c r="I1055" s="27">
        <v>105.1593</v>
      </c>
      <c r="K1055" s="27">
        <v>3516.2315680000002</v>
      </c>
      <c r="L1055" s="27">
        <v>97.929723999999993</v>
      </c>
    </row>
    <row r="1056" spans="2:12" x14ac:dyDescent="0.45">
      <c r="B1056" s="27">
        <v>3518.1603839999998</v>
      </c>
      <c r="C1056" s="27">
        <v>119.079189</v>
      </c>
      <c r="E1056" s="27">
        <v>3518.1603839999998</v>
      </c>
      <c r="F1056" s="27">
        <v>112.36120200000001</v>
      </c>
      <c r="H1056" s="27">
        <v>3518.1603839999998</v>
      </c>
      <c r="I1056" s="27">
        <v>105.167214</v>
      </c>
      <c r="K1056" s="27">
        <v>3518.1603839999998</v>
      </c>
      <c r="L1056" s="27">
        <v>97.919099000000003</v>
      </c>
    </row>
    <row r="1057" spans="2:12" x14ac:dyDescent="0.45">
      <c r="B1057" s="27">
        <v>3520.0891999999999</v>
      </c>
      <c r="C1057" s="27">
        <v>119.024002</v>
      </c>
      <c r="E1057" s="27">
        <v>3520.0891999999999</v>
      </c>
      <c r="F1057" s="27">
        <v>112.37465400000001</v>
      </c>
      <c r="H1057" s="27">
        <v>3520.0891999999999</v>
      </c>
      <c r="I1057" s="27">
        <v>105.20040299999999</v>
      </c>
      <c r="K1057" s="27">
        <v>3520.0891999999999</v>
      </c>
      <c r="L1057" s="27">
        <v>97.981528999999995</v>
      </c>
    </row>
    <row r="1058" spans="2:12" x14ac:dyDescent="0.45">
      <c r="B1058" s="27">
        <v>3522.018016</v>
      </c>
      <c r="C1058" s="27">
        <v>119.00658300000001</v>
      </c>
      <c r="E1058" s="27">
        <v>3522.018016</v>
      </c>
      <c r="F1058" s="27">
        <v>112.35094700000001</v>
      </c>
      <c r="H1058" s="27">
        <v>3522.018016</v>
      </c>
      <c r="I1058" s="27">
        <v>105.186891</v>
      </c>
      <c r="K1058" s="27">
        <v>3522.018016</v>
      </c>
      <c r="L1058" s="27">
        <v>97.932794000000001</v>
      </c>
    </row>
    <row r="1059" spans="2:12" x14ac:dyDescent="0.45">
      <c r="B1059" s="27">
        <v>3523.9468320000001</v>
      </c>
      <c r="C1059" s="27">
        <v>118.99792600000001</v>
      </c>
      <c r="E1059" s="27">
        <v>3523.9468320000001</v>
      </c>
      <c r="F1059" s="27">
        <v>112.37543100000001</v>
      </c>
      <c r="H1059" s="27">
        <v>3523.9468320000001</v>
      </c>
      <c r="I1059" s="27">
        <v>105.178161</v>
      </c>
      <c r="K1059" s="27">
        <v>3523.9468320000001</v>
      </c>
      <c r="L1059" s="27">
        <v>97.939582999999999</v>
      </c>
    </row>
    <row r="1060" spans="2:12" x14ac:dyDescent="0.45">
      <c r="B1060" s="27">
        <v>3525.8756480000002</v>
      </c>
      <c r="C1060" s="27">
        <v>118.98117999999999</v>
      </c>
      <c r="E1060" s="27">
        <v>3525.8756480000002</v>
      </c>
      <c r="F1060" s="27">
        <v>112.35782399999999</v>
      </c>
      <c r="H1060" s="27">
        <v>3525.8756480000002</v>
      </c>
      <c r="I1060" s="27">
        <v>105.167402</v>
      </c>
      <c r="K1060" s="27">
        <v>3525.8756480000002</v>
      </c>
      <c r="L1060" s="27">
        <v>97.966120000000004</v>
      </c>
    </row>
    <row r="1061" spans="2:12" x14ac:dyDescent="0.45">
      <c r="B1061" s="27">
        <v>3527.8044639999998</v>
      </c>
      <c r="C1061" s="27">
        <v>118.978443</v>
      </c>
      <c r="E1061" s="27">
        <v>3527.8044639999998</v>
      </c>
      <c r="F1061" s="27">
        <v>112.32833599999999</v>
      </c>
      <c r="H1061" s="27">
        <v>3527.8044639999998</v>
      </c>
      <c r="I1061" s="27">
        <v>105.16184</v>
      </c>
      <c r="K1061" s="27">
        <v>3527.8044639999998</v>
      </c>
      <c r="L1061" s="27">
        <v>98.017405999999994</v>
      </c>
    </row>
    <row r="1062" spans="2:12" x14ac:dyDescent="0.45">
      <c r="B1062" s="27">
        <v>3529.7332799999999</v>
      </c>
      <c r="C1062" s="27">
        <v>119.025469</v>
      </c>
      <c r="E1062" s="27">
        <v>3529.7332799999999</v>
      </c>
      <c r="F1062" s="27">
        <v>112.367987</v>
      </c>
      <c r="H1062" s="27">
        <v>3529.7332799999999</v>
      </c>
      <c r="I1062" s="27">
        <v>105.17084699999999</v>
      </c>
      <c r="K1062" s="27">
        <v>3529.7332799999999</v>
      </c>
      <c r="L1062" s="27">
        <v>98.096446999999998</v>
      </c>
    </row>
    <row r="1063" spans="2:12" x14ac:dyDescent="0.45">
      <c r="B1063" s="27">
        <v>3531.662096</v>
      </c>
      <c r="C1063" s="27">
        <v>119.028685</v>
      </c>
      <c r="E1063" s="27">
        <v>3531.662096</v>
      </c>
      <c r="F1063" s="27">
        <v>112.370603</v>
      </c>
      <c r="H1063" s="27">
        <v>3531.662096</v>
      </c>
      <c r="I1063" s="27">
        <v>105.171674</v>
      </c>
      <c r="K1063" s="27">
        <v>3531.662096</v>
      </c>
      <c r="L1063" s="27">
        <v>98.084985000000003</v>
      </c>
    </row>
    <row r="1064" spans="2:12" x14ac:dyDescent="0.45">
      <c r="B1064" s="27">
        <v>3533.5909120000001</v>
      </c>
      <c r="C1064" s="27">
        <v>119.017321</v>
      </c>
      <c r="E1064" s="27">
        <v>3533.5909120000001</v>
      </c>
      <c r="F1064" s="27">
        <v>112.317521</v>
      </c>
      <c r="H1064" s="27">
        <v>3533.5909120000001</v>
      </c>
      <c r="I1064" s="27">
        <v>105.17312200000001</v>
      </c>
      <c r="K1064" s="27">
        <v>3533.5909120000001</v>
      </c>
      <c r="L1064" s="27">
        <v>97.963882999999996</v>
      </c>
    </row>
    <row r="1065" spans="2:12" x14ac:dyDescent="0.45">
      <c r="B1065" s="27">
        <v>3535.5197280000002</v>
      </c>
      <c r="C1065" s="27">
        <v>118.98812700000001</v>
      </c>
      <c r="E1065" s="27">
        <v>3535.5197280000002</v>
      </c>
      <c r="F1065" s="27">
        <v>112.31283500000001</v>
      </c>
      <c r="H1065" s="27">
        <v>3535.5197280000002</v>
      </c>
      <c r="I1065" s="27">
        <v>105.14040900000001</v>
      </c>
      <c r="K1065" s="27">
        <v>3535.5197280000002</v>
      </c>
      <c r="L1065" s="27">
        <v>97.975075000000004</v>
      </c>
    </row>
    <row r="1066" spans="2:12" x14ac:dyDescent="0.45">
      <c r="B1066" s="27">
        <v>3537.4485439999999</v>
      </c>
      <c r="C1066" s="27">
        <v>119.052549</v>
      </c>
      <c r="E1066" s="27">
        <v>3537.4485439999999</v>
      </c>
      <c r="F1066" s="27">
        <v>112.382929</v>
      </c>
      <c r="H1066" s="27">
        <v>3537.4485439999999</v>
      </c>
      <c r="I1066" s="27">
        <v>105.199524</v>
      </c>
      <c r="K1066" s="27">
        <v>3537.4485439999999</v>
      </c>
      <c r="L1066" s="27">
        <v>98.077399999999997</v>
      </c>
    </row>
    <row r="1067" spans="2:12" x14ac:dyDescent="0.45">
      <c r="B1067" s="27">
        <v>3539.37736</v>
      </c>
      <c r="C1067" s="27">
        <v>119.06360599999999</v>
      </c>
      <c r="E1067" s="27">
        <v>3539.37736</v>
      </c>
      <c r="F1067" s="27">
        <v>112.404661</v>
      </c>
      <c r="H1067" s="27">
        <v>3539.37736</v>
      </c>
      <c r="I1067" s="27">
        <v>105.261002</v>
      </c>
      <c r="K1067" s="27">
        <v>3539.37736</v>
      </c>
      <c r="L1067" s="27">
        <v>98.062984</v>
      </c>
    </row>
    <row r="1068" spans="2:12" x14ac:dyDescent="0.45">
      <c r="B1068" s="27">
        <v>3541.3061760000001</v>
      </c>
      <c r="C1068" s="27">
        <v>119.02208899999999</v>
      </c>
      <c r="E1068" s="27">
        <v>3541.3061760000001</v>
      </c>
      <c r="F1068" s="27">
        <v>112.39716199999999</v>
      </c>
      <c r="H1068" s="27">
        <v>3541.3061760000001</v>
      </c>
      <c r="I1068" s="27">
        <v>105.24448599999999</v>
      </c>
      <c r="K1068" s="27">
        <v>3541.3061760000001</v>
      </c>
      <c r="L1068" s="27">
        <v>98.022493999999995</v>
      </c>
    </row>
    <row r="1069" spans="2:12" x14ac:dyDescent="0.45">
      <c r="B1069" s="27">
        <v>3543.2349920000001</v>
      </c>
      <c r="C1069" s="27">
        <v>119.032077</v>
      </c>
      <c r="E1069" s="27">
        <v>3543.2349920000001</v>
      </c>
      <c r="F1069" s="27">
        <v>112.34513</v>
      </c>
      <c r="H1069" s="27">
        <v>3543.2349920000001</v>
      </c>
      <c r="I1069" s="27">
        <v>105.17930699999999</v>
      </c>
      <c r="K1069" s="27">
        <v>3543.2349920000001</v>
      </c>
      <c r="L1069" s="27">
        <v>97.867688999999999</v>
      </c>
    </row>
    <row r="1070" spans="2:12" x14ac:dyDescent="0.45">
      <c r="B1070" s="27">
        <v>3545.1638079999998</v>
      </c>
      <c r="C1070" s="27">
        <v>119.007195</v>
      </c>
      <c r="E1070" s="27">
        <v>3545.1638079999998</v>
      </c>
      <c r="F1070" s="27">
        <v>112.332444</v>
      </c>
      <c r="H1070" s="27">
        <v>3545.1638079999998</v>
      </c>
      <c r="I1070" s="27">
        <v>105.19578199999999</v>
      </c>
      <c r="K1070" s="27">
        <v>3545.1638079999998</v>
      </c>
      <c r="L1070" s="27">
        <v>97.971350999999999</v>
      </c>
    </row>
    <row r="1071" spans="2:12" x14ac:dyDescent="0.45">
      <c r="B1071" s="27">
        <v>3547.0926239999999</v>
      </c>
      <c r="C1071" s="27">
        <v>119.025569</v>
      </c>
      <c r="E1071" s="27">
        <v>3547.0926239999999</v>
      </c>
      <c r="F1071" s="27">
        <v>112.329526</v>
      </c>
      <c r="H1071" s="27">
        <v>3547.0926239999999</v>
      </c>
      <c r="I1071" s="27">
        <v>105.24189699999999</v>
      </c>
      <c r="K1071" s="27">
        <v>3547.0926239999999</v>
      </c>
      <c r="L1071" s="27">
        <v>98.159097000000003</v>
      </c>
    </row>
    <row r="1072" spans="2:12" x14ac:dyDescent="0.45">
      <c r="B1072" s="27">
        <v>3549.02144</v>
      </c>
      <c r="C1072" s="27">
        <v>119.05014199999999</v>
      </c>
      <c r="E1072" s="27">
        <v>3549.02144</v>
      </c>
      <c r="F1072" s="27">
        <v>112.320311</v>
      </c>
      <c r="H1072" s="27">
        <v>3549.02144</v>
      </c>
      <c r="I1072" s="27">
        <v>105.216109</v>
      </c>
      <c r="K1072" s="27">
        <v>3549.02144</v>
      </c>
      <c r="L1072" s="27">
        <v>98.078676000000002</v>
      </c>
    </row>
    <row r="1073" spans="2:12" x14ac:dyDescent="0.45">
      <c r="B1073" s="27">
        <v>3550.9502560000001</v>
      </c>
      <c r="C1073" s="27">
        <v>118.97557399999999</v>
      </c>
      <c r="E1073" s="27">
        <v>3550.9502560000001</v>
      </c>
      <c r="F1073" s="27">
        <v>112.320312</v>
      </c>
      <c r="H1073" s="27">
        <v>3550.9502560000001</v>
      </c>
      <c r="I1073" s="27">
        <v>105.18571</v>
      </c>
      <c r="K1073" s="27">
        <v>3550.9502560000001</v>
      </c>
      <c r="L1073" s="27">
        <v>98.045535000000001</v>
      </c>
    </row>
    <row r="1074" spans="2:12" x14ac:dyDescent="0.45">
      <c r="B1074" s="27">
        <v>3552.8790720000002</v>
      </c>
      <c r="C1074" s="27">
        <v>118.93472800000001</v>
      </c>
      <c r="E1074" s="27">
        <v>3552.8790720000002</v>
      </c>
      <c r="F1074" s="27">
        <v>112.35490900000001</v>
      </c>
      <c r="H1074" s="27">
        <v>3552.8790720000002</v>
      </c>
      <c r="I1074" s="27">
        <v>105.195368</v>
      </c>
      <c r="K1074" s="27">
        <v>3552.8790720000002</v>
      </c>
      <c r="L1074" s="27">
        <v>98.097116999999997</v>
      </c>
    </row>
    <row r="1075" spans="2:12" x14ac:dyDescent="0.45">
      <c r="B1075" s="27">
        <v>3554.8078879999998</v>
      </c>
      <c r="C1075" s="27">
        <v>119.004165</v>
      </c>
      <c r="E1075" s="27">
        <v>3554.8078879999998</v>
      </c>
      <c r="F1075" s="27">
        <v>112.40254400000001</v>
      </c>
      <c r="H1075" s="27">
        <v>3554.8078879999998</v>
      </c>
      <c r="I1075" s="27">
        <v>105.233352</v>
      </c>
      <c r="K1075" s="27">
        <v>3554.8078879999998</v>
      </c>
      <c r="L1075" s="27">
        <v>98.115337999999994</v>
      </c>
    </row>
    <row r="1076" spans="2:12" x14ac:dyDescent="0.45">
      <c r="B1076" s="27">
        <v>3556.7367039999999</v>
      </c>
      <c r="C1076" s="27">
        <v>119.02042299999999</v>
      </c>
      <c r="E1076" s="27">
        <v>3556.7367039999999</v>
      </c>
      <c r="F1076" s="27">
        <v>112.411254</v>
      </c>
      <c r="H1076" s="27">
        <v>3556.7367039999999</v>
      </c>
      <c r="I1076" s="27">
        <v>105.25385300000001</v>
      </c>
      <c r="K1076" s="27">
        <v>3556.7367039999999</v>
      </c>
      <c r="L1076" s="27">
        <v>98.053611000000004</v>
      </c>
    </row>
    <row r="1077" spans="2:12" x14ac:dyDescent="0.45">
      <c r="B1077" s="27">
        <v>3558.66552</v>
      </c>
      <c r="C1077" s="27">
        <v>119.043673</v>
      </c>
      <c r="E1077" s="27">
        <v>3558.66552</v>
      </c>
      <c r="F1077" s="27">
        <v>112.361108</v>
      </c>
      <c r="H1077" s="27">
        <v>3558.66552</v>
      </c>
      <c r="I1077" s="27">
        <v>105.232044</v>
      </c>
      <c r="K1077" s="27">
        <v>3558.66552</v>
      </c>
      <c r="L1077" s="27">
        <v>97.983687000000003</v>
      </c>
    </row>
    <row r="1078" spans="2:12" x14ac:dyDescent="0.45">
      <c r="B1078" s="27">
        <v>3560.5943360000001</v>
      </c>
      <c r="C1078" s="27">
        <v>119.04926</v>
      </c>
      <c r="E1078" s="27">
        <v>3560.5943360000001</v>
      </c>
      <c r="F1078" s="27">
        <v>112.326564</v>
      </c>
      <c r="H1078" s="27">
        <v>3560.5943360000001</v>
      </c>
      <c r="I1078" s="27">
        <v>105.23757999999999</v>
      </c>
      <c r="K1078" s="27">
        <v>3560.5943360000001</v>
      </c>
      <c r="L1078" s="27">
        <v>98.015366</v>
      </c>
    </row>
    <row r="1079" spans="2:12" x14ac:dyDescent="0.45">
      <c r="B1079" s="27">
        <v>3562.5231520000002</v>
      </c>
      <c r="C1079" s="27">
        <v>118.987517</v>
      </c>
      <c r="E1079" s="27">
        <v>3562.5231520000002</v>
      </c>
      <c r="F1079" s="27">
        <v>112.29859399999999</v>
      </c>
      <c r="H1079" s="27">
        <v>3562.5231520000002</v>
      </c>
      <c r="I1079" s="27">
        <v>105.27011400000001</v>
      </c>
      <c r="K1079" s="27">
        <v>3562.5231520000002</v>
      </c>
      <c r="L1079" s="27">
        <v>98.056157999999996</v>
      </c>
    </row>
    <row r="1080" spans="2:12" x14ac:dyDescent="0.45">
      <c r="B1080" s="27">
        <v>3564.4519679999999</v>
      </c>
      <c r="C1080" s="27">
        <v>118.823792</v>
      </c>
      <c r="E1080" s="27">
        <v>3564.4519679999999</v>
      </c>
      <c r="F1080" s="27">
        <v>112.214597</v>
      </c>
      <c r="H1080" s="27">
        <v>3564.4519679999999</v>
      </c>
      <c r="I1080" s="27">
        <v>105.200346</v>
      </c>
      <c r="K1080" s="27">
        <v>3564.4519679999999</v>
      </c>
      <c r="L1080" s="27">
        <v>97.937563999999995</v>
      </c>
    </row>
    <row r="1081" spans="2:12" x14ac:dyDescent="0.45">
      <c r="B1081" s="27">
        <v>3566.3807839999999</v>
      </c>
      <c r="C1081" s="27">
        <v>118.70408</v>
      </c>
      <c r="E1081" s="27">
        <v>3566.3807839999999</v>
      </c>
      <c r="F1081" s="27">
        <v>112.195802</v>
      </c>
      <c r="H1081" s="27">
        <v>3566.3807839999999</v>
      </c>
      <c r="I1081" s="27">
        <v>105.109331</v>
      </c>
      <c r="K1081" s="27">
        <v>3566.3807839999999</v>
      </c>
      <c r="L1081" s="27">
        <v>97.938312999999994</v>
      </c>
    </row>
    <row r="1082" spans="2:12" x14ac:dyDescent="0.45">
      <c r="B1082" s="27">
        <v>3568.3096</v>
      </c>
      <c r="C1082" s="27">
        <v>118.88753</v>
      </c>
      <c r="E1082" s="27">
        <v>3568.3096</v>
      </c>
      <c r="F1082" s="27">
        <v>112.31129</v>
      </c>
      <c r="H1082" s="27">
        <v>3568.3096</v>
      </c>
      <c r="I1082" s="27">
        <v>105.200836</v>
      </c>
      <c r="K1082" s="27">
        <v>3568.3096</v>
      </c>
      <c r="L1082" s="27">
        <v>98.210676000000007</v>
      </c>
    </row>
    <row r="1083" spans="2:12" x14ac:dyDescent="0.45">
      <c r="B1083" s="27">
        <v>3570.2384160000001</v>
      </c>
      <c r="C1083" s="27">
        <v>118.92052</v>
      </c>
      <c r="E1083" s="27">
        <v>3570.2384160000001</v>
      </c>
      <c r="F1083" s="27">
        <v>112.374285</v>
      </c>
      <c r="H1083" s="27">
        <v>3570.2384160000001</v>
      </c>
      <c r="I1083" s="27">
        <v>105.261639</v>
      </c>
      <c r="K1083" s="27">
        <v>3570.2384160000001</v>
      </c>
      <c r="L1083" s="27">
        <v>98.132564000000002</v>
      </c>
    </row>
    <row r="1084" spans="2:12" x14ac:dyDescent="0.45">
      <c r="B1084" s="27">
        <v>3572.1672319999998</v>
      </c>
      <c r="C1084" s="27">
        <v>118.88152100000001</v>
      </c>
      <c r="E1084" s="27">
        <v>3572.1672319999998</v>
      </c>
      <c r="F1084" s="27">
        <v>112.35663700000001</v>
      </c>
      <c r="H1084" s="27">
        <v>3572.1672319999998</v>
      </c>
      <c r="I1084" s="27">
        <v>105.20861600000001</v>
      </c>
      <c r="K1084" s="27">
        <v>3572.1672319999998</v>
      </c>
      <c r="L1084" s="27">
        <v>98.040019999999998</v>
      </c>
    </row>
    <row r="1085" spans="2:12" x14ac:dyDescent="0.45">
      <c r="B1085" s="27">
        <v>3574.0960479999999</v>
      </c>
      <c r="C1085" s="27">
        <v>118.88495</v>
      </c>
      <c r="E1085" s="27">
        <v>3574.0960479999999</v>
      </c>
      <c r="F1085" s="27">
        <v>112.328394</v>
      </c>
      <c r="H1085" s="27">
        <v>3574.0960479999999</v>
      </c>
      <c r="I1085" s="27">
        <v>105.169662</v>
      </c>
      <c r="K1085" s="27">
        <v>3574.0960479999999</v>
      </c>
      <c r="L1085" s="27">
        <v>97.988225999999997</v>
      </c>
    </row>
    <row r="1086" spans="2:12" x14ac:dyDescent="0.45">
      <c r="B1086" s="27">
        <v>3576.024864</v>
      </c>
      <c r="C1086" s="27">
        <v>118.963751</v>
      </c>
      <c r="E1086" s="27">
        <v>3576.024864</v>
      </c>
      <c r="F1086" s="27">
        <v>112.29204900000001</v>
      </c>
      <c r="H1086" s="27">
        <v>3576.024864</v>
      </c>
      <c r="I1086" s="27">
        <v>105.16458299999999</v>
      </c>
      <c r="K1086" s="27">
        <v>3576.024864</v>
      </c>
      <c r="L1086" s="27">
        <v>97.901274000000001</v>
      </c>
    </row>
    <row r="1087" spans="2:12" x14ac:dyDescent="0.45">
      <c r="B1087" s="27">
        <v>3577.9536800000001</v>
      </c>
      <c r="C1087" s="27">
        <v>119.009649</v>
      </c>
      <c r="E1087" s="27">
        <v>3577.9536800000001</v>
      </c>
      <c r="F1087" s="27">
        <v>112.26867</v>
      </c>
      <c r="H1087" s="27">
        <v>3577.9536800000001</v>
      </c>
      <c r="I1087" s="27">
        <v>105.183825</v>
      </c>
      <c r="K1087" s="27">
        <v>3577.9536800000001</v>
      </c>
      <c r="L1087" s="27">
        <v>97.916905</v>
      </c>
    </row>
    <row r="1088" spans="2:12" x14ac:dyDescent="0.45">
      <c r="B1088" s="27">
        <v>3579.8824960000002</v>
      </c>
      <c r="C1088" s="27">
        <v>118.947647</v>
      </c>
      <c r="E1088" s="27">
        <v>3579.8824960000002</v>
      </c>
      <c r="F1088" s="27">
        <v>112.30093100000001</v>
      </c>
      <c r="H1088" s="27">
        <v>3579.8824960000002</v>
      </c>
      <c r="I1088" s="27">
        <v>105.19664299999999</v>
      </c>
      <c r="K1088" s="27">
        <v>3579.8824960000002</v>
      </c>
      <c r="L1088" s="27">
        <v>98.023092000000005</v>
      </c>
    </row>
    <row r="1089" spans="2:12" x14ac:dyDescent="0.45">
      <c r="B1089" s="27">
        <v>3581.8113119999998</v>
      </c>
      <c r="C1089" s="27">
        <v>118.94324</v>
      </c>
      <c r="E1089" s="27">
        <v>3581.8113119999998</v>
      </c>
      <c r="F1089" s="27">
        <v>112.389115</v>
      </c>
      <c r="H1089" s="27">
        <v>3581.8113119999998</v>
      </c>
      <c r="I1089" s="27">
        <v>105.23818</v>
      </c>
      <c r="K1089" s="27">
        <v>3581.8113119999998</v>
      </c>
      <c r="L1089" s="27">
        <v>98.089851999999993</v>
      </c>
    </row>
    <row r="1090" spans="2:12" x14ac:dyDescent="0.45">
      <c r="B1090" s="27">
        <v>3583.7401279999999</v>
      </c>
      <c r="C1090" s="27">
        <v>118.969559</v>
      </c>
      <c r="E1090" s="27">
        <v>3583.7401279999999</v>
      </c>
      <c r="F1090" s="27">
        <v>112.403739</v>
      </c>
      <c r="H1090" s="27">
        <v>3583.7401279999999</v>
      </c>
      <c r="I1090" s="27">
        <v>105.242763</v>
      </c>
      <c r="K1090" s="27">
        <v>3583.7401279999999</v>
      </c>
      <c r="L1090" s="27">
        <v>98.047315999999995</v>
      </c>
    </row>
    <row r="1091" spans="2:12" x14ac:dyDescent="0.45">
      <c r="B1091" s="27">
        <v>3585.668944</v>
      </c>
      <c r="C1091" s="27">
        <v>118.828017</v>
      </c>
      <c r="E1091" s="27">
        <v>3585.668944</v>
      </c>
      <c r="F1091" s="27">
        <v>112.284948</v>
      </c>
      <c r="H1091" s="27">
        <v>3585.668944</v>
      </c>
      <c r="I1091" s="27">
        <v>105.155264</v>
      </c>
      <c r="K1091" s="27">
        <v>3585.668944</v>
      </c>
      <c r="L1091" s="27">
        <v>97.877397000000002</v>
      </c>
    </row>
    <row r="1092" spans="2:12" x14ac:dyDescent="0.45">
      <c r="B1092" s="27">
        <v>3587.5977600000001</v>
      </c>
      <c r="C1092" s="27">
        <v>118.74684499999999</v>
      </c>
      <c r="E1092" s="27">
        <v>3587.5977600000001</v>
      </c>
      <c r="F1092" s="27">
        <v>112.217698</v>
      </c>
      <c r="H1092" s="27">
        <v>3587.5977600000001</v>
      </c>
      <c r="I1092" s="27">
        <v>105.072806</v>
      </c>
      <c r="K1092" s="27">
        <v>3587.5977600000001</v>
      </c>
      <c r="L1092" s="27">
        <v>97.874010999999996</v>
      </c>
    </row>
    <row r="1093" spans="2:12" x14ac:dyDescent="0.45">
      <c r="B1093" s="27">
        <v>3589.5265760000002</v>
      </c>
      <c r="C1093" s="27">
        <v>118.945578</v>
      </c>
      <c r="E1093" s="27">
        <v>3589.5265760000002</v>
      </c>
      <c r="F1093" s="27">
        <v>112.36259800000001</v>
      </c>
      <c r="H1093" s="27">
        <v>3589.5265760000002</v>
      </c>
      <c r="I1093" s="27">
        <v>105.19111599999999</v>
      </c>
      <c r="K1093" s="27">
        <v>3589.5265760000002</v>
      </c>
      <c r="L1093" s="27">
        <v>98.150638999999998</v>
      </c>
    </row>
    <row r="1094" spans="2:12" x14ac:dyDescent="0.45">
      <c r="B1094" s="27">
        <v>3591.4553919999998</v>
      </c>
      <c r="C1094" s="27">
        <v>118.891091</v>
      </c>
      <c r="E1094" s="27">
        <v>3591.4553919999998</v>
      </c>
      <c r="F1094" s="27">
        <v>112.373183</v>
      </c>
      <c r="H1094" s="27">
        <v>3591.4553919999998</v>
      </c>
      <c r="I1094" s="27">
        <v>105.22308200000001</v>
      </c>
      <c r="K1094" s="27">
        <v>3591.4553919999998</v>
      </c>
      <c r="L1094" s="27">
        <v>98.111680000000007</v>
      </c>
    </row>
    <row r="1095" spans="2:12" x14ac:dyDescent="0.45">
      <c r="B1095" s="27">
        <v>3593.3842079999999</v>
      </c>
      <c r="C1095" s="27">
        <v>118.743675</v>
      </c>
      <c r="E1095" s="27">
        <v>3593.3842079999999</v>
      </c>
      <c r="F1095" s="27">
        <v>112.30515</v>
      </c>
      <c r="H1095" s="27">
        <v>3593.3842079999999</v>
      </c>
      <c r="I1095" s="27">
        <v>105.20439399999999</v>
      </c>
      <c r="K1095" s="27">
        <v>3593.3842079999999</v>
      </c>
      <c r="L1095" s="27">
        <v>97.977462000000003</v>
      </c>
    </row>
    <row r="1096" spans="2:12" x14ac:dyDescent="0.45">
      <c r="B1096" s="27">
        <v>3595.313024</v>
      </c>
      <c r="C1096" s="27">
        <v>118.735463</v>
      </c>
      <c r="E1096" s="27">
        <v>3595.313024</v>
      </c>
      <c r="F1096" s="27">
        <v>112.333033</v>
      </c>
      <c r="H1096" s="27">
        <v>3595.313024</v>
      </c>
      <c r="I1096" s="27">
        <v>105.160186</v>
      </c>
      <c r="K1096" s="27">
        <v>3595.313024</v>
      </c>
      <c r="L1096" s="27">
        <v>97.961848000000003</v>
      </c>
    </row>
    <row r="1097" spans="2:12" x14ac:dyDescent="0.45">
      <c r="B1097" s="27">
        <v>3597.2418400000001</v>
      </c>
      <c r="C1097" s="27">
        <v>118.86414600000001</v>
      </c>
      <c r="E1097" s="27">
        <v>3597.2418400000001</v>
      </c>
      <c r="F1097" s="27">
        <v>112.35683400000001</v>
      </c>
      <c r="H1097" s="27">
        <v>3597.2418400000001</v>
      </c>
      <c r="I1097" s="27">
        <v>105.114276</v>
      </c>
      <c r="K1097" s="27">
        <v>3597.2418400000001</v>
      </c>
      <c r="L1097" s="27">
        <v>97.980258000000006</v>
      </c>
    </row>
    <row r="1098" spans="2:12" x14ac:dyDescent="0.45">
      <c r="B1098" s="27">
        <v>3599.1706559999998</v>
      </c>
      <c r="C1098" s="27">
        <v>118.873701</v>
      </c>
      <c r="E1098" s="27">
        <v>3599.1706559999998</v>
      </c>
      <c r="F1098" s="27">
        <v>112.344759</v>
      </c>
      <c r="H1098" s="27">
        <v>3599.1706559999998</v>
      </c>
      <c r="I1098" s="27">
        <v>105.13861199999999</v>
      </c>
      <c r="K1098" s="27">
        <v>3599.1706559999998</v>
      </c>
      <c r="L1098" s="27">
        <v>97.944985000000003</v>
      </c>
    </row>
    <row r="1099" spans="2:12" x14ac:dyDescent="0.45">
      <c r="B1099" s="27">
        <v>3601.0994719999999</v>
      </c>
      <c r="C1099" s="27">
        <v>118.81621800000001</v>
      </c>
      <c r="E1099" s="27">
        <v>3601.0994719999999</v>
      </c>
      <c r="F1099" s="27">
        <v>112.324467</v>
      </c>
      <c r="H1099" s="27">
        <v>3601.0994719999999</v>
      </c>
      <c r="I1099" s="27">
        <v>105.15691</v>
      </c>
      <c r="K1099" s="27">
        <v>3601.0994719999999</v>
      </c>
      <c r="L1099" s="27">
        <v>98.071541999999994</v>
      </c>
    </row>
    <row r="1100" spans="2:12" x14ac:dyDescent="0.45">
      <c r="B1100" s="27">
        <v>3603.028288</v>
      </c>
      <c r="C1100" s="27">
        <v>118.781769</v>
      </c>
      <c r="E1100" s="27">
        <v>3603.028288</v>
      </c>
      <c r="F1100" s="27">
        <v>112.256908</v>
      </c>
      <c r="H1100" s="27">
        <v>3603.028288</v>
      </c>
      <c r="I1100" s="27">
        <v>105.146466</v>
      </c>
      <c r="K1100" s="27">
        <v>3603.028288</v>
      </c>
      <c r="L1100" s="27">
        <v>98.149389999999997</v>
      </c>
    </row>
    <row r="1101" spans="2:12" x14ac:dyDescent="0.45">
      <c r="B1101" s="27">
        <v>3604.9571040000001</v>
      </c>
      <c r="C1101" s="27">
        <v>118.74257299999999</v>
      </c>
      <c r="E1101" s="27">
        <v>3604.9571040000001</v>
      </c>
      <c r="F1101" s="27">
        <v>112.19694699999999</v>
      </c>
      <c r="H1101" s="27">
        <v>3604.9571040000001</v>
      </c>
      <c r="I1101" s="27">
        <v>105.09693900000001</v>
      </c>
      <c r="K1101" s="27">
        <v>3604.9571040000001</v>
      </c>
      <c r="L1101" s="27">
        <v>98.110939000000002</v>
      </c>
    </row>
    <row r="1102" spans="2:12" x14ac:dyDescent="0.45">
      <c r="B1102" s="27">
        <v>3606.8859200000002</v>
      </c>
      <c r="C1102" s="27">
        <v>118.615792</v>
      </c>
      <c r="E1102" s="27">
        <v>3606.8859200000002</v>
      </c>
      <c r="F1102" s="27">
        <v>112.171049</v>
      </c>
      <c r="H1102" s="27">
        <v>3606.8859200000002</v>
      </c>
      <c r="I1102" s="27">
        <v>105.061812</v>
      </c>
      <c r="K1102" s="27">
        <v>3606.8859200000002</v>
      </c>
      <c r="L1102" s="27">
        <v>98.033803000000006</v>
      </c>
    </row>
    <row r="1103" spans="2:12" x14ac:dyDescent="0.45">
      <c r="B1103" s="27">
        <v>3608.8147359999998</v>
      </c>
      <c r="C1103" s="27">
        <v>118.60171099999999</v>
      </c>
      <c r="E1103" s="27">
        <v>3608.8147359999998</v>
      </c>
      <c r="F1103" s="27">
        <v>112.20063500000001</v>
      </c>
      <c r="H1103" s="27">
        <v>3608.8147359999998</v>
      </c>
      <c r="I1103" s="27">
        <v>105.083027</v>
      </c>
      <c r="K1103" s="27">
        <v>3608.8147359999998</v>
      </c>
      <c r="L1103" s="27">
        <v>98.073049999999995</v>
      </c>
    </row>
    <row r="1104" spans="2:12" x14ac:dyDescent="0.45">
      <c r="B1104" s="27">
        <v>3610.7435519999999</v>
      </c>
      <c r="C1104" s="27">
        <v>118.706165</v>
      </c>
      <c r="E1104" s="27">
        <v>3610.7435519999999</v>
      </c>
      <c r="F1104" s="27">
        <v>112.242316</v>
      </c>
      <c r="H1104" s="27">
        <v>3610.7435519999999</v>
      </c>
      <c r="I1104" s="27">
        <v>105.085953</v>
      </c>
      <c r="K1104" s="27">
        <v>3610.7435519999999</v>
      </c>
      <c r="L1104" s="27">
        <v>98.070031999999998</v>
      </c>
    </row>
    <row r="1105" spans="2:12" x14ac:dyDescent="0.45">
      <c r="B1105" s="27">
        <v>3612.672368</v>
      </c>
      <c r="C1105" s="27">
        <v>118.680212</v>
      </c>
      <c r="E1105" s="27">
        <v>3612.672368</v>
      </c>
      <c r="F1105" s="27">
        <v>112.219055</v>
      </c>
      <c r="H1105" s="27">
        <v>3612.672368</v>
      </c>
      <c r="I1105" s="27">
        <v>105.04706899999999</v>
      </c>
      <c r="K1105" s="27">
        <v>3612.672368</v>
      </c>
      <c r="L1105" s="27">
        <v>97.967151999999999</v>
      </c>
    </row>
    <row r="1106" spans="2:12" x14ac:dyDescent="0.45">
      <c r="B1106" s="27">
        <v>3614.6011840000001</v>
      </c>
      <c r="C1106" s="27">
        <v>118.775756</v>
      </c>
      <c r="E1106" s="27">
        <v>3614.6011840000001</v>
      </c>
      <c r="F1106" s="27">
        <v>112.271923</v>
      </c>
      <c r="H1106" s="27">
        <v>3614.6011840000001</v>
      </c>
      <c r="I1106" s="27">
        <v>105.09789600000001</v>
      </c>
      <c r="K1106" s="27">
        <v>3614.6011840000001</v>
      </c>
      <c r="L1106" s="27">
        <v>98.221402999999995</v>
      </c>
    </row>
    <row r="1107" spans="2:12" x14ac:dyDescent="0.45">
      <c r="B1107" s="27">
        <v>3616.53</v>
      </c>
      <c r="C1107" s="27">
        <v>118.751155</v>
      </c>
      <c r="E1107" s="27">
        <v>3616.53</v>
      </c>
      <c r="F1107" s="27">
        <v>112.31983200000001</v>
      </c>
      <c r="H1107" s="27">
        <v>3616.53</v>
      </c>
      <c r="I1107" s="27">
        <v>105.08178700000001</v>
      </c>
      <c r="K1107" s="27">
        <v>3616.53</v>
      </c>
      <c r="L1107" s="27">
        <v>98.120547000000002</v>
      </c>
    </row>
    <row r="1108" spans="2:12" x14ac:dyDescent="0.45">
      <c r="B1108" s="27">
        <v>3618.4588159999998</v>
      </c>
      <c r="C1108" s="27">
        <v>118.636989</v>
      </c>
      <c r="E1108" s="27">
        <v>3618.4588159999998</v>
      </c>
      <c r="F1108" s="27">
        <v>112.213289</v>
      </c>
      <c r="H1108" s="27">
        <v>3618.4588159999998</v>
      </c>
      <c r="I1108" s="27">
        <v>104.99283699999999</v>
      </c>
      <c r="K1108" s="27">
        <v>3618.4588159999998</v>
      </c>
      <c r="L1108" s="27">
        <v>97.912383000000005</v>
      </c>
    </row>
    <row r="1109" spans="2:12" x14ac:dyDescent="0.45">
      <c r="B1109" s="27">
        <v>3620.3876319999999</v>
      </c>
      <c r="C1109" s="27">
        <v>118.678257</v>
      </c>
      <c r="E1109" s="27">
        <v>3620.3876319999999</v>
      </c>
      <c r="F1109" s="27">
        <v>112.19984100000001</v>
      </c>
      <c r="H1109" s="27">
        <v>3620.3876319999999</v>
      </c>
      <c r="I1109" s="27">
        <v>105.102825</v>
      </c>
      <c r="K1109" s="27">
        <v>3620.3876319999999</v>
      </c>
      <c r="L1109" s="27">
        <v>98.067959999999999</v>
      </c>
    </row>
    <row r="1110" spans="2:12" x14ac:dyDescent="0.45">
      <c r="B1110" s="27">
        <v>3622.316448</v>
      </c>
      <c r="C1110" s="27">
        <v>118.82129</v>
      </c>
      <c r="E1110" s="27">
        <v>3622.316448</v>
      </c>
      <c r="F1110" s="27">
        <v>112.240053</v>
      </c>
      <c r="H1110" s="27">
        <v>3622.316448</v>
      </c>
      <c r="I1110" s="27">
        <v>105.18660199999999</v>
      </c>
      <c r="K1110" s="27">
        <v>3622.316448</v>
      </c>
      <c r="L1110" s="27">
        <v>98.160477</v>
      </c>
    </row>
    <row r="1111" spans="2:12" x14ac:dyDescent="0.45">
      <c r="B1111" s="27">
        <v>3624.2452640000001</v>
      </c>
      <c r="C1111" s="27">
        <v>118.84291399999999</v>
      </c>
      <c r="E1111" s="27">
        <v>3624.2452640000001</v>
      </c>
      <c r="F1111" s="27">
        <v>112.23565499999999</v>
      </c>
      <c r="H1111" s="27">
        <v>3624.2452640000001</v>
      </c>
      <c r="I1111" s="27">
        <v>105.153266</v>
      </c>
      <c r="K1111" s="27">
        <v>3624.2452640000001</v>
      </c>
      <c r="L1111" s="27">
        <v>98.069191000000004</v>
      </c>
    </row>
    <row r="1112" spans="2:12" x14ac:dyDescent="0.45">
      <c r="B1112" s="27">
        <v>3626.1740799999998</v>
      </c>
      <c r="C1112" s="27">
        <v>118.662752</v>
      </c>
      <c r="E1112" s="27">
        <v>3626.1740799999998</v>
      </c>
      <c r="F1112" s="27">
        <v>112.14470799999999</v>
      </c>
      <c r="H1112" s="27">
        <v>3626.1740799999998</v>
      </c>
      <c r="I1112" s="27">
        <v>105.090361</v>
      </c>
      <c r="K1112" s="27">
        <v>3626.1740799999998</v>
      </c>
      <c r="L1112" s="27">
        <v>97.984956999999994</v>
      </c>
    </row>
    <row r="1113" spans="2:12" x14ac:dyDescent="0.45">
      <c r="B1113" s="27">
        <v>3628.1028959999999</v>
      </c>
      <c r="C1113" s="27">
        <v>118.288241</v>
      </c>
      <c r="E1113" s="27">
        <v>3628.1028959999999</v>
      </c>
      <c r="F1113" s="27">
        <v>112.037413</v>
      </c>
      <c r="H1113" s="27">
        <v>3628.1028959999999</v>
      </c>
      <c r="I1113" s="27">
        <v>104.94183</v>
      </c>
      <c r="K1113" s="27">
        <v>3628.1028959999999</v>
      </c>
      <c r="L1113" s="27">
        <v>97.885503999999997</v>
      </c>
    </row>
    <row r="1114" spans="2:12" x14ac:dyDescent="0.45">
      <c r="B1114" s="27">
        <v>3630.031712</v>
      </c>
      <c r="C1114" s="27">
        <v>118.55366100000001</v>
      </c>
      <c r="E1114" s="27">
        <v>3630.031712</v>
      </c>
      <c r="F1114" s="27">
        <v>112.17771500000001</v>
      </c>
      <c r="H1114" s="27">
        <v>3630.031712</v>
      </c>
      <c r="I1114" s="27">
        <v>105.05871399999999</v>
      </c>
      <c r="K1114" s="27">
        <v>3630.031712</v>
      </c>
      <c r="L1114" s="27">
        <v>98.207825999999997</v>
      </c>
    </row>
    <row r="1115" spans="2:12" x14ac:dyDescent="0.45">
      <c r="B1115" s="27">
        <v>3631.9605280000001</v>
      </c>
      <c r="C1115" s="27">
        <v>118.83772999999999</v>
      </c>
      <c r="E1115" s="27">
        <v>3631.9605280000001</v>
      </c>
      <c r="F1115" s="27">
        <v>112.24362499999999</v>
      </c>
      <c r="H1115" s="27">
        <v>3631.9605280000001</v>
      </c>
      <c r="I1115" s="27">
        <v>105.143781</v>
      </c>
      <c r="K1115" s="27">
        <v>3631.9605280000001</v>
      </c>
      <c r="L1115" s="27">
        <v>98.145515000000003</v>
      </c>
    </row>
    <row r="1116" spans="2:12" x14ac:dyDescent="0.45">
      <c r="B1116" s="27">
        <v>3633.8893440000002</v>
      </c>
      <c r="C1116" s="27">
        <v>118.917316</v>
      </c>
      <c r="E1116" s="27">
        <v>3633.8893440000002</v>
      </c>
      <c r="F1116" s="27">
        <v>112.196296</v>
      </c>
      <c r="H1116" s="27">
        <v>3633.8893440000002</v>
      </c>
      <c r="I1116" s="27">
        <v>105.09285199999999</v>
      </c>
      <c r="K1116" s="27">
        <v>3633.8893440000002</v>
      </c>
      <c r="L1116" s="27">
        <v>98.068250000000006</v>
      </c>
    </row>
    <row r="1117" spans="2:12" x14ac:dyDescent="0.45">
      <c r="B1117" s="27">
        <v>3635.8181599999998</v>
      </c>
      <c r="C1117" s="27">
        <v>118.96442999999999</v>
      </c>
      <c r="E1117" s="27">
        <v>3635.8181599999998</v>
      </c>
      <c r="F1117" s="27">
        <v>112.252549</v>
      </c>
      <c r="H1117" s="27">
        <v>3635.8181599999998</v>
      </c>
      <c r="I1117" s="27">
        <v>105.180983</v>
      </c>
      <c r="K1117" s="27">
        <v>3635.8181599999998</v>
      </c>
      <c r="L1117" s="27">
        <v>98.060361999999998</v>
      </c>
    </row>
    <row r="1118" spans="2:12" x14ac:dyDescent="0.45">
      <c r="B1118" s="27">
        <v>3637.7469759999999</v>
      </c>
      <c r="C1118" s="27">
        <v>118.85598</v>
      </c>
      <c r="E1118" s="27">
        <v>3637.7469759999999</v>
      </c>
      <c r="F1118" s="27">
        <v>112.28756</v>
      </c>
      <c r="H1118" s="27">
        <v>3637.7469759999999</v>
      </c>
      <c r="I1118" s="27">
        <v>105.22600799999999</v>
      </c>
      <c r="K1118" s="27">
        <v>3637.7469759999999</v>
      </c>
      <c r="L1118" s="27">
        <v>98.023785000000004</v>
      </c>
    </row>
    <row r="1119" spans="2:12" x14ac:dyDescent="0.45">
      <c r="B1119" s="27">
        <v>3639.675792</v>
      </c>
      <c r="C1119" s="27">
        <v>118.844365</v>
      </c>
      <c r="E1119" s="27">
        <v>3639.675792</v>
      </c>
      <c r="F1119" s="27">
        <v>112.280135</v>
      </c>
      <c r="H1119" s="27">
        <v>3639.675792</v>
      </c>
      <c r="I1119" s="27">
        <v>105.212315</v>
      </c>
      <c r="K1119" s="27">
        <v>3639.675792</v>
      </c>
      <c r="L1119" s="27">
        <v>98.037719999999993</v>
      </c>
    </row>
    <row r="1120" spans="2:12" x14ac:dyDescent="0.45">
      <c r="B1120" s="27">
        <v>3641.6046080000001</v>
      </c>
      <c r="C1120" s="27">
        <v>118.763094</v>
      </c>
      <c r="E1120" s="27">
        <v>3641.6046080000001</v>
      </c>
      <c r="F1120" s="27">
        <v>112.23946100000001</v>
      </c>
      <c r="H1120" s="27">
        <v>3641.6046080000001</v>
      </c>
      <c r="I1120" s="27">
        <v>105.19426799999999</v>
      </c>
      <c r="K1120" s="27">
        <v>3641.6046080000001</v>
      </c>
      <c r="L1120" s="27">
        <v>98.035722000000007</v>
      </c>
    </row>
    <row r="1121" spans="2:12" x14ac:dyDescent="0.45">
      <c r="B1121" s="27">
        <v>3643.5334240000002</v>
      </c>
      <c r="C1121" s="27">
        <v>118.772535</v>
      </c>
      <c r="E1121" s="27">
        <v>3643.5334240000002</v>
      </c>
      <c r="F1121" s="27">
        <v>112.18375899999999</v>
      </c>
      <c r="H1121" s="27">
        <v>3643.5334240000002</v>
      </c>
      <c r="I1121" s="27">
        <v>105.201177</v>
      </c>
      <c r="K1121" s="27">
        <v>3643.5334240000002</v>
      </c>
      <c r="L1121" s="27">
        <v>98.033873</v>
      </c>
    </row>
    <row r="1122" spans="2:12" x14ac:dyDescent="0.45">
      <c r="B1122" s="27">
        <v>3645.4622399999998</v>
      </c>
      <c r="C1122" s="27">
        <v>118.686988</v>
      </c>
      <c r="E1122" s="27">
        <v>3645.4622399999998</v>
      </c>
      <c r="F1122" s="27">
        <v>112.157585</v>
      </c>
      <c r="H1122" s="27">
        <v>3645.4622399999998</v>
      </c>
      <c r="I1122" s="27">
        <v>105.076268</v>
      </c>
      <c r="K1122" s="27">
        <v>3645.4622399999998</v>
      </c>
      <c r="L1122" s="27">
        <v>97.833083000000002</v>
      </c>
    </row>
    <row r="1123" spans="2:12" x14ac:dyDescent="0.45">
      <c r="B1123" s="27">
        <v>3647.3910559999999</v>
      </c>
      <c r="C1123" s="27">
        <v>118.40856700000001</v>
      </c>
      <c r="E1123" s="27">
        <v>3647.3910559999999</v>
      </c>
      <c r="F1123" s="27">
        <v>112.167304</v>
      </c>
      <c r="H1123" s="27">
        <v>3647.3910559999999</v>
      </c>
      <c r="I1123" s="27">
        <v>104.820803</v>
      </c>
      <c r="K1123" s="27">
        <v>3647.3910559999999</v>
      </c>
      <c r="L1123" s="27">
        <v>97.766028000000006</v>
      </c>
    </row>
    <row r="1124" spans="2:12" x14ac:dyDescent="0.45">
      <c r="B1124" s="27">
        <v>3649.319872</v>
      </c>
      <c r="C1124" s="27">
        <v>118.187815</v>
      </c>
      <c r="E1124" s="27">
        <v>3649.319872</v>
      </c>
      <c r="F1124" s="27">
        <v>112.256395</v>
      </c>
      <c r="H1124" s="27">
        <v>3649.319872</v>
      </c>
      <c r="I1124" s="27">
        <v>104.83704400000001</v>
      </c>
      <c r="K1124" s="27">
        <v>3649.319872</v>
      </c>
      <c r="L1124" s="27">
        <v>97.948115999999999</v>
      </c>
    </row>
    <row r="1125" spans="2:12" x14ac:dyDescent="0.45">
      <c r="B1125" s="27">
        <v>3651.2486880000001</v>
      </c>
      <c r="C1125" s="27">
        <v>118.676923</v>
      </c>
      <c r="E1125" s="27">
        <v>3651.2486880000001</v>
      </c>
      <c r="F1125" s="27">
        <v>112.415836</v>
      </c>
      <c r="H1125" s="27">
        <v>3651.2486880000001</v>
      </c>
      <c r="I1125" s="27">
        <v>105.15337100000001</v>
      </c>
      <c r="K1125" s="27">
        <v>3651.2486880000001</v>
      </c>
      <c r="L1125" s="27">
        <v>98.143518</v>
      </c>
    </row>
    <row r="1126" spans="2:12" x14ac:dyDescent="0.45">
      <c r="B1126" s="27">
        <v>3653.1775040000002</v>
      </c>
      <c r="C1126" s="27">
        <v>118.93022999999999</v>
      </c>
      <c r="E1126" s="27">
        <v>3653.1775040000002</v>
      </c>
      <c r="F1126" s="27">
        <v>112.372612</v>
      </c>
      <c r="H1126" s="27">
        <v>3653.1775040000002</v>
      </c>
      <c r="I1126" s="27">
        <v>105.21071499999999</v>
      </c>
      <c r="K1126" s="27">
        <v>3653.1775040000002</v>
      </c>
      <c r="L1126" s="27">
        <v>98.140253000000001</v>
      </c>
    </row>
    <row r="1127" spans="2:12" x14ac:dyDescent="0.45">
      <c r="B1127" s="27">
        <v>3655.1063199999999</v>
      </c>
      <c r="C1127" s="27">
        <v>118.784949</v>
      </c>
      <c r="E1127" s="27">
        <v>3655.1063199999999</v>
      </c>
      <c r="F1127" s="27">
        <v>112.288701</v>
      </c>
      <c r="H1127" s="27">
        <v>3655.1063199999999</v>
      </c>
      <c r="I1127" s="27">
        <v>105.118562</v>
      </c>
      <c r="K1127" s="27">
        <v>3655.1063199999999</v>
      </c>
      <c r="L1127" s="27">
        <v>98.050129999999996</v>
      </c>
    </row>
    <row r="1128" spans="2:12" x14ac:dyDescent="0.45">
      <c r="B1128" s="27">
        <v>3657.035136</v>
      </c>
      <c r="C1128" s="27">
        <v>118.842698</v>
      </c>
      <c r="E1128" s="27">
        <v>3657.035136</v>
      </c>
      <c r="F1128" s="27">
        <v>112.281982</v>
      </c>
      <c r="H1128" s="27">
        <v>3657.035136</v>
      </c>
      <c r="I1128" s="27">
        <v>105.168606</v>
      </c>
      <c r="K1128" s="27">
        <v>3657.035136</v>
      </c>
      <c r="L1128" s="27">
        <v>98.231550999999996</v>
      </c>
    </row>
    <row r="1129" spans="2:12" x14ac:dyDescent="0.45">
      <c r="B1129" s="27">
        <v>3658.9639520000001</v>
      </c>
      <c r="C1129" s="27">
        <v>118.925074</v>
      </c>
      <c r="E1129" s="27">
        <v>3658.9639520000001</v>
      </c>
      <c r="F1129" s="27">
        <v>112.304925</v>
      </c>
      <c r="H1129" s="27">
        <v>3658.9639520000001</v>
      </c>
      <c r="I1129" s="27">
        <v>105.237842</v>
      </c>
      <c r="K1129" s="27">
        <v>3658.9639520000001</v>
      </c>
      <c r="L1129" s="27">
        <v>98.232560000000007</v>
      </c>
    </row>
    <row r="1130" spans="2:12" x14ac:dyDescent="0.45">
      <c r="B1130" s="27">
        <v>3660.8927680000002</v>
      </c>
      <c r="C1130" s="27">
        <v>118.8304</v>
      </c>
      <c r="E1130" s="27">
        <v>3660.8927680000002</v>
      </c>
      <c r="F1130" s="27">
        <v>112.306493</v>
      </c>
      <c r="H1130" s="27">
        <v>3660.8927680000002</v>
      </c>
      <c r="I1130" s="27">
        <v>105.24203199999999</v>
      </c>
      <c r="K1130" s="27">
        <v>3660.8927680000002</v>
      </c>
      <c r="L1130" s="27">
        <v>98.160377999999994</v>
      </c>
    </row>
    <row r="1131" spans="2:12" x14ac:dyDescent="0.45">
      <c r="B1131" s="27">
        <v>3662.8215839999998</v>
      </c>
      <c r="C1131" s="27">
        <v>118.811318</v>
      </c>
      <c r="E1131" s="27">
        <v>3662.8215839999998</v>
      </c>
      <c r="F1131" s="27">
        <v>112.256449</v>
      </c>
      <c r="H1131" s="27">
        <v>3662.8215839999998</v>
      </c>
      <c r="I1131" s="27">
        <v>105.28107</v>
      </c>
      <c r="K1131" s="27">
        <v>3662.8215839999998</v>
      </c>
      <c r="L1131" s="27">
        <v>98.250731000000002</v>
      </c>
    </row>
    <row r="1132" spans="2:12" x14ac:dyDescent="0.45">
      <c r="B1132" s="27">
        <v>3664.7503999999999</v>
      </c>
      <c r="C1132" s="27">
        <v>118.856227</v>
      </c>
      <c r="E1132" s="27">
        <v>3664.7503999999999</v>
      </c>
      <c r="F1132" s="27">
        <v>112.230912</v>
      </c>
      <c r="H1132" s="27">
        <v>3664.7503999999999</v>
      </c>
      <c r="I1132" s="27">
        <v>105.29027600000001</v>
      </c>
      <c r="K1132" s="27">
        <v>3664.7503999999999</v>
      </c>
      <c r="L1132" s="27">
        <v>98.225003000000001</v>
      </c>
    </row>
    <row r="1133" spans="2:12" x14ac:dyDescent="0.45">
      <c r="B1133" s="27">
        <v>3666.679216</v>
      </c>
      <c r="C1133" s="27">
        <v>118.77856300000001</v>
      </c>
      <c r="E1133" s="27">
        <v>3666.679216</v>
      </c>
      <c r="F1133" s="27">
        <v>112.21194199999999</v>
      </c>
      <c r="H1133" s="27">
        <v>3666.679216</v>
      </c>
      <c r="I1133" s="27">
        <v>105.23383200000001</v>
      </c>
      <c r="K1133" s="27">
        <v>3666.679216</v>
      </c>
      <c r="L1133" s="27">
        <v>98.031970000000001</v>
      </c>
    </row>
    <row r="1134" spans="2:12" x14ac:dyDescent="0.45">
      <c r="B1134" s="27">
        <v>3668.6080320000001</v>
      </c>
      <c r="C1134" s="27">
        <v>118.46826</v>
      </c>
      <c r="E1134" s="27">
        <v>3668.6080320000001</v>
      </c>
      <c r="F1134" s="27">
        <v>112.150953</v>
      </c>
      <c r="H1134" s="27">
        <v>3668.6080320000001</v>
      </c>
      <c r="I1134" s="27">
        <v>105.072614</v>
      </c>
      <c r="K1134" s="27">
        <v>3668.6080320000001</v>
      </c>
      <c r="L1134" s="27">
        <v>97.777195000000006</v>
      </c>
    </row>
    <row r="1135" spans="2:12" x14ac:dyDescent="0.45">
      <c r="B1135" s="27">
        <v>3670.5368480000002</v>
      </c>
      <c r="C1135" s="27">
        <v>118.57729399999999</v>
      </c>
      <c r="E1135" s="27">
        <v>3670.5368480000002</v>
      </c>
      <c r="F1135" s="27">
        <v>112.22050400000001</v>
      </c>
      <c r="H1135" s="27">
        <v>3670.5368480000002</v>
      </c>
      <c r="I1135" s="27">
        <v>105.068575</v>
      </c>
      <c r="K1135" s="27">
        <v>3670.5368480000002</v>
      </c>
      <c r="L1135" s="27">
        <v>97.971840999999998</v>
      </c>
    </row>
    <row r="1136" spans="2:12" x14ac:dyDescent="0.45">
      <c r="B1136" s="27">
        <v>3672.4656639999998</v>
      </c>
      <c r="C1136" s="27">
        <v>118.800298</v>
      </c>
      <c r="E1136" s="27">
        <v>3672.4656639999998</v>
      </c>
      <c r="F1136" s="27">
        <v>112.336871</v>
      </c>
      <c r="H1136" s="27">
        <v>3672.4656639999998</v>
      </c>
      <c r="I1136" s="27">
        <v>105.233801</v>
      </c>
      <c r="K1136" s="27">
        <v>3672.4656639999998</v>
      </c>
      <c r="L1136" s="27">
        <v>98.217000999999996</v>
      </c>
    </row>
    <row r="1137" spans="2:12" x14ac:dyDescent="0.45">
      <c r="B1137" s="27">
        <v>3674.3944799999999</v>
      </c>
      <c r="C1137" s="27">
        <v>118.49631599999999</v>
      </c>
      <c r="E1137" s="27">
        <v>3674.3944799999999</v>
      </c>
      <c r="F1137" s="27">
        <v>112.233892</v>
      </c>
      <c r="H1137" s="27">
        <v>3674.3944799999999</v>
      </c>
      <c r="I1137" s="27">
        <v>105.037363</v>
      </c>
      <c r="K1137" s="27">
        <v>3674.3944799999999</v>
      </c>
      <c r="L1137" s="27">
        <v>97.953371000000004</v>
      </c>
    </row>
    <row r="1138" spans="2:12" x14ac:dyDescent="0.45">
      <c r="B1138" s="27">
        <v>3676.323296</v>
      </c>
      <c r="C1138" s="27">
        <v>118.64055999999999</v>
      </c>
      <c r="E1138" s="27">
        <v>3676.323296</v>
      </c>
      <c r="F1138" s="27">
        <v>112.323103</v>
      </c>
      <c r="H1138" s="27">
        <v>3676.323296</v>
      </c>
      <c r="I1138" s="27">
        <v>104.956935</v>
      </c>
      <c r="K1138" s="27">
        <v>3676.323296</v>
      </c>
      <c r="L1138" s="27">
        <v>98.225479000000007</v>
      </c>
    </row>
    <row r="1139" spans="2:12" x14ac:dyDescent="0.45">
      <c r="B1139" s="27">
        <v>3678.2521120000001</v>
      </c>
      <c r="C1139" s="27">
        <v>118.77405400000001</v>
      </c>
      <c r="E1139" s="27">
        <v>3678.2521120000001</v>
      </c>
      <c r="F1139" s="27">
        <v>112.455603</v>
      </c>
      <c r="H1139" s="27">
        <v>3678.2521120000001</v>
      </c>
      <c r="I1139" s="27">
        <v>105.16160000000001</v>
      </c>
      <c r="K1139" s="27">
        <v>3678.2521120000001</v>
      </c>
      <c r="L1139" s="27">
        <v>98.279432</v>
      </c>
    </row>
    <row r="1140" spans="2:12" x14ac:dyDescent="0.45">
      <c r="B1140" s="27">
        <v>3680.1809280000002</v>
      </c>
      <c r="C1140" s="27">
        <v>118.779436</v>
      </c>
      <c r="E1140" s="27">
        <v>3680.1809280000002</v>
      </c>
      <c r="F1140" s="27">
        <v>112.493071</v>
      </c>
      <c r="H1140" s="27">
        <v>3680.1809280000002</v>
      </c>
      <c r="I1140" s="27">
        <v>105.224729</v>
      </c>
      <c r="K1140" s="27">
        <v>3680.1809280000002</v>
      </c>
      <c r="L1140" s="27">
        <v>98.193799999999996</v>
      </c>
    </row>
    <row r="1141" spans="2:12" x14ac:dyDescent="0.45">
      <c r="B1141" s="27">
        <v>3682.1097439999999</v>
      </c>
      <c r="C1141" s="27">
        <v>118.85217299999999</v>
      </c>
      <c r="E1141" s="27">
        <v>3682.1097439999999</v>
      </c>
      <c r="F1141" s="27">
        <v>112.382368</v>
      </c>
      <c r="H1141" s="27">
        <v>3682.1097439999999</v>
      </c>
      <c r="I1141" s="27">
        <v>105.275651</v>
      </c>
      <c r="K1141" s="27">
        <v>3682.1097439999999</v>
      </c>
      <c r="L1141" s="27">
        <v>98.212168000000005</v>
      </c>
    </row>
    <row r="1142" spans="2:12" x14ac:dyDescent="0.45">
      <c r="B1142" s="27">
        <v>3684.03856</v>
      </c>
      <c r="C1142" s="27">
        <v>118.827088</v>
      </c>
      <c r="E1142" s="27">
        <v>3684.03856</v>
      </c>
      <c r="F1142" s="27">
        <v>112.287649</v>
      </c>
      <c r="H1142" s="27">
        <v>3684.03856</v>
      </c>
      <c r="I1142" s="27">
        <v>105.32441300000001</v>
      </c>
      <c r="K1142" s="27">
        <v>3684.03856</v>
      </c>
      <c r="L1142" s="27">
        <v>98.174043999999995</v>
      </c>
    </row>
    <row r="1143" spans="2:12" x14ac:dyDescent="0.45">
      <c r="B1143" s="27">
        <v>3685.9673760000001</v>
      </c>
      <c r="C1143" s="27">
        <v>118.68334400000001</v>
      </c>
      <c r="E1143" s="27">
        <v>3685.9673760000001</v>
      </c>
      <c r="F1143" s="27">
        <v>112.27518000000001</v>
      </c>
      <c r="H1143" s="27">
        <v>3685.9673760000001</v>
      </c>
      <c r="I1143" s="27">
        <v>105.326964</v>
      </c>
      <c r="K1143" s="27">
        <v>3685.9673760000001</v>
      </c>
      <c r="L1143" s="27">
        <v>98.039862999999997</v>
      </c>
    </row>
    <row r="1144" spans="2:12" x14ac:dyDescent="0.45">
      <c r="B1144" s="27">
        <v>3687.8961920000002</v>
      </c>
      <c r="C1144" s="27">
        <v>118.476108</v>
      </c>
      <c r="E1144" s="27">
        <v>3687.8961920000002</v>
      </c>
      <c r="F1144" s="27">
        <v>112.32364699999999</v>
      </c>
      <c r="H1144" s="27">
        <v>3687.8961920000002</v>
      </c>
      <c r="I1144" s="27">
        <v>105.204189</v>
      </c>
      <c r="K1144" s="27">
        <v>3687.8961920000002</v>
      </c>
      <c r="L1144" s="27">
        <v>97.820266000000004</v>
      </c>
    </row>
    <row r="1145" spans="2:12" x14ac:dyDescent="0.45">
      <c r="B1145" s="27">
        <v>3689.8250079999998</v>
      </c>
      <c r="C1145" s="27">
        <v>118.674989</v>
      </c>
      <c r="E1145" s="27">
        <v>3689.8250079999998</v>
      </c>
      <c r="F1145" s="27">
        <v>112.341356</v>
      </c>
      <c r="H1145" s="27">
        <v>3689.8250079999998</v>
      </c>
      <c r="I1145" s="27">
        <v>105.193122</v>
      </c>
      <c r="K1145" s="27">
        <v>3689.8250079999998</v>
      </c>
      <c r="L1145" s="27">
        <v>97.927124000000006</v>
      </c>
    </row>
    <row r="1146" spans="2:12" x14ac:dyDescent="0.45">
      <c r="B1146" s="27">
        <v>3691.7538239999999</v>
      </c>
      <c r="C1146" s="27">
        <v>118.900567</v>
      </c>
      <c r="E1146" s="27">
        <v>3691.7538239999999</v>
      </c>
      <c r="F1146" s="27">
        <v>112.390028</v>
      </c>
      <c r="H1146" s="27">
        <v>3691.7538239999999</v>
      </c>
      <c r="I1146" s="27">
        <v>105.294299</v>
      </c>
      <c r="K1146" s="27">
        <v>3691.7538239999999</v>
      </c>
      <c r="L1146" s="27">
        <v>98.274236999999999</v>
      </c>
    </row>
    <row r="1147" spans="2:12" x14ac:dyDescent="0.45">
      <c r="B1147" s="27">
        <v>3693.68264</v>
      </c>
      <c r="C1147" s="27">
        <v>118.93539800000001</v>
      </c>
      <c r="E1147" s="27">
        <v>3693.68264</v>
      </c>
      <c r="F1147" s="27">
        <v>112.43255499999999</v>
      </c>
      <c r="H1147" s="27">
        <v>3693.68264</v>
      </c>
      <c r="I1147" s="27">
        <v>105.37562</v>
      </c>
      <c r="K1147" s="27">
        <v>3693.68264</v>
      </c>
      <c r="L1147" s="27">
        <v>98.358818999999997</v>
      </c>
    </row>
    <row r="1148" spans="2:12" x14ac:dyDescent="0.45">
      <c r="B1148" s="27">
        <v>3695.6114560000001</v>
      </c>
      <c r="C1148" s="27">
        <v>118.819399</v>
      </c>
      <c r="E1148" s="27">
        <v>3695.6114560000001</v>
      </c>
      <c r="F1148" s="27">
        <v>112.383556</v>
      </c>
      <c r="H1148" s="27">
        <v>3695.6114560000001</v>
      </c>
      <c r="I1148" s="27">
        <v>105.345843</v>
      </c>
      <c r="K1148" s="27">
        <v>3695.6114560000001</v>
      </c>
      <c r="L1148" s="27">
        <v>98.235535999999996</v>
      </c>
    </row>
    <row r="1149" spans="2:12" x14ac:dyDescent="0.45">
      <c r="B1149" s="27">
        <v>3697.5402720000002</v>
      </c>
      <c r="C1149" s="27">
        <v>118.763988</v>
      </c>
      <c r="E1149" s="27">
        <v>3697.5402720000002</v>
      </c>
      <c r="F1149" s="27">
        <v>112.386493</v>
      </c>
      <c r="H1149" s="27">
        <v>3697.5402720000002</v>
      </c>
      <c r="I1149" s="27">
        <v>105.291438</v>
      </c>
      <c r="K1149" s="27">
        <v>3697.5402720000002</v>
      </c>
      <c r="L1149" s="27">
        <v>98.170034000000001</v>
      </c>
    </row>
    <row r="1150" spans="2:12" x14ac:dyDescent="0.45">
      <c r="B1150" s="27">
        <v>3699.4690879999998</v>
      </c>
      <c r="C1150" s="27">
        <v>118.666434</v>
      </c>
      <c r="E1150" s="27">
        <v>3699.4690879999998</v>
      </c>
      <c r="F1150" s="27">
        <v>112.372747</v>
      </c>
      <c r="H1150" s="27">
        <v>3699.4690879999998</v>
      </c>
      <c r="I1150" s="27">
        <v>105.24717200000001</v>
      </c>
      <c r="K1150" s="27">
        <v>3699.4690879999998</v>
      </c>
      <c r="L1150" s="27">
        <v>98.131641000000002</v>
      </c>
    </row>
    <row r="1151" spans="2:12" x14ac:dyDescent="0.45">
      <c r="B1151" s="27">
        <v>3701.3979039999999</v>
      </c>
      <c r="C1151" s="27">
        <v>118.60239</v>
      </c>
      <c r="E1151" s="27">
        <v>3701.3979039999999</v>
      </c>
      <c r="F1151" s="27">
        <v>112.368877</v>
      </c>
      <c r="H1151" s="27">
        <v>3701.3979039999999</v>
      </c>
      <c r="I1151" s="27">
        <v>105.241387</v>
      </c>
      <c r="K1151" s="27">
        <v>3701.3979039999999</v>
      </c>
      <c r="L1151" s="27">
        <v>98.162450000000007</v>
      </c>
    </row>
    <row r="1152" spans="2:12" x14ac:dyDescent="0.45">
      <c r="B1152" s="27">
        <v>3703.32672</v>
      </c>
      <c r="C1152" s="27">
        <v>118.730594</v>
      </c>
      <c r="E1152" s="27">
        <v>3703.32672</v>
      </c>
      <c r="F1152" s="27">
        <v>112.434169</v>
      </c>
      <c r="H1152" s="27">
        <v>3703.32672</v>
      </c>
      <c r="I1152" s="27">
        <v>105.292616</v>
      </c>
      <c r="K1152" s="27">
        <v>3703.32672</v>
      </c>
      <c r="L1152" s="27">
        <v>98.342519999999993</v>
      </c>
    </row>
    <row r="1153" spans="2:12" x14ac:dyDescent="0.45">
      <c r="B1153" s="27">
        <v>3705.2555360000001</v>
      </c>
      <c r="C1153" s="27">
        <v>118.797934</v>
      </c>
      <c r="E1153" s="27">
        <v>3705.2555360000001</v>
      </c>
      <c r="F1153" s="27">
        <v>112.42910000000001</v>
      </c>
      <c r="H1153" s="27">
        <v>3705.2555360000001</v>
      </c>
      <c r="I1153" s="27">
        <v>105.335227</v>
      </c>
      <c r="K1153" s="27">
        <v>3705.2555360000001</v>
      </c>
      <c r="L1153" s="27">
        <v>98.306572000000003</v>
      </c>
    </row>
    <row r="1154" spans="2:12" x14ac:dyDescent="0.45">
      <c r="B1154" s="27">
        <v>3707.1843520000002</v>
      </c>
      <c r="C1154" s="27">
        <v>118.74564700000001</v>
      </c>
      <c r="E1154" s="27">
        <v>3707.1843520000002</v>
      </c>
      <c r="F1154" s="27">
        <v>112.335893</v>
      </c>
      <c r="H1154" s="27">
        <v>3707.1843520000002</v>
      </c>
      <c r="I1154" s="27">
        <v>105.28503600000001</v>
      </c>
      <c r="K1154" s="27">
        <v>3707.1843520000002</v>
      </c>
      <c r="L1154" s="27">
        <v>98.142810999999995</v>
      </c>
    </row>
    <row r="1155" spans="2:12" x14ac:dyDescent="0.45">
      <c r="B1155" s="27">
        <v>3709.1131679999999</v>
      </c>
      <c r="C1155" s="27">
        <v>118.622602</v>
      </c>
      <c r="E1155" s="27">
        <v>3709.1131679999999</v>
      </c>
      <c r="F1155" s="27">
        <v>112.235834</v>
      </c>
      <c r="H1155" s="27">
        <v>3709.1131679999999</v>
      </c>
      <c r="I1155" s="27">
        <v>105.177879</v>
      </c>
      <c r="K1155" s="27">
        <v>3709.1131679999999</v>
      </c>
      <c r="L1155" s="27">
        <v>97.965980999999999</v>
      </c>
    </row>
    <row r="1156" spans="2:12" x14ac:dyDescent="0.45">
      <c r="B1156" s="27">
        <v>3711.041984</v>
      </c>
      <c r="C1156" s="27">
        <v>118.585178</v>
      </c>
      <c r="E1156" s="27">
        <v>3711.041984</v>
      </c>
      <c r="F1156" s="27">
        <v>112.248041</v>
      </c>
      <c r="H1156" s="27">
        <v>3711.041984</v>
      </c>
      <c r="I1156" s="27">
        <v>105.132983</v>
      </c>
      <c r="K1156" s="27">
        <v>3711.041984</v>
      </c>
      <c r="L1156" s="27">
        <v>98.065513999999993</v>
      </c>
    </row>
    <row r="1157" spans="2:12" x14ac:dyDescent="0.45">
      <c r="B1157" s="27">
        <v>3712.9708000000001</v>
      </c>
      <c r="C1157" s="27">
        <v>118.751266</v>
      </c>
      <c r="E1157" s="27">
        <v>3712.9708000000001</v>
      </c>
      <c r="F1157" s="27">
        <v>112.491044</v>
      </c>
      <c r="H1157" s="27">
        <v>3712.9708000000001</v>
      </c>
      <c r="I1157" s="27">
        <v>105.23428</v>
      </c>
      <c r="K1157" s="27">
        <v>3712.9708000000001</v>
      </c>
      <c r="L1157" s="27">
        <v>98.298604999999995</v>
      </c>
    </row>
    <row r="1158" spans="2:12" x14ac:dyDescent="0.45">
      <c r="B1158" s="27">
        <v>3714.8996160000002</v>
      </c>
      <c r="C1158" s="27">
        <v>118.843481</v>
      </c>
      <c r="E1158" s="27">
        <v>3714.8996160000002</v>
      </c>
      <c r="F1158" s="27">
        <v>112.52909</v>
      </c>
      <c r="H1158" s="27">
        <v>3714.8996160000002</v>
      </c>
      <c r="I1158" s="27">
        <v>105.30843299999999</v>
      </c>
      <c r="K1158" s="27">
        <v>3714.8996160000002</v>
      </c>
      <c r="L1158" s="27">
        <v>98.355530000000002</v>
      </c>
    </row>
    <row r="1159" spans="2:12" x14ac:dyDescent="0.45">
      <c r="B1159" s="27">
        <v>3716.8284319999998</v>
      </c>
      <c r="C1159" s="27">
        <v>118.842708</v>
      </c>
      <c r="E1159" s="27">
        <v>3716.8284319999998</v>
      </c>
      <c r="F1159" s="27">
        <v>112.41233099999999</v>
      </c>
      <c r="H1159" s="27">
        <v>3716.8284319999998</v>
      </c>
      <c r="I1159" s="27">
        <v>105.319714</v>
      </c>
      <c r="K1159" s="27">
        <v>3716.8284319999998</v>
      </c>
      <c r="L1159" s="27">
        <v>98.283364000000006</v>
      </c>
    </row>
    <row r="1160" spans="2:12" x14ac:dyDescent="0.45">
      <c r="B1160" s="27">
        <v>3718.7572479999999</v>
      </c>
      <c r="C1160" s="27">
        <v>118.769001</v>
      </c>
      <c r="E1160" s="27">
        <v>3718.7572479999999</v>
      </c>
      <c r="F1160" s="27">
        <v>112.363868</v>
      </c>
      <c r="H1160" s="27">
        <v>3718.7572479999999</v>
      </c>
      <c r="I1160" s="27">
        <v>105.29441199999999</v>
      </c>
      <c r="K1160" s="27">
        <v>3718.7572479999999</v>
      </c>
      <c r="L1160" s="27">
        <v>98.190670999999995</v>
      </c>
    </row>
    <row r="1161" spans="2:12" x14ac:dyDescent="0.45">
      <c r="B1161" s="27">
        <v>3720.686064</v>
      </c>
      <c r="C1161" s="27">
        <v>118.751302</v>
      </c>
      <c r="E1161" s="27">
        <v>3720.686064</v>
      </c>
      <c r="F1161" s="27">
        <v>112.335143</v>
      </c>
      <c r="H1161" s="27">
        <v>3720.686064</v>
      </c>
      <c r="I1161" s="27">
        <v>105.254379</v>
      </c>
      <c r="K1161" s="27">
        <v>3720.686064</v>
      </c>
      <c r="L1161" s="27">
        <v>98.028559000000001</v>
      </c>
    </row>
    <row r="1162" spans="2:12" x14ac:dyDescent="0.45">
      <c r="B1162" s="27">
        <v>3722.6148800000001</v>
      </c>
      <c r="C1162" s="27">
        <v>118.739076</v>
      </c>
      <c r="E1162" s="27">
        <v>3722.6148800000001</v>
      </c>
      <c r="F1162" s="27">
        <v>112.33989800000001</v>
      </c>
      <c r="H1162" s="27">
        <v>3722.6148800000001</v>
      </c>
      <c r="I1162" s="27">
        <v>105.18235300000001</v>
      </c>
      <c r="K1162" s="27">
        <v>3722.6148800000001</v>
      </c>
      <c r="L1162" s="27">
        <v>98.079848999999996</v>
      </c>
    </row>
    <row r="1163" spans="2:12" x14ac:dyDescent="0.45">
      <c r="B1163" s="27">
        <v>3724.5436960000002</v>
      </c>
      <c r="C1163" s="27">
        <v>118.601122</v>
      </c>
      <c r="E1163" s="27">
        <v>3724.5436960000002</v>
      </c>
      <c r="F1163" s="27">
        <v>112.383583</v>
      </c>
      <c r="H1163" s="27">
        <v>3724.5436960000002</v>
      </c>
      <c r="I1163" s="27">
        <v>105.125719</v>
      </c>
      <c r="K1163" s="27">
        <v>3724.5436960000002</v>
      </c>
      <c r="L1163" s="27">
        <v>98.143771999999998</v>
      </c>
    </row>
    <row r="1164" spans="2:12" x14ac:dyDescent="0.45">
      <c r="B1164" s="27">
        <v>3726.4725119999998</v>
      </c>
      <c r="C1164" s="27">
        <v>118.535758</v>
      </c>
      <c r="E1164" s="27">
        <v>3726.4725119999998</v>
      </c>
      <c r="F1164" s="27">
        <v>112.401195</v>
      </c>
      <c r="H1164" s="27">
        <v>3726.4725119999998</v>
      </c>
      <c r="I1164" s="27">
        <v>105.15105699999999</v>
      </c>
      <c r="K1164" s="27">
        <v>3726.4725119999998</v>
      </c>
      <c r="L1164" s="27">
        <v>98.118797000000001</v>
      </c>
    </row>
    <row r="1165" spans="2:12" x14ac:dyDescent="0.45">
      <c r="B1165" s="27">
        <v>3728.4013279999999</v>
      </c>
      <c r="C1165" s="27">
        <v>118.73503700000001</v>
      </c>
      <c r="E1165" s="27">
        <v>3728.4013279999999</v>
      </c>
      <c r="F1165" s="27">
        <v>112.347286</v>
      </c>
      <c r="H1165" s="27">
        <v>3728.4013279999999</v>
      </c>
      <c r="I1165" s="27">
        <v>105.25019399999999</v>
      </c>
      <c r="K1165" s="27">
        <v>3728.4013279999999</v>
      </c>
      <c r="L1165" s="27">
        <v>98.200053999999994</v>
      </c>
    </row>
    <row r="1166" spans="2:12" x14ac:dyDescent="0.45">
      <c r="B1166" s="27">
        <v>3730.330144</v>
      </c>
      <c r="C1166" s="27">
        <v>118.653357</v>
      </c>
      <c r="E1166" s="27">
        <v>3730.330144</v>
      </c>
      <c r="F1166" s="27">
        <v>112.23789499999999</v>
      </c>
      <c r="H1166" s="27">
        <v>3730.330144</v>
      </c>
      <c r="I1166" s="27">
        <v>105.200434</v>
      </c>
      <c r="K1166" s="27">
        <v>3730.330144</v>
      </c>
      <c r="L1166" s="27">
        <v>98.141379000000001</v>
      </c>
    </row>
    <row r="1167" spans="2:12" x14ac:dyDescent="0.45">
      <c r="B1167" s="27">
        <v>3732.2589600000001</v>
      </c>
      <c r="C1167" s="27">
        <v>118.453535</v>
      </c>
      <c r="E1167" s="27">
        <v>3732.2589600000001</v>
      </c>
      <c r="F1167" s="27">
        <v>112.161843</v>
      </c>
      <c r="H1167" s="27">
        <v>3732.2589600000001</v>
      </c>
      <c r="I1167" s="27">
        <v>105.103098</v>
      </c>
      <c r="K1167" s="27">
        <v>3732.2589600000001</v>
      </c>
      <c r="L1167" s="27">
        <v>98.079168999999993</v>
      </c>
    </row>
    <row r="1168" spans="2:12" x14ac:dyDescent="0.45">
      <c r="B1168" s="27">
        <v>3734.1877760000002</v>
      </c>
      <c r="C1168" s="27">
        <v>118.284843</v>
      </c>
      <c r="E1168" s="27">
        <v>3734.1877760000002</v>
      </c>
      <c r="F1168" s="27">
        <v>112.053387</v>
      </c>
      <c r="H1168" s="27">
        <v>3734.1877760000002</v>
      </c>
      <c r="I1168" s="27">
        <v>105.012503</v>
      </c>
      <c r="K1168" s="27">
        <v>3734.1877760000002</v>
      </c>
      <c r="L1168" s="27">
        <v>97.866667000000007</v>
      </c>
    </row>
    <row r="1169" spans="2:12" x14ac:dyDescent="0.45">
      <c r="B1169" s="27">
        <v>3736.1165919999999</v>
      </c>
      <c r="C1169" s="27">
        <v>118.332519</v>
      </c>
      <c r="E1169" s="27">
        <v>3736.1165919999999</v>
      </c>
      <c r="F1169" s="27">
        <v>112.18094600000001</v>
      </c>
      <c r="H1169" s="27">
        <v>3736.1165919999999</v>
      </c>
      <c r="I1169" s="27">
        <v>105.00201199999999</v>
      </c>
      <c r="K1169" s="27">
        <v>3736.1165919999999</v>
      </c>
      <c r="L1169" s="27">
        <v>97.905938000000006</v>
      </c>
    </row>
    <row r="1170" spans="2:12" x14ac:dyDescent="0.45">
      <c r="B1170" s="27">
        <v>3738.045408</v>
      </c>
      <c r="C1170" s="27">
        <v>118.642628</v>
      </c>
      <c r="E1170" s="27">
        <v>3738.045408</v>
      </c>
      <c r="F1170" s="27">
        <v>112.472516</v>
      </c>
      <c r="H1170" s="27">
        <v>3738.045408</v>
      </c>
      <c r="I1170" s="27">
        <v>105.21973199999999</v>
      </c>
      <c r="K1170" s="27">
        <v>3738.045408</v>
      </c>
      <c r="L1170" s="27">
        <v>98.200676000000001</v>
      </c>
    </row>
    <row r="1171" spans="2:12" x14ac:dyDescent="0.45">
      <c r="B1171" s="27">
        <v>3739.974224</v>
      </c>
      <c r="C1171" s="27">
        <v>118.62398</v>
      </c>
      <c r="E1171" s="27">
        <v>3739.974224</v>
      </c>
      <c r="F1171" s="27">
        <v>112.445258</v>
      </c>
      <c r="H1171" s="27">
        <v>3739.974224</v>
      </c>
      <c r="I1171" s="27">
        <v>105.24713</v>
      </c>
      <c r="K1171" s="27">
        <v>3739.974224</v>
      </c>
      <c r="L1171" s="27">
        <v>98.149640000000005</v>
      </c>
    </row>
    <row r="1172" spans="2:12" x14ac:dyDescent="0.45">
      <c r="B1172" s="27">
        <v>3741.9030400000001</v>
      </c>
      <c r="C1172" s="27">
        <v>118.455397</v>
      </c>
      <c r="E1172" s="27">
        <v>3741.9030400000001</v>
      </c>
      <c r="F1172" s="27">
        <v>112.29351800000001</v>
      </c>
      <c r="H1172" s="27">
        <v>3741.9030400000001</v>
      </c>
      <c r="I1172" s="27">
        <v>105.117097</v>
      </c>
      <c r="K1172" s="27">
        <v>3741.9030400000001</v>
      </c>
      <c r="L1172" s="27">
        <v>98.011274</v>
      </c>
    </row>
    <row r="1173" spans="2:12" x14ac:dyDescent="0.45">
      <c r="B1173" s="27">
        <v>3743.8318559999998</v>
      </c>
      <c r="C1173" s="27">
        <v>118.00256899999999</v>
      </c>
      <c r="E1173" s="27">
        <v>3743.8318559999998</v>
      </c>
      <c r="F1173" s="27">
        <v>112.112343</v>
      </c>
      <c r="H1173" s="27">
        <v>3743.8318559999998</v>
      </c>
      <c r="I1173" s="27">
        <v>104.908788</v>
      </c>
      <c r="K1173" s="27">
        <v>3743.8318559999998</v>
      </c>
      <c r="L1173" s="27">
        <v>97.730767999999998</v>
      </c>
    </row>
    <row r="1174" spans="2:12" x14ac:dyDescent="0.45">
      <c r="B1174" s="27">
        <v>3745.7606719999999</v>
      </c>
      <c r="C1174" s="27">
        <v>117.887365</v>
      </c>
      <c r="E1174" s="27">
        <v>3745.7606719999999</v>
      </c>
      <c r="F1174" s="27">
        <v>112.23885900000001</v>
      </c>
      <c r="H1174" s="27">
        <v>3745.7606719999999</v>
      </c>
      <c r="I1174" s="27">
        <v>105.139405</v>
      </c>
      <c r="K1174" s="27">
        <v>3745.7606719999999</v>
      </c>
      <c r="L1174" s="27">
        <v>98.074742000000001</v>
      </c>
    </row>
    <row r="1175" spans="2:12" x14ac:dyDescent="0.45">
      <c r="B1175" s="27">
        <v>3747.689488</v>
      </c>
      <c r="C1175" s="27">
        <v>117.939937</v>
      </c>
      <c r="E1175" s="27">
        <v>3747.689488</v>
      </c>
      <c r="F1175" s="27">
        <v>112.25607599999999</v>
      </c>
      <c r="H1175" s="27">
        <v>3747.689488</v>
      </c>
      <c r="I1175" s="27">
        <v>105.176979</v>
      </c>
      <c r="K1175" s="27">
        <v>3747.689488</v>
      </c>
      <c r="L1175" s="27">
        <v>98.183076</v>
      </c>
    </row>
    <row r="1176" spans="2:12" x14ac:dyDescent="0.45">
      <c r="B1176" s="27">
        <v>3749.6183040000001</v>
      </c>
      <c r="C1176" s="27">
        <v>117.965613</v>
      </c>
      <c r="E1176" s="27">
        <v>3749.6183040000001</v>
      </c>
      <c r="F1176" s="27">
        <v>112.186401</v>
      </c>
      <c r="H1176" s="27">
        <v>3749.6183040000001</v>
      </c>
      <c r="I1176" s="27">
        <v>104.91668300000001</v>
      </c>
      <c r="K1176" s="27">
        <v>3749.6183040000001</v>
      </c>
      <c r="L1176" s="27">
        <v>98.060872000000003</v>
      </c>
    </row>
    <row r="1177" spans="2:12" x14ac:dyDescent="0.45">
      <c r="B1177" s="27">
        <v>3751.5471200000002</v>
      </c>
      <c r="C1177" s="27">
        <v>118.251706</v>
      </c>
      <c r="E1177" s="27">
        <v>3751.5471200000002</v>
      </c>
      <c r="F1177" s="27">
        <v>112.330337</v>
      </c>
      <c r="H1177" s="27">
        <v>3751.5471200000002</v>
      </c>
      <c r="I1177" s="27">
        <v>104.99085100000001</v>
      </c>
      <c r="K1177" s="27">
        <v>3751.5471200000002</v>
      </c>
      <c r="L1177" s="27">
        <v>98.305018000000004</v>
      </c>
    </row>
    <row r="1178" spans="2:12" x14ac:dyDescent="0.45">
      <c r="B1178" s="27">
        <v>3753.4759359999998</v>
      </c>
      <c r="C1178" s="27">
        <v>118.79890399999999</v>
      </c>
      <c r="E1178" s="27">
        <v>3753.4759359999998</v>
      </c>
      <c r="F1178" s="27">
        <v>112.477502</v>
      </c>
      <c r="H1178" s="27">
        <v>3753.4759359999998</v>
      </c>
      <c r="I1178" s="27">
        <v>105.34448399999999</v>
      </c>
      <c r="K1178" s="27">
        <v>3753.4759359999998</v>
      </c>
      <c r="L1178" s="27">
        <v>98.407674</v>
      </c>
    </row>
    <row r="1179" spans="2:12" x14ac:dyDescent="0.45">
      <c r="B1179" s="27">
        <v>3755.4047519999999</v>
      </c>
      <c r="C1179" s="27">
        <v>119.018683</v>
      </c>
      <c r="E1179" s="27">
        <v>3755.4047519999999</v>
      </c>
      <c r="F1179" s="27">
        <v>112.449178</v>
      </c>
      <c r="H1179" s="27">
        <v>3755.4047519999999</v>
      </c>
      <c r="I1179" s="27">
        <v>105.348933</v>
      </c>
      <c r="K1179" s="27">
        <v>3755.4047519999999</v>
      </c>
      <c r="L1179" s="27">
        <v>98.237981000000005</v>
      </c>
    </row>
    <row r="1180" spans="2:12" x14ac:dyDescent="0.45">
      <c r="B1180" s="27">
        <v>3757.333568</v>
      </c>
      <c r="C1180" s="27">
        <v>118.961811</v>
      </c>
      <c r="E1180" s="27">
        <v>3757.333568</v>
      </c>
      <c r="F1180" s="27">
        <v>112.37231800000001</v>
      </c>
      <c r="H1180" s="27">
        <v>3757.333568</v>
      </c>
      <c r="I1180" s="27">
        <v>105.25451099999999</v>
      </c>
      <c r="K1180" s="27">
        <v>3757.333568</v>
      </c>
      <c r="L1180" s="27">
        <v>98.038347999999999</v>
      </c>
    </row>
    <row r="1181" spans="2:12" x14ac:dyDescent="0.45">
      <c r="B1181" s="27">
        <v>3759.2623840000001</v>
      </c>
      <c r="C1181" s="27">
        <v>118.790666</v>
      </c>
      <c r="E1181" s="27">
        <v>3759.2623840000001</v>
      </c>
      <c r="F1181" s="27">
        <v>112.3419</v>
      </c>
      <c r="H1181" s="27">
        <v>3759.2623840000001</v>
      </c>
      <c r="I1181" s="27">
        <v>105.212143</v>
      </c>
      <c r="K1181" s="27">
        <v>3759.2623840000001</v>
      </c>
      <c r="L1181" s="27">
        <v>97.985011999999998</v>
      </c>
    </row>
    <row r="1182" spans="2:12" x14ac:dyDescent="0.45">
      <c r="B1182" s="27">
        <v>3761.1912000000002</v>
      </c>
      <c r="C1182" s="27">
        <v>118.84489000000001</v>
      </c>
      <c r="E1182" s="27">
        <v>3761.1912000000002</v>
      </c>
      <c r="F1182" s="27">
        <v>112.409323</v>
      </c>
      <c r="H1182" s="27">
        <v>3761.1912000000002</v>
      </c>
      <c r="I1182" s="27">
        <v>105.24260700000001</v>
      </c>
      <c r="K1182" s="27">
        <v>3761.1912000000002</v>
      </c>
      <c r="L1182" s="27">
        <v>98.290632000000002</v>
      </c>
    </row>
    <row r="1183" spans="2:12" x14ac:dyDescent="0.45">
      <c r="B1183" s="27">
        <v>3763.1200159999999</v>
      </c>
      <c r="C1183" s="27">
        <v>118.903606</v>
      </c>
      <c r="E1183" s="27">
        <v>3763.1200159999999</v>
      </c>
      <c r="F1183" s="27">
        <v>112.427001</v>
      </c>
      <c r="H1183" s="27">
        <v>3763.1200159999999</v>
      </c>
      <c r="I1183" s="27">
        <v>105.285951</v>
      </c>
      <c r="K1183" s="27">
        <v>3763.1200159999999</v>
      </c>
      <c r="L1183" s="27">
        <v>98.366403000000005</v>
      </c>
    </row>
    <row r="1184" spans="2:12" x14ac:dyDescent="0.45">
      <c r="B1184" s="27">
        <v>3765.0488319999999</v>
      </c>
      <c r="C1184" s="27">
        <v>118.883769</v>
      </c>
      <c r="E1184" s="27">
        <v>3765.0488319999999</v>
      </c>
      <c r="F1184" s="27">
        <v>112.373465</v>
      </c>
      <c r="H1184" s="27">
        <v>3765.0488319999999</v>
      </c>
      <c r="I1184" s="27">
        <v>105.22765099999999</v>
      </c>
      <c r="K1184" s="27">
        <v>3765.0488319999999</v>
      </c>
      <c r="L1184" s="27">
        <v>98.268775000000005</v>
      </c>
    </row>
    <row r="1185" spans="2:12" x14ac:dyDescent="0.45">
      <c r="B1185" s="27">
        <v>3766.977648</v>
      </c>
      <c r="C1185" s="27">
        <v>118.92492300000001</v>
      </c>
      <c r="E1185" s="27">
        <v>3766.977648</v>
      </c>
      <c r="F1185" s="27">
        <v>112.32686099999999</v>
      </c>
      <c r="H1185" s="27">
        <v>3766.977648</v>
      </c>
      <c r="I1185" s="27">
        <v>105.247364</v>
      </c>
      <c r="K1185" s="27">
        <v>3766.977648</v>
      </c>
      <c r="L1185" s="27">
        <v>98.185081999999994</v>
      </c>
    </row>
    <row r="1186" spans="2:12" x14ac:dyDescent="0.45">
      <c r="B1186" s="27">
        <v>3768.9064640000001</v>
      </c>
      <c r="C1186" s="27">
        <v>118.84169199999999</v>
      </c>
      <c r="E1186" s="27">
        <v>3768.9064640000001</v>
      </c>
      <c r="F1186" s="27">
        <v>112.329426</v>
      </c>
      <c r="H1186" s="27">
        <v>3768.9064640000001</v>
      </c>
      <c r="I1186" s="27">
        <v>105.21719299999999</v>
      </c>
      <c r="K1186" s="27">
        <v>3768.9064640000001</v>
      </c>
      <c r="L1186" s="27">
        <v>97.989744000000002</v>
      </c>
    </row>
    <row r="1187" spans="2:12" x14ac:dyDescent="0.45">
      <c r="B1187" s="27">
        <v>3770.8352799999998</v>
      </c>
      <c r="C1187" s="27">
        <v>118.934558</v>
      </c>
      <c r="E1187" s="27">
        <v>3770.8352799999998</v>
      </c>
      <c r="F1187" s="27">
        <v>112.401946</v>
      </c>
      <c r="H1187" s="27">
        <v>3770.8352799999998</v>
      </c>
      <c r="I1187" s="27">
        <v>105.227508</v>
      </c>
      <c r="K1187" s="27">
        <v>3770.8352799999998</v>
      </c>
      <c r="L1187" s="27">
        <v>98.166652999999997</v>
      </c>
    </row>
    <row r="1188" spans="2:12" x14ac:dyDescent="0.45">
      <c r="B1188" s="27">
        <v>3772.7640959999999</v>
      </c>
      <c r="C1188" s="27">
        <v>118.934969</v>
      </c>
      <c r="E1188" s="27">
        <v>3772.7640959999999</v>
      </c>
      <c r="F1188" s="27">
        <v>112.39501300000001</v>
      </c>
      <c r="H1188" s="27">
        <v>3772.7640959999999</v>
      </c>
      <c r="I1188" s="27">
        <v>105.29257800000001</v>
      </c>
      <c r="K1188" s="27">
        <v>3772.7640959999999</v>
      </c>
      <c r="L1188" s="27">
        <v>98.215151000000006</v>
      </c>
    </row>
    <row r="1189" spans="2:12" x14ac:dyDescent="0.45">
      <c r="B1189" s="27">
        <v>3774.692912</v>
      </c>
      <c r="C1189" s="27">
        <v>118.84786800000001</v>
      </c>
      <c r="E1189" s="27">
        <v>3774.692912</v>
      </c>
      <c r="F1189" s="27">
        <v>112.335847</v>
      </c>
      <c r="H1189" s="27">
        <v>3774.692912</v>
      </c>
      <c r="I1189" s="27">
        <v>105.315794</v>
      </c>
      <c r="K1189" s="27">
        <v>3774.692912</v>
      </c>
      <c r="L1189" s="27">
        <v>98.195622</v>
      </c>
    </row>
    <row r="1190" spans="2:12" x14ac:dyDescent="0.45">
      <c r="B1190" s="27">
        <v>3776.6217280000001</v>
      </c>
      <c r="C1190" s="27">
        <v>118.838019</v>
      </c>
      <c r="E1190" s="27">
        <v>3776.6217280000001</v>
      </c>
      <c r="F1190" s="27">
        <v>112.301101</v>
      </c>
      <c r="H1190" s="27">
        <v>3776.6217280000001</v>
      </c>
      <c r="I1190" s="27">
        <v>105.274209</v>
      </c>
      <c r="K1190" s="27">
        <v>3776.6217280000001</v>
      </c>
      <c r="L1190" s="27">
        <v>98.159518000000006</v>
      </c>
    </row>
    <row r="1191" spans="2:12" x14ac:dyDescent="0.45">
      <c r="B1191" s="27">
        <v>3778.5505440000002</v>
      </c>
      <c r="C1191" s="27">
        <v>118.875004</v>
      </c>
      <c r="E1191" s="27">
        <v>3778.5505440000002</v>
      </c>
      <c r="F1191" s="27">
        <v>112.319025</v>
      </c>
      <c r="H1191" s="27">
        <v>3778.5505440000002</v>
      </c>
      <c r="I1191" s="27">
        <v>105.24396400000001</v>
      </c>
      <c r="K1191" s="27">
        <v>3778.5505440000002</v>
      </c>
      <c r="L1191" s="27">
        <v>98.049048999999997</v>
      </c>
    </row>
    <row r="1192" spans="2:12" x14ac:dyDescent="0.45">
      <c r="B1192" s="27">
        <v>3780.4793599999998</v>
      </c>
      <c r="C1192" s="27">
        <v>118.972493</v>
      </c>
      <c r="E1192" s="27">
        <v>3780.4793599999998</v>
      </c>
      <c r="F1192" s="27">
        <v>112.410507</v>
      </c>
      <c r="H1192" s="27">
        <v>3780.4793599999998</v>
      </c>
      <c r="I1192" s="27">
        <v>105.379226</v>
      </c>
      <c r="K1192" s="27">
        <v>3780.4793599999998</v>
      </c>
      <c r="L1192" s="27">
        <v>98.170067000000003</v>
      </c>
    </row>
    <row r="1193" spans="2:12" x14ac:dyDescent="0.45">
      <c r="B1193" s="27">
        <v>3782.4081759999999</v>
      </c>
      <c r="C1193" s="27">
        <v>118.924194</v>
      </c>
      <c r="E1193" s="27">
        <v>3782.4081759999999</v>
      </c>
      <c r="F1193" s="27">
        <v>112.402205</v>
      </c>
      <c r="H1193" s="27">
        <v>3782.4081759999999</v>
      </c>
      <c r="I1193" s="27">
        <v>105.378788</v>
      </c>
      <c r="K1193" s="27">
        <v>3782.4081759999999</v>
      </c>
      <c r="L1193" s="27">
        <v>98.189642000000006</v>
      </c>
    </row>
    <row r="1194" spans="2:12" x14ac:dyDescent="0.45">
      <c r="B1194" s="27">
        <v>3784.336992</v>
      </c>
      <c r="C1194" s="27">
        <v>118.916588</v>
      </c>
      <c r="E1194" s="27">
        <v>3784.336992</v>
      </c>
      <c r="F1194" s="27">
        <v>112.352903</v>
      </c>
      <c r="H1194" s="27">
        <v>3784.336992</v>
      </c>
      <c r="I1194" s="27">
        <v>105.27642</v>
      </c>
      <c r="K1194" s="27">
        <v>3784.336992</v>
      </c>
      <c r="L1194" s="27">
        <v>98.184076000000005</v>
      </c>
    </row>
    <row r="1195" spans="2:12" x14ac:dyDescent="0.45">
      <c r="B1195" s="27">
        <v>3786.2658080000001</v>
      </c>
      <c r="C1195" s="27">
        <v>119.006389</v>
      </c>
      <c r="E1195" s="27">
        <v>3786.2658080000001</v>
      </c>
      <c r="F1195" s="27">
        <v>112.4</v>
      </c>
      <c r="H1195" s="27">
        <v>3786.2658080000001</v>
      </c>
      <c r="I1195" s="27">
        <v>105.269288</v>
      </c>
      <c r="K1195" s="27">
        <v>3786.2658080000001</v>
      </c>
      <c r="L1195" s="27">
        <v>98.272836999999996</v>
      </c>
    </row>
    <row r="1196" spans="2:12" x14ac:dyDescent="0.45">
      <c r="B1196" s="27">
        <v>3788.1946240000002</v>
      </c>
      <c r="C1196" s="27">
        <v>118.984094</v>
      </c>
      <c r="E1196" s="27">
        <v>3788.1946240000002</v>
      </c>
      <c r="F1196" s="27">
        <v>112.35929299999999</v>
      </c>
      <c r="H1196" s="27">
        <v>3788.1946240000002</v>
      </c>
      <c r="I1196" s="27">
        <v>105.282425</v>
      </c>
      <c r="K1196" s="27">
        <v>3788.1946240000002</v>
      </c>
      <c r="L1196" s="27">
        <v>98.278572999999994</v>
      </c>
    </row>
    <row r="1197" spans="2:12" x14ac:dyDescent="0.45">
      <c r="B1197" s="27">
        <v>3790.1234399999998</v>
      </c>
      <c r="C1197" s="27">
        <v>118.935106</v>
      </c>
      <c r="E1197" s="27">
        <v>3790.1234399999998</v>
      </c>
      <c r="F1197" s="27">
        <v>112.324234</v>
      </c>
      <c r="H1197" s="27">
        <v>3790.1234399999998</v>
      </c>
      <c r="I1197" s="27">
        <v>105.290753</v>
      </c>
      <c r="K1197" s="27">
        <v>3790.1234399999998</v>
      </c>
      <c r="L1197" s="27">
        <v>98.210418000000004</v>
      </c>
    </row>
    <row r="1198" spans="2:12" x14ac:dyDescent="0.45">
      <c r="B1198" s="27">
        <v>3792.0522559999999</v>
      </c>
      <c r="C1198" s="27">
        <v>118.892831</v>
      </c>
      <c r="E1198" s="27">
        <v>3792.0522559999999</v>
      </c>
      <c r="F1198" s="27">
        <v>112.34494599999999</v>
      </c>
      <c r="H1198" s="27">
        <v>3792.0522559999999</v>
      </c>
      <c r="I1198" s="27">
        <v>105.27134599999999</v>
      </c>
      <c r="K1198" s="27">
        <v>3792.0522559999999</v>
      </c>
      <c r="L1198" s="27">
        <v>98.149201000000005</v>
      </c>
    </row>
    <row r="1199" spans="2:12" x14ac:dyDescent="0.45">
      <c r="B1199" s="27">
        <v>3793.981072</v>
      </c>
      <c r="C1199" s="27">
        <v>118.855633</v>
      </c>
      <c r="E1199" s="27">
        <v>3793.981072</v>
      </c>
      <c r="F1199" s="27">
        <v>112.294651</v>
      </c>
      <c r="H1199" s="27">
        <v>3793.981072</v>
      </c>
      <c r="I1199" s="27">
        <v>105.233177</v>
      </c>
      <c r="K1199" s="27">
        <v>3793.981072</v>
      </c>
      <c r="L1199" s="27">
        <v>98.101166000000006</v>
      </c>
    </row>
    <row r="1200" spans="2:12" x14ac:dyDescent="0.45">
      <c r="B1200" s="27">
        <v>3795.9098880000001</v>
      </c>
      <c r="C1200" s="27">
        <v>118.771086</v>
      </c>
      <c r="E1200" s="27">
        <v>3795.9098880000001</v>
      </c>
      <c r="F1200" s="27">
        <v>112.21608500000001</v>
      </c>
      <c r="H1200" s="27">
        <v>3795.9098880000001</v>
      </c>
      <c r="I1200" s="27">
        <v>105.15527899999999</v>
      </c>
      <c r="K1200" s="27">
        <v>3795.9098880000001</v>
      </c>
      <c r="L1200" s="27">
        <v>98.015117000000004</v>
      </c>
    </row>
    <row r="1201" spans="2:12" x14ac:dyDescent="0.45">
      <c r="B1201" s="27">
        <v>3797.8387039999998</v>
      </c>
      <c r="C1201" s="27">
        <v>118.883871</v>
      </c>
      <c r="E1201" s="27">
        <v>3797.8387039999998</v>
      </c>
      <c r="F1201" s="27">
        <v>112.22733599999999</v>
      </c>
      <c r="H1201" s="27">
        <v>3797.8387039999998</v>
      </c>
      <c r="I1201" s="27">
        <v>105.211482</v>
      </c>
      <c r="K1201" s="27">
        <v>3797.8387039999998</v>
      </c>
      <c r="L1201" s="27">
        <v>98.053873999999993</v>
      </c>
    </row>
    <row r="1202" spans="2:12" x14ac:dyDescent="0.45">
      <c r="B1202" s="27">
        <v>3799.7675199999999</v>
      </c>
      <c r="C1202" s="27">
        <v>118.782228</v>
      </c>
      <c r="E1202" s="27">
        <v>3799.7675199999999</v>
      </c>
      <c r="F1202" s="27">
        <v>112.21064800000001</v>
      </c>
      <c r="H1202" s="27">
        <v>3799.7675199999999</v>
      </c>
      <c r="I1202" s="27">
        <v>105.164897</v>
      </c>
      <c r="K1202" s="27">
        <v>3799.7675199999999</v>
      </c>
      <c r="L1202" s="27">
        <v>97.962027000000006</v>
      </c>
    </row>
    <row r="1203" spans="2:12" x14ac:dyDescent="0.45">
      <c r="B1203" s="27">
        <v>3300.2041760000002</v>
      </c>
      <c r="C1203" s="27">
        <v>100.12394</v>
      </c>
      <c r="F1203" s="27">
        <v>89.531473000000005</v>
      </c>
      <c r="I1203" s="27">
        <v>3300.2041760000002</v>
      </c>
      <c r="K1203" s="27">
        <v>93.357737</v>
      </c>
    </row>
    <row r="1204" spans="2:12" x14ac:dyDescent="0.45">
      <c r="B1204" s="27">
        <v>3302.1329919999998</v>
      </c>
      <c r="C1204" s="27">
        <v>100.07365799999999</v>
      </c>
      <c r="F1204" s="27">
        <v>89.509440999999995</v>
      </c>
      <c r="I1204" s="27">
        <v>3302.1329919999998</v>
      </c>
      <c r="K1204" s="27">
        <v>93.428490999999994</v>
      </c>
    </row>
    <row r="1205" spans="2:12" x14ac:dyDescent="0.45">
      <c r="B1205" s="27">
        <v>3304.0618079999999</v>
      </c>
      <c r="C1205" s="27">
        <v>100.161706</v>
      </c>
      <c r="F1205" s="27">
        <v>89.457162999999994</v>
      </c>
      <c r="I1205" s="27">
        <v>3304.0618079999999</v>
      </c>
      <c r="K1205" s="27">
        <v>93.418413000000001</v>
      </c>
    </row>
    <row r="1206" spans="2:12" x14ac:dyDescent="0.45">
      <c r="B1206" s="27">
        <v>3305.990624</v>
      </c>
      <c r="C1206" s="27">
        <v>100.187202</v>
      </c>
      <c r="F1206" s="27">
        <v>89.438501000000002</v>
      </c>
      <c r="I1206" s="27">
        <v>3305.990624</v>
      </c>
      <c r="K1206" s="27">
        <v>93.375872999999999</v>
      </c>
    </row>
    <row r="1207" spans="2:12" x14ac:dyDescent="0.45">
      <c r="B1207" s="27">
        <v>3307.9194400000001</v>
      </c>
      <c r="C1207" s="27">
        <v>100.191669</v>
      </c>
      <c r="F1207" s="27">
        <v>89.491831000000005</v>
      </c>
      <c r="I1207" s="27">
        <v>3307.9194400000001</v>
      </c>
      <c r="K1207" s="27">
        <v>93.381748000000002</v>
      </c>
    </row>
    <row r="1208" spans="2:12" x14ac:dyDescent="0.45">
      <c r="B1208" s="27">
        <v>3309.8482560000002</v>
      </c>
      <c r="C1208" s="27">
        <v>100.1708</v>
      </c>
      <c r="F1208" s="27">
        <v>89.548479</v>
      </c>
      <c r="I1208" s="27">
        <v>3309.8482560000002</v>
      </c>
      <c r="K1208" s="27">
        <v>93.389075000000005</v>
      </c>
    </row>
    <row r="1209" spans="2:12" x14ac:dyDescent="0.45">
      <c r="B1209" s="27">
        <v>3311.7770719999999</v>
      </c>
      <c r="C1209" s="27">
        <v>100.125265</v>
      </c>
      <c r="F1209" s="27">
        <v>89.540469000000002</v>
      </c>
      <c r="I1209" s="27">
        <v>3311.7770719999999</v>
      </c>
      <c r="K1209" s="27">
        <v>93.418113000000005</v>
      </c>
    </row>
    <row r="1210" spans="2:12" x14ac:dyDescent="0.45">
      <c r="B1210" s="27">
        <v>3313.705888</v>
      </c>
      <c r="C1210" s="27">
        <v>100.064835</v>
      </c>
      <c r="F1210" s="27">
        <v>89.542494000000005</v>
      </c>
      <c r="I1210" s="27">
        <v>3313.705888</v>
      </c>
      <c r="K1210" s="27">
        <v>93.390468999999996</v>
      </c>
    </row>
    <row r="1211" spans="2:12" x14ac:dyDescent="0.45">
      <c r="B1211" s="27">
        <v>3315.6347040000001</v>
      </c>
      <c r="C1211" s="27">
        <v>99.978713999999997</v>
      </c>
      <c r="F1211" s="27">
        <v>89.547758000000002</v>
      </c>
      <c r="I1211" s="27">
        <v>3315.6347040000001</v>
      </c>
      <c r="K1211" s="27">
        <v>93.337176999999997</v>
      </c>
    </row>
    <row r="1212" spans="2:12" x14ac:dyDescent="0.45">
      <c r="B1212" s="27">
        <v>3317.5635200000002</v>
      </c>
      <c r="C1212" s="27">
        <v>99.982342000000003</v>
      </c>
      <c r="F1212" s="27">
        <v>89.538991999999993</v>
      </c>
      <c r="I1212" s="27">
        <v>3317.5635200000002</v>
      </c>
      <c r="K1212" s="27">
        <v>93.330839999999995</v>
      </c>
    </row>
    <row r="1213" spans="2:12" x14ac:dyDescent="0.45">
      <c r="B1213" s="27">
        <v>3319.4923359999998</v>
      </c>
      <c r="C1213" s="27">
        <v>100.091847</v>
      </c>
      <c r="F1213" s="27">
        <v>89.487063000000006</v>
      </c>
      <c r="I1213" s="27">
        <v>3319.4923359999998</v>
      </c>
      <c r="K1213" s="27">
        <v>93.348828999999995</v>
      </c>
    </row>
    <row r="1214" spans="2:12" x14ac:dyDescent="0.45">
      <c r="B1214" s="27">
        <v>3321.4211519999999</v>
      </c>
      <c r="C1214" s="27">
        <v>100.177938</v>
      </c>
      <c r="F1214" s="27">
        <v>89.499337999999995</v>
      </c>
      <c r="I1214" s="27">
        <v>3321.4211519999999</v>
      </c>
      <c r="K1214" s="27">
        <v>93.312066000000002</v>
      </c>
    </row>
    <row r="1215" spans="2:12" x14ac:dyDescent="0.45">
      <c r="B1215" s="27">
        <v>3323.349968</v>
      </c>
      <c r="C1215" s="27">
        <v>100.169584</v>
      </c>
      <c r="F1215" s="27">
        <v>89.591863000000004</v>
      </c>
      <c r="I1215" s="27">
        <v>3323.349968</v>
      </c>
      <c r="K1215" s="27">
        <v>93.347166000000001</v>
      </c>
    </row>
    <row r="1216" spans="2:12" x14ac:dyDescent="0.45">
      <c r="B1216" s="27">
        <v>3325.2787840000001</v>
      </c>
      <c r="C1216" s="27">
        <v>100.106576</v>
      </c>
      <c r="F1216" s="27">
        <v>89.663584999999998</v>
      </c>
      <c r="I1216" s="27">
        <v>3325.2787840000001</v>
      </c>
      <c r="K1216" s="27">
        <v>93.426584000000005</v>
      </c>
    </row>
    <row r="1217" spans="2:11" x14ac:dyDescent="0.45">
      <c r="B1217" s="27">
        <v>3327.2076000000002</v>
      </c>
      <c r="C1217" s="27">
        <v>100.056251</v>
      </c>
      <c r="F1217" s="27">
        <v>89.585257999999996</v>
      </c>
      <c r="I1217" s="27">
        <v>3327.2076000000002</v>
      </c>
      <c r="K1217" s="27">
        <v>93.453084000000004</v>
      </c>
    </row>
    <row r="1218" spans="2:11" x14ac:dyDescent="0.45">
      <c r="B1218" s="27">
        <v>3329.1364159999998</v>
      </c>
      <c r="C1218" s="27">
        <v>100.118452</v>
      </c>
      <c r="F1218" s="27">
        <v>89.515328999999994</v>
      </c>
      <c r="I1218" s="27">
        <v>3329.1364159999998</v>
      </c>
      <c r="K1218" s="27">
        <v>93.380044999999996</v>
      </c>
    </row>
    <row r="1219" spans="2:11" x14ac:dyDescent="0.45">
      <c r="B1219" s="27">
        <v>3331.0652319999999</v>
      </c>
      <c r="C1219" s="27">
        <v>100.12576799999999</v>
      </c>
      <c r="F1219" s="27">
        <v>89.524725000000004</v>
      </c>
      <c r="I1219" s="27">
        <v>3331.0652319999999</v>
      </c>
      <c r="K1219" s="27">
        <v>93.379690999999994</v>
      </c>
    </row>
    <row r="1220" spans="2:11" x14ac:dyDescent="0.45">
      <c r="B1220" s="27">
        <v>3332.994048</v>
      </c>
      <c r="C1220" s="27">
        <v>100.08882699999999</v>
      </c>
      <c r="F1220" s="27">
        <v>89.570070999999999</v>
      </c>
      <c r="I1220" s="27">
        <v>3332.994048</v>
      </c>
      <c r="K1220" s="27">
        <v>93.394181000000003</v>
      </c>
    </row>
    <row r="1221" spans="2:11" x14ac:dyDescent="0.45">
      <c r="B1221" s="27">
        <v>3334.9228640000001</v>
      </c>
      <c r="C1221" s="27">
        <v>100.08518100000001</v>
      </c>
      <c r="F1221" s="27">
        <v>89.614020999999994</v>
      </c>
      <c r="I1221" s="27">
        <v>3334.9228640000001</v>
      </c>
      <c r="K1221" s="27">
        <v>93.441090000000003</v>
      </c>
    </row>
    <row r="1222" spans="2:11" x14ac:dyDescent="0.45">
      <c r="B1222" s="27">
        <v>3336.8516800000002</v>
      </c>
      <c r="C1222" s="27">
        <v>100.027894</v>
      </c>
      <c r="F1222" s="27">
        <v>89.563264000000004</v>
      </c>
      <c r="I1222" s="27">
        <v>3336.8516800000002</v>
      </c>
      <c r="K1222" s="27">
        <v>93.566063999999997</v>
      </c>
    </row>
    <row r="1223" spans="2:11" x14ac:dyDescent="0.45">
      <c r="B1223" s="27">
        <v>3338.7804959999999</v>
      </c>
      <c r="C1223" s="27">
        <v>100.05812899999999</v>
      </c>
      <c r="F1223" s="27">
        <v>89.543741999999995</v>
      </c>
      <c r="I1223" s="27">
        <v>3338.7804959999999</v>
      </c>
      <c r="K1223" s="27">
        <v>93.560338000000002</v>
      </c>
    </row>
    <row r="1224" spans="2:11" x14ac:dyDescent="0.45">
      <c r="B1224" s="27">
        <v>3340.709312</v>
      </c>
      <c r="C1224" s="27">
        <v>100.000139</v>
      </c>
      <c r="F1224" s="27">
        <v>89.528778000000003</v>
      </c>
      <c r="I1224" s="27">
        <v>3340.709312</v>
      </c>
      <c r="K1224" s="27">
        <v>93.404129999999995</v>
      </c>
    </row>
    <row r="1225" spans="2:11" x14ac:dyDescent="0.45">
      <c r="B1225" s="27">
        <v>3342.6381280000001</v>
      </c>
      <c r="C1225" s="27">
        <v>99.973825000000005</v>
      </c>
      <c r="F1225" s="27">
        <v>89.534195999999994</v>
      </c>
      <c r="I1225" s="27">
        <v>3342.6381280000001</v>
      </c>
      <c r="K1225" s="27">
        <v>93.399120999999994</v>
      </c>
    </row>
    <row r="1226" spans="2:11" x14ac:dyDescent="0.45">
      <c r="B1226" s="27">
        <v>3344.5669440000001</v>
      </c>
      <c r="C1226" s="27">
        <v>99.995371000000006</v>
      </c>
      <c r="F1226" s="27">
        <v>89.588511999999994</v>
      </c>
      <c r="I1226" s="27">
        <v>3344.5669440000001</v>
      </c>
      <c r="K1226" s="27">
        <v>93.414609999999996</v>
      </c>
    </row>
    <row r="1227" spans="2:11" x14ac:dyDescent="0.45">
      <c r="B1227" s="27">
        <v>3346.4957599999998</v>
      </c>
      <c r="C1227" s="27">
        <v>100.000163</v>
      </c>
      <c r="F1227" s="27">
        <v>89.608853999999994</v>
      </c>
      <c r="I1227" s="27">
        <v>3346.4957599999998</v>
      </c>
      <c r="K1227" s="27">
        <v>93.394660999999999</v>
      </c>
    </row>
    <row r="1228" spans="2:11" x14ac:dyDescent="0.45">
      <c r="B1228" s="27">
        <v>3348.4245759999999</v>
      </c>
      <c r="C1228" s="27">
        <v>100.019087</v>
      </c>
      <c r="F1228" s="27">
        <v>89.621200999999999</v>
      </c>
      <c r="I1228" s="27">
        <v>3348.4245759999999</v>
      </c>
      <c r="K1228" s="27">
        <v>93.473866000000001</v>
      </c>
    </row>
    <row r="1229" spans="2:11" x14ac:dyDescent="0.45">
      <c r="B1229" s="27">
        <v>3350.353392</v>
      </c>
      <c r="C1229" s="27">
        <v>100.039445</v>
      </c>
      <c r="F1229" s="27">
        <v>89.593954999999994</v>
      </c>
      <c r="I1229" s="27">
        <v>3350.353392</v>
      </c>
      <c r="K1229" s="27">
        <v>93.438716999999997</v>
      </c>
    </row>
    <row r="1230" spans="2:11" x14ac:dyDescent="0.45">
      <c r="B1230" s="27">
        <v>3352.2822080000001</v>
      </c>
      <c r="C1230" s="27">
        <v>100.04373699999999</v>
      </c>
      <c r="F1230" s="27">
        <v>89.477467000000004</v>
      </c>
      <c r="I1230" s="27">
        <v>3352.2822080000001</v>
      </c>
      <c r="K1230" s="27">
        <v>93.348341000000005</v>
      </c>
    </row>
    <row r="1231" spans="2:11" x14ac:dyDescent="0.45">
      <c r="B1231" s="27">
        <v>3354.2110240000002</v>
      </c>
      <c r="C1231" s="27">
        <v>100.013402</v>
      </c>
      <c r="F1231" s="27">
        <v>89.450265999999999</v>
      </c>
      <c r="I1231" s="27">
        <v>3354.2110240000002</v>
      </c>
      <c r="K1231" s="27">
        <v>93.361627999999996</v>
      </c>
    </row>
    <row r="1232" spans="2:11" x14ac:dyDescent="0.45">
      <c r="B1232" s="27">
        <v>3356.1398399999998</v>
      </c>
      <c r="C1232" s="27">
        <v>99.966504</v>
      </c>
      <c r="F1232" s="27">
        <v>89.526139000000001</v>
      </c>
      <c r="I1232" s="27">
        <v>3356.1398399999998</v>
      </c>
      <c r="K1232" s="27">
        <v>93.375217000000006</v>
      </c>
    </row>
    <row r="1233" spans="2:11" x14ac:dyDescent="0.45">
      <c r="B1233" s="27">
        <v>3358.0686559999999</v>
      </c>
      <c r="C1233" s="27">
        <v>100.01577399999999</v>
      </c>
      <c r="F1233" s="27">
        <v>89.520291</v>
      </c>
      <c r="I1233" s="27">
        <v>3358.0686559999999</v>
      </c>
      <c r="K1233" s="27">
        <v>93.300372999999993</v>
      </c>
    </row>
    <row r="1234" spans="2:11" x14ac:dyDescent="0.45">
      <c r="B1234" s="27">
        <v>3359.997472</v>
      </c>
      <c r="C1234" s="27">
        <v>100.036587</v>
      </c>
      <c r="F1234" s="27">
        <v>89.450453999999993</v>
      </c>
      <c r="I1234" s="27">
        <v>3359.997472</v>
      </c>
      <c r="K1234" s="27">
        <v>93.263902999999999</v>
      </c>
    </row>
    <row r="1235" spans="2:11" x14ac:dyDescent="0.45">
      <c r="B1235" s="27">
        <v>3361.9262880000001</v>
      </c>
      <c r="C1235" s="27">
        <v>99.942784000000003</v>
      </c>
      <c r="F1235" s="27">
        <v>89.457712999999998</v>
      </c>
      <c r="I1235" s="27">
        <v>3361.9262880000001</v>
      </c>
      <c r="K1235" s="27">
        <v>93.265022000000002</v>
      </c>
    </row>
    <row r="1236" spans="2:11" x14ac:dyDescent="0.45">
      <c r="B1236" s="27">
        <v>3363.8551040000002</v>
      </c>
      <c r="C1236" s="27">
        <v>99.943662000000003</v>
      </c>
      <c r="F1236" s="27">
        <v>89.492081999999996</v>
      </c>
      <c r="I1236" s="27">
        <v>3363.8551040000002</v>
      </c>
      <c r="K1236" s="27">
        <v>93.218703000000005</v>
      </c>
    </row>
    <row r="1237" spans="2:11" x14ac:dyDescent="0.45">
      <c r="B1237" s="27">
        <v>3365.7839199999999</v>
      </c>
      <c r="C1237" s="27">
        <v>99.967681999999996</v>
      </c>
      <c r="F1237" s="27">
        <v>89.499448000000001</v>
      </c>
      <c r="I1237" s="27">
        <v>3365.7839199999999</v>
      </c>
      <c r="K1237" s="27">
        <v>93.219057000000006</v>
      </c>
    </row>
    <row r="1238" spans="2:11" x14ac:dyDescent="0.45">
      <c r="B1238" s="27">
        <v>3367.7127359999999</v>
      </c>
      <c r="C1238" s="27">
        <v>99.962856000000002</v>
      </c>
      <c r="F1238" s="27">
        <v>89.508131000000006</v>
      </c>
      <c r="I1238" s="27">
        <v>3367.7127359999999</v>
      </c>
      <c r="K1238" s="27">
        <v>93.317575000000005</v>
      </c>
    </row>
    <row r="1239" spans="2:11" x14ac:dyDescent="0.45">
      <c r="B1239" s="27">
        <v>3369.641552</v>
      </c>
      <c r="C1239" s="27">
        <v>99.937490999999994</v>
      </c>
      <c r="F1239" s="27">
        <v>89.561843999999994</v>
      </c>
      <c r="I1239" s="27">
        <v>3369.641552</v>
      </c>
      <c r="K1239" s="27">
        <v>93.418053999999998</v>
      </c>
    </row>
    <row r="1240" spans="2:11" x14ac:dyDescent="0.45">
      <c r="B1240" s="27">
        <v>3371.5703680000001</v>
      </c>
      <c r="C1240" s="27">
        <v>99.875112000000001</v>
      </c>
      <c r="F1240" s="27">
        <v>89.542727999999997</v>
      </c>
      <c r="I1240" s="27">
        <v>3371.5703680000001</v>
      </c>
      <c r="K1240" s="27">
        <v>93.453576999999996</v>
      </c>
    </row>
    <row r="1241" spans="2:11" x14ac:dyDescent="0.45">
      <c r="B1241" s="27">
        <v>3373.4991839999998</v>
      </c>
      <c r="C1241" s="27">
        <v>99.832735</v>
      </c>
      <c r="F1241" s="27">
        <v>89.539423999999997</v>
      </c>
      <c r="I1241" s="27">
        <v>3373.4991839999998</v>
      </c>
      <c r="K1241" s="27">
        <v>93.394133999999994</v>
      </c>
    </row>
    <row r="1242" spans="2:11" x14ac:dyDescent="0.45">
      <c r="B1242" s="27">
        <v>3375.4279999999999</v>
      </c>
      <c r="C1242" s="27">
        <v>99.807062000000002</v>
      </c>
      <c r="F1242" s="27">
        <v>89.496166000000002</v>
      </c>
      <c r="I1242" s="27">
        <v>3375.4279999999999</v>
      </c>
      <c r="K1242" s="27">
        <v>93.368386999999998</v>
      </c>
    </row>
    <row r="1243" spans="2:11" x14ac:dyDescent="0.45">
      <c r="B1243" s="27">
        <v>3377.356816</v>
      </c>
      <c r="C1243" s="27">
        <v>99.861377000000005</v>
      </c>
      <c r="F1243" s="27">
        <v>89.521590000000003</v>
      </c>
      <c r="I1243" s="27">
        <v>3377.356816</v>
      </c>
      <c r="K1243" s="27">
        <v>93.422381999999999</v>
      </c>
    </row>
    <row r="1244" spans="2:11" x14ac:dyDescent="0.45">
      <c r="B1244" s="27">
        <v>3379.2856320000001</v>
      </c>
      <c r="C1244" s="27">
        <v>99.932963999999998</v>
      </c>
      <c r="F1244" s="27">
        <v>89.592398000000003</v>
      </c>
      <c r="I1244" s="27">
        <v>3379.2856320000001</v>
      </c>
      <c r="K1244" s="27">
        <v>93.398842999999999</v>
      </c>
    </row>
    <row r="1245" spans="2:11" x14ac:dyDescent="0.45">
      <c r="B1245" s="27">
        <v>3381.2144480000002</v>
      </c>
      <c r="C1245" s="27">
        <v>99.874802000000003</v>
      </c>
      <c r="F1245" s="27">
        <v>89.487215000000006</v>
      </c>
      <c r="I1245" s="27">
        <v>3381.2144480000002</v>
      </c>
      <c r="K1245" s="27">
        <v>93.426529000000002</v>
      </c>
    </row>
    <row r="1246" spans="2:11" x14ac:dyDescent="0.45">
      <c r="B1246" s="27">
        <v>3383.1432639999998</v>
      </c>
      <c r="C1246" s="27">
        <v>99.807761999999997</v>
      </c>
      <c r="F1246" s="27">
        <v>89.421142000000003</v>
      </c>
      <c r="I1246" s="27">
        <v>3383.1432639999998</v>
      </c>
      <c r="K1246" s="27">
        <v>93.422639000000004</v>
      </c>
    </row>
    <row r="1247" spans="2:11" x14ac:dyDescent="0.45">
      <c r="B1247" s="27">
        <v>3385.0720799999999</v>
      </c>
      <c r="C1247" s="27">
        <v>99.813032000000007</v>
      </c>
      <c r="F1247" s="27">
        <v>89.421571999999998</v>
      </c>
      <c r="I1247" s="27">
        <v>3385.0720799999999</v>
      </c>
      <c r="K1247" s="27">
        <v>93.335555999999997</v>
      </c>
    </row>
    <row r="1248" spans="2:11" x14ac:dyDescent="0.45">
      <c r="B1248" s="27">
        <v>3387.000896</v>
      </c>
      <c r="C1248" s="27">
        <v>99.854916000000003</v>
      </c>
      <c r="F1248" s="27">
        <v>89.417336000000006</v>
      </c>
      <c r="I1248" s="27">
        <v>3387.000896</v>
      </c>
      <c r="K1248" s="27">
        <v>93.321218000000002</v>
      </c>
    </row>
    <row r="1249" spans="2:11" x14ac:dyDescent="0.45">
      <c r="B1249" s="27">
        <v>3388.9297120000001</v>
      </c>
      <c r="C1249" s="27">
        <v>99.852130000000002</v>
      </c>
      <c r="F1249" s="27">
        <v>89.388811000000004</v>
      </c>
      <c r="I1249" s="27">
        <v>3388.9297120000001</v>
      </c>
      <c r="K1249" s="27">
        <v>93.310665999999998</v>
      </c>
    </row>
    <row r="1250" spans="2:11" x14ac:dyDescent="0.45">
      <c r="B1250" s="27">
        <v>3390.8585280000002</v>
      </c>
      <c r="C1250" s="27">
        <v>99.803342999999998</v>
      </c>
      <c r="F1250" s="27">
        <v>89.398662000000002</v>
      </c>
      <c r="I1250" s="27">
        <v>3390.8585280000002</v>
      </c>
      <c r="K1250" s="27">
        <v>93.279594000000003</v>
      </c>
    </row>
    <row r="1251" spans="2:11" x14ac:dyDescent="0.45">
      <c r="B1251" s="27">
        <v>3392.7873439999998</v>
      </c>
      <c r="C1251" s="27">
        <v>99.825130000000001</v>
      </c>
      <c r="F1251" s="27">
        <v>89.411028000000002</v>
      </c>
      <c r="I1251" s="27">
        <v>3392.7873439999998</v>
      </c>
      <c r="K1251" s="27">
        <v>93.339301000000006</v>
      </c>
    </row>
    <row r="1252" spans="2:11" x14ac:dyDescent="0.45">
      <c r="B1252" s="27">
        <v>3394.7161599999999</v>
      </c>
      <c r="C1252" s="27">
        <v>99.821860000000001</v>
      </c>
      <c r="F1252" s="27">
        <v>89.399460000000005</v>
      </c>
      <c r="I1252" s="27">
        <v>3394.7161599999999</v>
      </c>
      <c r="K1252" s="27">
        <v>93.449342000000001</v>
      </c>
    </row>
    <row r="1253" spans="2:11" x14ac:dyDescent="0.45">
      <c r="B1253" s="27">
        <v>3396.644976</v>
      </c>
      <c r="C1253" s="27">
        <v>99.791223000000002</v>
      </c>
      <c r="F1253" s="27">
        <v>89.392516000000001</v>
      </c>
      <c r="I1253" s="27">
        <v>3396.644976</v>
      </c>
      <c r="K1253" s="27">
        <v>93.459440999999998</v>
      </c>
    </row>
    <row r="1254" spans="2:11" x14ac:dyDescent="0.45">
      <c r="B1254" s="27">
        <v>3398.5737920000001</v>
      </c>
      <c r="C1254" s="27">
        <v>99.814897000000002</v>
      </c>
      <c r="F1254" s="27">
        <v>89.445262</v>
      </c>
      <c r="I1254" s="27">
        <v>3398.5737920000001</v>
      </c>
      <c r="K1254" s="27">
        <v>93.475926000000001</v>
      </c>
    </row>
    <row r="1255" spans="2:11" x14ac:dyDescent="0.45">
      <c r="B1255" s="27">
        <v>3400.5026079999998</v>
      </c>
      <c r="C1255" s="27">
        <v>99.800691</v>
      </c>
      <c r="F1255" s="27">
        <v>89.474541000000002</v>
      </c>
      <c r="I1255" s="27">
        <v>3400.5026079999998</v>
      </c>
      <c r="K1255" s="27">
        <v>93.495519000000002</v>
      </c>
    </row>
    <row r="1256" spans="2:11" x14ac:dyDescent="0.45">
      <c r="B1256" s="27">
        <v>3402.4314239999999</v>
      </c>
      <c r="C1256" s="27">
        <v>99.877694000000005</v>
      </c>
      <c r="F1256" s="27">
        <v>89.443473999999995</v>
      </c>
      <c r="I1256" s="27">
        <v>3402.4314239999999</v>
      </c>
      <c r="K1256" s="27">
        <v>93.398083999999997</v>
      </c>
    </row>
    <row r="1257" spans="2:11" x14ac:dyDescent="0.45">
      <c r="B1257" s="27">
        <v>3404.36024</v>
      </c>
      <c r="C1257" s="27">
        <v>99.871229999999997</v>
      </c>
      <c r="F1257" s="27">
        <v>89.491371999999998</v>
      </c>
      <c r="I1257" s="27">
        <v>3404.36024</v>
      </c>
      <c r="K1257" s="27">
        <v>93.351532000000006</v>
      </c>
    </row>
    <row r="1258" spans="2:11" x14ac:dyDescent="0.45">
      <c r="B1258" s="27">
        <v>3406.2890560000001</v>
      </c>
      <c r="C1258" s="27">
        <v>99.845189000000005</v>
      </c>
      <c r="F1258" s="27">
        <v>89.527045999999999</v>
      </c>
      <c r="I1258" s="27">
        <v>3406.2890560000001</v>
      </c>
      <c r="K1258" s="27">
        <v>93.382007000000002</v>
      </c>
    </row>
    <row r="1259" spans="2:11" x14ac:dyDescent="0.45">
      <c r="B1259" s="27">
        <v>3408.2178720000002</v>
      </c>
      <c r="C1259" s="27">
        <v>99.867588999999995</v>
      </c>
      <c r="F1259" s="27">
        <v>89.479865000000004</v>
      </c>
      <c r="I1259" s="27">
        <v>3408.2178720000002</v>
      </c>
      <c r="K1259" s="27">
        <v>93.436561999999995</v>
      </c>
    </row>
    <row r="1260" spans="2:11" x14ac:dyDescent="0.45">
      <c r="B1260" s="27">
        <v>3410.1466879999998</v>
      </c>
      <c r="C1260" s="27">
        <v>99.821817999999993</v>
      </c>
      <c r="F1260" s="27">
        <v>89.461862999999994</v>
      </c>
      <c r="I1260" s="27">
        <v>3410.1466879999998</v>
      </c>
      <c r="K1260" s="27">
        <v>93.417856999999998</v>
      </c>
    </row>
    <row r="1261" spans="2:11" x14ac:dyDescent="0.45">
      <c r="B1261" s="27">
        <v>3412.0755039999999</v>
      </c>
      <c r="C1261" s="27">
        <v>99.790316000000004</v>
      </c>
      <c r="F1261" s="27">
        <v>89.519217999999995</v>
      </c>
      <c r="I1261" s="27">
        <v>3412.0755039999999</v>
      </c>
      <c r="K1261" s="27">
        <v>93.358254000000002</v>
      </c>
    </row>
    <row r="1262" spans="2:11" x14ac:dyDescent="0.45">
      <c r="B1262" s="27">
        <v>3414.00432</v>
      </c>
      <c r="C1262" s="27">
        <v>99.779464000000004</v>
      </c>
      <c r="F1262" s="27">
        <v>89.471618000000007</v>
      </c>
      <c r="I1262" s="27">
        <v>3414.00432</v>
      </c>
      <c r="K1262" s="27">
        <v>93.342777999999996</v>
      </c>
    </row>
    <row r="1263" spans="2:11" x14ac:dyDescent="0.45">
      <c r="B1263" s="27">
        <v>3415.9331360000001</v>
      </c>
      <c r="C1263" s="27">
        <v>99.729215999999994</v>
      </c>
      <c r="F1263" s="27">
        <v>89.418530000000004</v>
      </c>
      <c r="I1263" s="27">
        <v>3415.9331360000001</v>
      </c>
      <c r="K1263" s="27">
        <v>93.408867999999998</v>
      </c>
    </row>
    <row r="1264" spans="2:11" x14ac:dyDescent="0.45">
      <c r="B1264" s="27">
        <v>3417.8619520000002</v>
      </c>
      <c r="C1264" s="27">
        <v>99.655996000000002</v>
      </c>
      <c r="F1264" s="27">
        <v>89.481059999999999</v>
      </c>
      <c r="I1264" s="27">
        <v>3417.8619520000002</v>
      </c>
      <c r="K1264" s="27">
        <v>93.387390999999994</v>
      </c>
    </row>
    <row r="1265" spans="2:11" x14ac:dyDescent="0.45">
      <c r="B1265" s="27">
        <v>3419.7907679999998</v>
      </c>
      <c r="C1265" s="27">
        <v>99.705242999999996</v>
      </c>
      <c r="F1265" s="27">
        <v>89.548147</v>
      </c>
      <c r="I1265" s="27">
        <v>3419.7907679999998</v>
      </c>
      <c r="K1265" s="27">
        <v>93.390387000000004</v>
      </c>
    </row>
    <row r="1266" spans="2:11" x14ac:dyDescent="0.45">
      <c r="B1266" s="27">
        <v>3421.7195839999999</v>
      </c>
      <c r="C1266" s="27">
        <v>99.694235000000006</v>
      </c>
      <c r="F1266" s="27">
        <v>89.531478000000007</v>
      </c>
      <c r="I1266" s="27">
        <v>3421.7195839999999</v>
      </c>
      <c r="K1266" s="27">
        <v>93.413197999999994</v>
      </c>
    </row>
    <row r="1267" spans="2:11" x14ac:dyDescent="0.45">
      <c r="B1267" s="27">
        <v>3423.6484</v>
      </c>
      <c r="C1267" s="27">
        <v>99.667710999999997</v>
      </c>
      <c r="F1267" s="27">
        <v>89.485353000000003</v>
      </c>
      <c r="I1267" s="27">
        <v>3423.6484</v>
      </c>
      <c r="K1267" s="27">
        <v>93.423760000000001</v>
      </c>
    </row>
    <row r="1268" spans="2:11" x14ac:dyDescent="0.45">
      <c r="B1268" s="27">
        <v>3425.5772160000001</v>
      </c>
      <c r="C1268" s="27">
        <v>99.764589000000001</v>
      </c>
      <c r="F1268" s="27">
        <v>89.427210000000002</v>
      </c>
      <c r="I1268" s="27">
        <v>3425.5772160000001</v>
      </c>
      <c r="K1268" s="27">
        <v>93.476895999999996</v>
      </c>
    </row>
    <row r="1269" spans="2:11" x14ac:dyDescent="0.45">
      <c r="B1269" s="27">
        <v>3427.5060319999998</v>
      </c>
      <c r="C1269" s="27">
        <v>99.829696999999996</v>
      </c>
      <c r="F1269" s="27">
        <v>89.425355999999994</v>
      </c>
      <c r="I1269" s="27">
        <v>3427.5060319999998</v>
      </c>
      <c r="K1269" s="27">
        <v>93.427781999999993</v>
      </c>
    </row>
    <row r="1270" spans="2:11" x14ac:dyDescent="0.45">
      <c r="B1270" s="27">
        <v>3429.4348479999999</v>
      </c>
      <c r="C1270" s="27">
        <v>99.731076000000002</v>
      </c>
      <c r="F1270" s="27">
        <v>89.447333</v>
      </c>
      <c r="I1270" s="27">
        <v>3429.4348479999999</v>
      </c>
      <c r="K1270" s="27">
        <v>93.432316999999998</v>
      </c>
    </row>
    <row r="1271" spans="2:11" x14ac:dyDescent="0.45">
      <c r="B1271" s="27">
        <v>3431.363664</v>
      </c>
      <c r="C1271" s="27">
        <v>99.612520000000004</v>
      </c>
      <c r="F1271" s="27">
        <v>89.482532000000006</v>
      </c>
      <c r="I1271" s="27">
        <v>3431.363664</v>
      </c>
      <c r="K1271" s="27">
        <v>93.476057999999995</v>
      </c>
    </row>
    <row r="1272" spans="2:11" x14ac:dyDescent="0.45">
      <c r="B1272" s="27">
        <v>3433.2924800000001</v>
      </c>
      <c r="C1272" s="27">
        <v>99.615071</v>
      </c>
      <c r="F1272" s="27">
        <v>89.467573000000002</v>
      </c>
      <c r="I1272" s="27">
        <v>3433.2924800000001</v>
      </c>
      <c r="K1272" s="27">
        <v>93.410702000000001</v>
      </c>
    </row>
    <row r="1273" spans="2:11" x14ac:dyDescent="0.45">
      <c r="B1273" s="27">
        <v>3435.2212960000002</v>
      </c>
      <c r="C1273" s="27">
        <v>99.702673000000004</v>
      </c>
      <c r="F1273" s="27">
        <v>89.391857999999999</v>
      </c>
      <c r="I1273" s="27">
        <v>3435.2212960000002</v>
      </c>
      <c r="K1273" s="27">
        <v>93.369084999999998</v>
      </c>
    </row>
    <row r="1274" spans="2:11" x14ac:dyDescent="0.45">
      <c r="B1274" s="27">
        <v>3437.1501119999998</v>
      </c>
      <c r="C1274" s="27">
        <v>99.768848000000006</v>
      </c>
      <c r="F1274" s="27">
        <v>89.402752000000007</v>
      </c>
      <c r="I1274" s="27">
        <v>3437.1501119999998</v>
      </c>
      <c r="K1274" s="27">
        <v>93.427035000000004</v>
      </c>
    </row>
    <row r="1275" spans="2:11" x14ac:dyDescent="0.45">
      <c r="B1275" s="27">
        <v>3439.0789279999999</v>
      </c>
      <c r="C1275" s="27">
        <v>99.739549999999994</v>
      </c>
      <c r="F1275" s="27">
        <v>89.462806</v>
      </c>
      <c r="I1275" s="27">
        <v>3439.0789279999999</v>
      </c>
      <c r="K1275" s="27">
        <v>93.427853999999996</v>
      </c>
    </row>
    <row r="1276" spans="2:11" x14ac:dyDescent="0.45">
      <c r="B1276" s="27">
        <v>3441.007744</v>
      </c>
      <c r="C1276" s="27">
        <v>99.680153000000004</v>
      </c>
      <c r="F1276" s="27">
        <v>89.433605999999997</v>
      </c>
      <c r="I1276" s="27">
        <v>3441.007744</v>
      </c>
      <c r="K1276" s="27">
        <v>93.372574</v>
      </c>
    </row>
    <row r="1277" spans="2:11" x14ac:dyDescent="0.45">
      <c r="B1277" s="27">
        <v>3442.9365600000001</v>
      </c>
      <c r="C1277" s="27">
        <v>99.684968999999995</v>
      </c>
      <c r="F1277" s="27">
        <v>89.416820000000001</v>
      </c>
      <c r="I1277" s="27">
        <v>3442.9365600000001</v>
      </c>
      <c r="K1277" s="27">
        <v>93.305342999999993</v>
      </c>
    </row>
    <row r="1278" spans="2:11" x14ac:dyDescent="0.45">
      <c r="B1278" s="27">
        <v>3444.8653760000002</v>
      </c>
      <c r="C1278" s="27">
        <v>99.751722000000001</v>
      </c>
      <c r="F1278" s="27">
        <v>89.385311999999999</v>
      </c>
      <c r="I1278" s="27">
        <v>3444.8653760000002</v>
      </c>
      <c r="K1278" s="27">
        <v>93.342240000000004</v>
      </c>
    </row>
    <row r="1279" spans="2:11" x14ac:dyDescent="0.45">
      <c r="B1279" s="27">
        <v>3446.7941919999998</v>
      </c>
      <c r="C1279" s="27">
        <v>99.718327000000002</v>
      </c>
      <c r="F1279" s="27">
        <v>89.374819000000002</v>
      </c>
      <c r="I1279" s="27">
        <v>3446.7941919999998</v>
      </c>
      <c r="K1279" s="27">
        <v>93.531328999999999</v>
      </c>
    </row>
    <row r="1280" spans="2:11" x14ac:dyDescent="0.45">
      <c r="B1280" s="27">
        <v>3448.7230079999999</v>
      </c>
      <c r="C1280" s="27">
        <v>99.648383999999993</v>
      </c>
      <c r="F1280" s="27">
        <v>89.368128999999996</v>
      </c>
      <c r="I1280" s="27">
        <v>3448.7230079999999</v>
      </c>
      <c r="K1280" s="27">
        <v>93.525431999999995</v>
      </c>
    </row>
    <row r="1281" spans="2:11" x14ac:dyDescent="0.45">
      <c r="B1281" s="27">
        <v>3450.651824</v>
      </c>
      <c r="C1281" s="27">
        <v>99.659955999999994</v>
      </c>
      <c r="F1281" s="27">
        <v>89.388594999999995</v>
      </c>
      <c r="I1281" s="27">
        <v>3450.651824</v>
      </c>
      <c r="K1281" s="27">
        <v>93.429553999999996</v>
      </c>
    </row>
    <row r="1282" spans="2:11" x14ac:dyDescent="0.45">
      <c r="B1282" s="27">
        <v>3452.5806400000001</v>
      </c>
      <c r="C1282" s="27">
        <v>99.703350999999998</v>
      </c>
      <c r="F1282" s="27">
        <v>89.391997000000003</v>
      </c>
      <c r="I1282" s="27">
        <v>3452.5806400000001</v>
      </c>
      <c r="K1282" s="27">
        <v>93.380077999999997</v>
      </c>
    </row>
    <row r="1283" spans="2:11" x14ac:dyDescent="0.45">
      <c r="B1283" s="27">
        <v>3454.5094559999998</v>
      </c>
      <c r="C1283" s="27">
        <v>99.636448000000001</v>
      </c>
      <c r="F1283" s="27">
        <v>89.356774999999999</v>
      </c>
      <c r="I1283" s="27">
        <v>3454.5094559999998</v>
      </c>
      <c r="K1283" s="27">
        <v>93.384957</v>
      </c>
    </row>
    <row r="1284" spans="2:11" x14ac:dyDescent="0.45">
      <c r="B1284" s="27">
        <v>3456.4382719999999</v>
      </c>
      <c r="C1284" s="27">
        <v>99.616095000000001</v>
      </c>
      <c r="F1284" s="27">
        <v>89.375788</v>
      </c>
      <c r="I1284" s="27">
        <v>3456.4382719999999</v>
      </c>
      <c r="K1284" s="27">
        <v>93.396623000000005</v>
      </c>
    </row>
    <row r="1285" spans="2:11" x14ac:dyDescent="0.45">
      <c r="B1285" s="27">
        <v>3458.367088</v>
      </c>
      <c r="C1285" s="27">
        <v>99.661178000000007</v>
      </c>
      <c r="F1285" s="27">
        <v>89.385017000000005</v>
      </c>
      <c r="I1285" s="27">
        <v>3458.367088</v>
      </c>
      <c r="K1285" s="27">
        <v>93.388137999999998</v>
      </c>
    </row>
    <row r="1286" spans="2:11" x14ac:dyDescent="0.45">
      <c r="B1286" s="27">
        <v>3460.2959040000001</v>
      </c>
      <c r="C1286" s="27">
        <v>99.667837000000006</v>
      </c>
      <c r="F1286" s="27">
        <v>89.367396999999997</v>
      </c>
      <c r="I1286" s="27">
        <v>3460.2959040000001</v>
      </c>
      <c r="K1286" s="27">
        <v>93.424546000000007</v>
      </c>
    </row>
    <row r="1287" spans="2:11" x14ac:dyDescent="0.45">
      <c r="B1287" s="27">
        <v>3462.2247200000002</v>
      </c>
      <c r="C1287" s="27">
        <v>99.645985999999994</v>
      </c>
      <c r="F1287" s="27">
        <v>89.377105</v>
      </c>
      <c r="I1287" s="27">
        <v>3462.2247200000002</v>
      </c>
      <c r="K1287" s="27">
        <v>93.500572000000005</v>
      </c>
    </row>
    <row r="1288" spans="2:11" x14ac:dyDescent="0.45">
      <c r="B1288" s="27">
        <v>3464.1535359999998</v>
      </c>
      <c r="C1288" s="27">
        <v>99.607607000000002</v>
      </c>
      <c r="F1288" s="27">
        <v>89.309239000000005</v>
      </c>
      <c r="I1288" s="27">
        <v>3464.1535359999998</v>
      </c>
      <c r="K1288" s="27">
        <v>93.496324999999999</v>
      </c>
    </row>
    <row r="1289" spans="2:11" x14ac:dyDescent="0.45">
      <c r="B1289" s="27">
        <v>3466.0823519999999</v>
      </c>
      <c r="C1289" s="27">
        <v>99.541505000000001</v>
      </c>
      <c r="F1289" s="27">
        <v>89.332145999999995</v>
      </c>
      <c r="I1289" s="27">
        <v>3466.0823519999999</v>
      </c>
      <c r="K1289" s="27">
        <v>93.479782999999998</v>
      </c>
    </row>
    <row r="1290" spans="2:11" x14ac:dyDescent="0.45">
      <c r="B1290" s="27">
        <v>3468.011168</v>
      </c>
      <c r="C1290" s="27">
        <v>99.593160999999995</v>
      </c>
      <c r="F1290" s="27">
        <v>89.469727000000006</v>
      </c>
      <c r="I1290" s="27">
        <v>3468.011168</v>
      </c>
      <c r="K1290" s="27">
        <v>93.470004000000003</v>
      </c>
    </row>
    <row r="1291" spans="2:11" x14ac:dyDescent="0.45">
      <c r="B1291" s="27">
        <v>3469.9399840000001</v>
      </c>
      <c r="C1291" s="27">
        <v>99.666714999999996</v>
      </c>
      <c r="F1291" s="27">
        <v>89.463036000000002</v>
      </c>
      <c r="I1291" s="27">
        <v>3469.9399840000001</v>
      </c>
      <c r="K1291" s="27">
        <v>93.483709000000005</v>
      </c>
    </row>
    <row r="1292" spans="2:11" x14ac:dyDescent="0.45">
      <c r="B1292" s="27">
        <v>3471.8688000000002</v>
      </c>
      <c r="C1292" s="27">
        <v>99.653381999999993</v>
      </c>
      <c r="F1292" s="27">
        <v>89.371881000000002</v>
      </c>
      <c r="I1292" s="27">
        <v>3471.8688000000002</v>
      </c>
      <c r="K1292" s="27">
        <v>93.488346000000007</v>
      </c>
    </row>
    <row r="1293" spans="2:11" x14ac:dyDescent="0.45">
      <c r="B1293" s="27">
        <v>3473.7976159999998</v>
      </c>
      <c r="C1293" s="27">
        <v>99.649355999999997</v>
      </c>
      <c r="F1293" s="27">
        <v>89.380127000000002</v>
      </c>
      <c r="I1293" s="27">
        <v>3473.7976159999998</v>
      </c>
      <c r="K1293" s="27">
        <v>93.474682999999999</v>
      </c>
    </row>
    <row r="1294" spans="2:11" x14ac:dyDescent="0.45">
      <c r="B1294" s="27">
        <v>3475.7264319999999</v>
      </c>
      <c r="C1294" s="27">
        <v>99.609494999999995</v>
      </c>
      <c r="F1294" s="27">
        <v>89.441725000000005</v>
      </c>
      <c r="I1294" s="27">
        <v>3475.7264319999999</v>
      </c>
      <c r="K1294" s="27">
        <v>93.457802999999998</v>
      </c>
    </row>
    <row r="1295" spans="2:11" x14ac:dyDescent="0.45">
      <c r="B1295" s="27">
        <v>3477.655248</v>
      </c>
      <c r="C1295" s="27">
        <v>99.586209999999994</v>
      </c>
      <c r="F1295" s="27">
        <v>89.417734999999993</v>
      </c>
      <c r="I1295" s="27">
        <v>3477.655248</v>
      </c>
      <c r="K1295" s="27">
        <v>93.393897999999993</v>
      </c>
    </row>
    <row r="1296" spans="2:11" x14ac:dyDescent="0.45">
      <c r="B1296" s="27">
        <v>3479.5840640000001</v>
      </c>
      <c r="C1296" s="27">
        <v>99.600470000000001</v>
      </c>
      <c r="F1296" s="27">
        <v>89.351671999999994</v>
      </c>
      <c r="I1296" s="27">
        <v>3479.5840640000001</v>
      </c>
      <c r="K1296" s="27">
        <v>93.361541000000003</v>
      </c>
    </row>
    <row r="1297" spans="2:11" x14ac:dyDescent="0.45">
      <c r="B1297" s="27">
        <v>3481.5128800000002</v>
      </c>
      <c r="C1297" s="27">
        <v>99.569325000000006</v>
      </c>
      <c r="F1297" s="27">
        <v>89.345562000000001</v>
      </c>
      <c r="I1297" s="27">
        <v>3481.5128800000002</v>
      </c>
      <c r="K1297" s="27">
        <v>93.396935999999997</v>
      </c>
    </row>
    <row r="1298" spans="2:11" x14ac:dyDescent="0.45">
      <c r="B1298" s="27">
        <v>3483.4416959999999</v>
      </c>
      <c r="C1298" s="27">
        <v>99.555194999999998</v>
      </c>
      <c r="F1298" s="27">
        <v>89.409497000000002</v>
      </c>
      <c r="I1298" s="27">
        <v>3483.4416959999999</v>
      </c>
      <c r="K1298" s="27">
        <v>93.470686999999998</v>
      </c>
    </row>
    <row r="1299" spans="2:11" x14ac:dyDescent="0.45">
      <c r="B1299" s="27">
        <v>3485.370512</v>
      </c>
      <c r="C1299" s="27">
        <v>99.584273999999994</v>
      </c>
      <c r="F1299" s="27">
        <v>89.408231000000001</v>
      </c>
      <c r="I1299" s="27">
        <v>3485.370512</v>
      </c>
      <c r="K1299" s="27">
        <v>93.488276999999997</v>
      </c>
    </row>
    <row r="1300" spans="2:11" x14ac:dyDescent="0.45">
      <c r="B1300" s="27">
        <v>3487.2993280000001</v>
      </c>
      <c r="C1300" s="27">
        <v>99.559061</v>
      </c>
      <c r="F1300" s="27">
        <v>89.348882000000003</v>
      </c>
      <c r="I1300" s="27">
        <v>3487.2993280000001</v>
      </c>
      <c r="K1300" s="27">
        <v>93.550179999999997</v>
      </c>
    </row>
    <row r="1301" spans="2:11" x14ac:dyDescent="0.45">
      <c r="B1301" s="27">
        <v>3489.2281440000002</v>
      </c>
      <c r="C1301" s="27">
        <v>99.541512999999995</v>
      </c>
      <c r="F1301" s="27">
        <v>89.362302999999997</v>
      </c>
      <c r="I1301" s="27">
        <v>3489.2281440000002</v>
      </c>
      <c r="K1301" s="27">
        <v>93.566354000000004</v>
      </c>
    </row>
    <row r="1302" spans="2:11" x14ac:dyDescent="0.45">
      <c r="B1302" s="27">
        <v>3491.1569599999998</v>
      </c>
      <c r="C1302" s="27">
        <v>99.526722000000007</v>
      </c>
      <c r="F1302" s="27">
        <v>89.401880000000006</v>
      </c>
      <c r="I1302" s="27">
        <v>3491.1569599999998</v>
      </c>
      <c r="K1302" s="27">
        <v>93.469120000000004</v>
      </c>
    </row>
    <row r="1303" spans="2:11" x14ac:dyDescent="0.45">
      <c r="B1303" s="27">
        <v>3493.0857759999999</v>
      </c>
      <c r="C1303" s="27">
        <v>99.531824999999998</v>
      </c>
      <c r="F1303" s="27">
        <v>89.405889999999999</v>
      </c>
      <c r="I1303" s="27">
        <v>3493.0857759999999</v>
      </c>
      <c r="K1303" s="27">
        <v>93.412154000000001</v>
      </c>
    </row>
    <row r="1304" spans="2:11" x14ac:dyDescent="0.45">
      <c r="B1304" s="27">
        <v>3495.014592</v>
      </c>
      <c r="C1304" s="27">
        <v>99.485063999999994</v>
      </c>
      <c r="F1304" s="27">
        <v>89.379560999999995</v>
      </c>
      <c r="I1304" s="27">
        <v>3495.014592</v>
      </c>
      <c r="K1304" s="27">
        <v>93.415555999999995</v>
      </c>
    </row>
    <row r="1305" spans="2:11" x14ac:dyDescent="0.45">
      <c r="B1305" s="27">
        <v>3496.9434080000001</v>
      </c>
      <c r="C1305" s="27">
        <v>99.534315000000007</v>
      </c>
      <c r="F1305" s="27">
        <v>89.339207999999999</v>
      </c>
      <c r="I1305" s="27">
        <v>3496.9434080000001</v>
      </c>
      <c r="K1305" s="27">
        <v>93.405137999999994</v>
      </c>
    </row>
    <row r="1306" spans="2:11" x14ac:dyDescent="0.45">
      <c r="B1306" s="27">
        <v>3498.8722240000002</v>
      </c>
      <c r="C1306" s="27">
        <v>99.636286999999996</v>
      </c>
      <c r="F1306" s="27">
        <v>89.329787999999994</v>
      </c>
      <c r="I1306" s="27">
        <v>3498.8722240000002</v>
      </c>
      <c r="K1306" s="27">
        <v>93.344054999999997</v>
      </c>
    </row>
    <row r="1307" spans="2:11" x14ac:dyDescent="0.45">
      <c r="B1307" s="27">
        <v>3500.8010399999998</v>
      </c>
      <c r="C1307" s="27">
        <v>99.597386999999998</v>
      </c>
      <c r="F1307" s="27">
        <v>89.343064999999996</v>
      </c>
      <c r="I1307" s="27">
        <v>3500.8010399999998</v>
      </c>
      <c r="K1307" s="27">
        <v>93.416781</v>
      </c>
    </row>
    <row r="1308" spans="2:11" x14ac:dyDescent="0.45">
      <c r="B1308" s="27">
        <v>3502.7298559999999</v>
      </c>
      <c r="C1308" s="27">
        <v>99.581997999999999</v>
      </c>
      <c r="F1308" s="27">
        <v>89.354495</v>
      </c>
      <c r="I1308" s="27">
        <v>3502.7298559999999</v>
      </c>
      <c r="K1308" s="27">
        <v>93.568825000000004</v>
      </c>
    </row>
    <row r="1309" spans="2:11" x14ac:dyDescent="0.45">
      <c r="B1309" s="27">
        <v>3504.658672</v>
      </c>
      <c r="C1309" s="27">
        <v>99.649243999999996</v>
      </c>
      <c r="F1309" s="27">
        <v>89.377095999999995</v>
      </c>
      <c r="I1309" s="27">
        <v>3504.658672</v>
      </c>
      <c r="K1309" s="27">
        <v>93.519779999999997</v>
      </c>
    </row>
    <row r="1310" spans="2:11" x14ac:dyDescent="0.45">
      <c r="B1310" s="27">
        <v>3506.5874880000001</v>
      </c>
      <c r="C1310" s="27">
        <v>99.560317999999995</v>
      </c>
      <c r="F1310" s="27">
        <v>89.367284999999995</v>
      </c>
      <c r="I1310" s="27">
        <v>3506.5874880000001</v>
      </c>
      <c r="K1310" s="27">
        <v>93.425545</v>
      </c>
    </row>
    <row r="1311" spans="2:11" x14ac:dyDescent="0.45">
      <c r="B1311" s="27">
        <v>3508.5163040000002</v>
      </c>
      <c r="C1311" s="27">
        <v>99.446753999999999</v>
      </c>
      <c r="F1311" s="27">
        <v>89.358475999999996</v>
      </c>
      <c r="I1311" s="27">
        <v>3508.5163040000002</v>
      </c>
      <c r="K1311" s="27">
        <v>93.494268000000005</v>
      </c>
    </row>
    <row r="1312" spans="2:11" x14ac:dyDescent="0.45">
      <c r="B1312" s="27">
        <v>3510.4451199999999</v>
      </c>
      <c r="C1312" s="27">
        <v>99.422803000000002</v>
      </c>
      <c r="F1312" s="27">
        <v>89.392948000000004</v>
      </c>
      <c r="I1312" s="27">
        <v>3510.4451199999999</v>
      </c>
      <c r="K1312" s="27">
        <v>93.611503999999996</v>
      </c>
    </row>
    <row r="1313" spans="2:11" x14ac:dyDescent="0.45">
      <c r="B1313" s="27">
        <v>3512.373936</v>
      </c>
      <c r="C1313" s="27">
        <v>99.551783999999998</v>
      </c>
      <c r="F1313" s="27">
        <v>89.441580000000002</v>
      </c>
      <c r="I1313" s="27">
        <v>3512.373936</v>
      </c>
      <c r="K1313" s="27">
        <v>93.539163000000002</v>
      </c>
    </row>
    <row r="1314" spans="2:11" x14ac:dyDescent="0.45">
      <c r="B1314" s="27">
        <v>3514.3027520000001</v>
      </c>
      <c r="C1314" s="27">
        <v>99.675961999999998</v>
      </c>
      <c r="F1314" s="27">
        <v>89.439925000000002</v>
      </c>
      <c r="I1314" s="27">
        <v>3514.3027520000001</v>
      </c>
      <c r="K1314" s="27">
        <v>93.445711000000003</v>
      </c>
    </row>
    <row r="1315" spans="2:11" x14ac:dyDescent="0.45">
      <c r="B1315" s="27">
        <v>3516.2315680000002</v>
      </c>
      <c r="C1315" s="27">
        <v>99.680299000000005</v>
      </c>
      <c r="F1315" s="27">
        <v>89.403558000000004</v>
      </c>
      <c r="I1315" s="27">
        <v>3516.2315680000002</v>
      </c>
      <c r="K1315" s="27">
        <v>93.442149000000001</v>
      </c>
    </row>
    <row r="1316" spans="2:11" x14ac:dyDescent="0.45">
      <c r="B1316" s="27">
        <v>3518.1603839999998</v>
      </c>
      <c r="C1316" s="27">
        <v>99.593024</v>
      </c>
      <c r="F1316" s="27">
        <v>89.380245000000002</v>
      </c>
      <c r="I1316" s="27">
        <v>3518.1603839999998</v>
      </c>
      <c r="K1316" s="27">
        <v>93.569226</v>
      </c>
    </row>
    <row r="1317" spans="2:11" x14ac:dyDescent="0.45">
      <c r="B1317" s="27">
        <v>3520.0891999999999</v>
      </c>
      <c r="C1317" s="27">
        <v>99.546302999999995</v>
      </c>
      <c r="F1317" s="27">
        <v>89.368177000000003</v>
      </c>
      <c r="I1317" s="27">
        <v>3520.0891999999999</v>
      </c>
      <c r="K1317" s="27">
        <v>93.647682000000003</v>
      </c>
    </row>
    <row r="1318" spans="2:11" x14ac:dyDescent="0.45">
      <c r="B1318" s="27">
        <v>3522.018016</v>
      </c>
      <c r="C1318" s="27">
        <v>99.555221000000003</v>
      </c>
      <c r="F1318" s="27">
        <v>89.416842000000003</v>
      </c>
      <c r="I1318" s="27">
        <v>3522.018016</v>
      </c>
      <c r="K1318" s="27">
        <v>93.578281000000004</v>
      </c>
    </row>
    <row r="1319" spans="2:11" x14ac:dyDescent="0.45">
      <c r="B1319" s="27">
        <v>3523.9468320000001</v>
      </c>
      <c r="C1319" s="27">
        <v>99.578442999999993</v>
      </c>
      <c r="F1319" s="27">
        <v>89.461080999999993</v>
      </c>
      <c r="I1319" s="27">
        <v>3523.9468320000001</v>
      </c>
      <c r="K1319" s="27">
        <v>93.524966000000006</v>
      </c>
    </row>
    <row r="1320" spans="2:11" x14ac:dyDescent="0.45">
      <c r="B1320" s="27">
        <v>3525.8756480000002</v>
      </c>
      <c r="C1320" s="27">
        <v>99.528226000000004</v>
      </c>
      <c r="F1320" s="27">
        <v>89.444370000000006</v>
      </c>
      <c r="I1320" s="27">
        <v>3525.8756480000002</v>
      </c>
      <c r="K1320" s="27">
        <v>93.499928999999995</v>
      </c>
    </row>
    <row r="1321" spans="2:11" x14ac:dyDescent="0.45">
      <c r="B1321" s="27">
        <v>3527.8044639999998</v>
      </c>
      <c r="C1321" s="27">
        <v>99.420265000000001</v>
      </c>
      <c r="F1321" s="27">
        <v>89.353217000000001</v>
      </c>
      <c r="I1321" s="27">
        <v>3527.8044639999998</v>
      </c>
      <c r="K1321" s="27">
        <v>93.552543</v>
      </c>
    </row>
    <row r="1322" spans="2:11" x14ac:dyDescent="0.45">
      <c r="B1322" s="27">
        <v>3529.7332799999999</v>
      </c>
      <c r="C1322" s="27">
        <v>99.439869000000002</v>
      </c>
      <c r="F1322" s="27">
        <v>89.301820000000006</v>
      </c>
      <c r="I1322" s="27">
        <v>3529.7332799999999</v>
      </c>
      <c r="K1322" s="27">
        <v>93.514962999999995</v>
      </c>
    </row>
    <row r="1323" spans="2:11" x14ac:dyDescent="0.45">
      <c r="B1323" s="27">
        <v>3531.662096</v>
      </c>
      <c r="C1323" s="27">
        <v>99.479239000000007</v>
      </c>
      <c r="F1323" s="27">
        <v>89.283562000000003</v>
      </c>
      <c r="I1323" s="27">
        <v>3531.662096</v>
      </c>
      <c r="K1323" s="27">
        <v>93.458488000000003</v>
      </c>
    </row>
    <row r="1324" spans="2:11" x14ac:dyDescent="0.45">
      <c r="B1324" s="27">
        <v>3533.5909120000001</v>
      </c>
      <c r="C1324" s="27">
        <v>99.439550999999994</v>
      </c>
      <c r="F1324" s="27">
        <v>89.292405000000002</v>
      </c>
      <c r="I1324" s="27">
        <v>3533.5909120000001</v>
      </c>
      <c r="K1324" s="27">
        <v>93.547728000000006</v>
      </c>
    </row>
    <row r="1325" spans="2:11" x14ac:dyDescent="0.45">
      <c r="B1325" s="27">
        <v>3535.5197280000002</v>
      </c>
      <c r="C1325" s="27">
        <v>99.407630999999995</v>
      </c>
      <c r="F1325" s="27">
        <v>89.338380000000001</v>
      </c>
      <c r="I1325" s="27">
        <v>3535.5197280000002</v>
      </c>
      <c r="K1325" s="27">
        <v>93.559312000000006</v>
      </c>
    </row>
    <row r="1326" spans="2:11" x14ac:dyDescent="0.45">
      <c r="B1326" s="27">
        <v>3537.4485439999999</v>
      </c>
      <c r="C1326" s="27">
        <v>99.476050999999998</v>
      </c>
      <c r="F1326" s="27">
        <v>89.398835000000005</v>
      </c>
      <c r="I1326" s="27">
        <v>3537.4485439999999</v>
      </c>
      <c r="K1326" s="27">
        <v>93.571816999999996</v>
      </c>
    </row>
    <row r="1327" spans="2:11" x14ac:dyDescent="0.45">
      <c r="B1327" s="27">
        <v>3539.37736</v>
      </c>
      <c r="C1327" s="27">
        <v>99.546020999999996</v>
      </c>
      <c r="F1327" s="27">
        <v>89.362144999999998</v>
      </c>
      <c r="I1327" s="27">
        <v>3539.37736</v>
      </c>
      <c r="K1327" s="27">
        <v>93.584084000000004</v>
      </c>
    </row>
    <row r="1328" spans="2:11" x14ac:dyDescent="0.45">
      <c r="B1328" s="27">
        <v>3541.3061760000001</v>
      </c>
      <c r="C1328" s="27">
        <v>99.605663000000007</v>
      </c>
      <c r="F1328" s="27">
        <v>89.326438999999993</v>
      </c>
      <c r="I1328" s="27">
        <v>3541.3061760000001</v>
      </c>
      <c r="K1328" s="27">
        <v>93.547732999999994</v>
      </c>
    </row>
    <row r="1329" spans="2:11" x14ac:dyDescent="0.45">
      <c r="B1329" s="27">
        <v>3543.2349920000001</v>
      </c>
      <c r="C1329" s="27">
        <v>99.631407999999993</v>
      </c>
      <c r="F1329" s="27">
        <v>89.338641999999993</v>
      </c>
      <c r="I1329" s="27">
        <v>3543.2349920000001</v>
      </c>
      <c r="K1329" s="27">
        <v>93.456203000000002</v>
      </c>
    </row>
    <row r="1330" spans="2:11" x14ac:dyDescent="0.45">
      <c r="B1330" s="27">
        <v>3545.1638079999998</v>
      </c>
      <c r="C1330" s="27">
        <v>99.642897000000005</v>
      </c>
      <c r="F1330" s="27">
        <v>89.334433000000004</v>
      </c>
      <c r="I1330" s="27">
        <v>3545.1638079999998</v>
      </c>
      <c r="K1330" s="27">
        <v>93.495149999999995</v>
      </c>
    </row>
    <row r="1331" spans="2:11" x14ac:dyDescent="0.45">
      <c r="B1331" s="27">
        <v>3547.0926239999999</v>
      </c>
      <c r="C1331" s="27">
        <v>99.483688999999998</v>
      </c>
      <c r="F1331" s="27">
        <v>89.362976000000003</v>
      </c>
      <c r="I1331" s="27">
        <v>3547.0926239999999</v>
      </c>
      <c r="K1331" s="27">
        <v>93.671049999999994</v>
      </c>
    </row>
    <row r="1332" spans="2:11" x14ac:dyDescent="0.45">
      <c r="B1332" s="27">
        <v>3549.02144</v>
      </c>
      <c r="C1332" s="27">
        <v>99.383707999999999</v>
      </c>
      <c r="F1332" s="27">
        <v>89.312973999999997</v>
      </c>
      <c r="I1332" s="27">
        <v>3549.02144</v>
      </c>
      <c r="K1332" s="27">
        <v>93.604235000000003</v>
      </c>
    </row>
    <row r="1333" spans="2:11" x14ac:dyDescent="0.45">
      <c r="B1333" s="27">
        <v>3550.9502560000001</v>
      </c>
      <c r="C1333" s="27">
        <v>99.406677000000002</v>
      </c>
      <c r="F1333" s="27">
        <v>89.286379999999994</v>
      </c>
      <c r="I1333" s="27">
        <v>3550.9502560000001</v>
      </c>
      <c r="K1333" s="27">
        <v>93.493818000000005</v>
      </c>
    </row>
    <row r="1334" spans="2:11" x14ac:dyDescent="0.45">
      <c r="B1334" s="27">
        <v>3552.8790720000002</v>
      </c>
      <c r="C1334" s="27">
        <v>99.472645999999997</v>
      </c>
      <c r="F1334" s="27">
        <v>89.283545000000004</v>
      </c>
      <c r="I1334" s="27">
        <v>3552.8790720000002</v>
      </c>
      <c r="K1334" s="27">
        <v>93.484442000000001</v>
      </c>
    </row>
    <row r="1335" spans="2:11" x14ac:dyDescent="0.45">
      <c r="B1335" s="27">
        <v>3554.8078879999998</v>
      </c>
      <c r="C1335" s="27">
        <v>99.552627000000001</v>
      </c>
      <c r="F1335" s="27">
        <v>89.327511999999999</v>
      </c>
      <c r="I1335" s="27">
        <v>3554.8078879999998</v>
      </c>
      <c r="K1335" s="27">
        <v>93.531163000000006</v>
      </c>
    </row>
    <row r="1336" spans="2:11" x14ac:dyDescent="0.45">
      <c r="B1336" s="27">
        <v>3556.7367039999999</v>
      </c>
      <c r="C1336" s="27">
        <v>99.556427999999997</v>
      </c>
      <c r="F1336" s="27">
        <v>89.332689000000002</v>
      </c>
      <c r="I1336" s="27">
        <v>3556.7367039999999</v>
      </c>
      <c r="K1336" s="27">
        <v>93.626064</v>
      </c>
    </row>
    <row r="1337" spans="2:11" x14ac:dyDescent="0.45">
      <c r="B1337" s="27">
        <v>3558.66552</v>
      </c>
      <c r="C1337" s="27">
        <v>99.471000000000004</v>
      </c>
      <c r="F1337" s="27">
        <v>89.244563999999997</v>
      </c>
      <c r="I1337" s="27">
        <v>3558.66552</v>
      </c>
      <c r="K1337" s="27">
        <v>93.685980999999998</v>
      </c>
    </row>
    <row r="1338" spans="2:11" x14ac:dyDescent="0.45">
      <c r="B1338" s="27">
        <v>3560.5943360000001</v>
      </c>
      <c r="C1338" s="27">
        <v>99.412802999999997</v>
      </c>
      <c r="F1338" s="27">
        <v>89.317459999999997</v>
      </c>
      <c r="I1338" s="27">
        <v>3560.5943360000001</v>
      </c>
      <c r="K1338" s="27">
        <v>93.676429999999996</v>
      </c>
    </row>
    <row r="1339" spans="2:11" x14ac:dyDescent="0.45">
      <c r="B1339" s="27">
        <v>3562.5231520000002</v>
      </c>
      <c r="C1339" s="27">
        <v>99.481498999999999</v>
      </c>
      <c r="F1339" s="27">
        <v>89.365380999999999</v>
      </c>
      <c r="I1339" s="27">
        <v>3562.5231520000002</v>
      </c>
      <c r="K1339" s="27">
        <v>93.608611999999994</v>
      </c>
    </row>
    <row r="1340" spans="2:11" x14ac:dyDescent="0.45">
      <c r="B1340" s="27">
        <v>3564.4519679999999</v>
      </c>
      <c r="C1340" s="27">
        <v>99.459166999999994</v>
      </c>
      <c r="F1340" s="27">
        <v>89.306263999999999</v>
      </c>
      <c r="I1340" s="27">
        <v>3564.4519679999999</v>
      </c>
      <c r="K1340" s="27">
        <v>93.499509000000003</v>
      </c>
    </row>
    <row r="1341" spans="2:11" x14ac:dyDescent="0.45">
      <c r="B1341" s="27">
        <v>3566.3807839999999</v>
      </c>
      <c r="C1341" s="27">
        <v>99.346671999999998</v>
      </c>
      <c r="F1341" s="27">
        <v>89.14855</v>
      </c>
      <c r="I1341" s="27">
        <v>3566.3807839999999</v>
      </c>
      <c r="K1341" s="27">
        <v>93.475009999999997</v>
      </c>
    </row>
    <row r="1342" spans="2:11" x14ac:dyDescent="0.45">
      <c r="B1342" s="27">
        <v>3568.3096</v>
      </c>
      <c r="C1342" s="27">
        <v>99.256783999999996</v>
      </c>
      <c r="F1342" s="27">
        <v>89.029263999999998</v>
      </c>
      <c r="I1342" s="27">
        <v>3568.3096</v>
      </c>
      <c r="K1342" s="27">
        <v>93.699611000000004</v>
      </c>
    </row>
    <row r="1343" spans="2:11" x14ac:dyDescent="0.45">
      <c r="B1343" s="27">
        <v>3570.2384160000001</v>
      </c>
      <c r="C1343" s="27">
        <v>99.358104999999995</v>
      </c>
      <c r="F1343" s="27">
        <v>89.246713999999997</v>
      </c>
      <c r="I1343" s="27">
        <v>3570.2384160000001</v>
      </c>
      <c r="K1343" s="27">
        <v>93.722072999999995</v>
      </c>
    </row>
    <row r="1344" spans="2:11" x14ac:dyDescent="0.45">
      <c r="B1344" s="27">
        <v>3572.1672319999998</v>
      </c>
      <c r="C1344" s="27">
        <v>99.452718000000004</v>
      </c>
      <c r="F1344" s="27">
        <v>89.292801999999995</v>
      </c>
      <c r="I1344" s="27">
        <v>3572.1672319999998</v>
      </c>
      <c r="K1344" s="27">
        <v>93.643462</v>
      </c>
    </row>
    <row r="1345" spans="2:11" x14ac:dyDescent="0.45">
      <c r="B1345" s="27">
        <v>3574.0960479999999</v>
      </c>
      <c r="C1345" s="27">
        <v>99.460676000000007</v>
      </c>
      <c r="F1345" s="27">
        <v>89.242957000000004</v>
      </c>
      <c r="I1345" s="27">
        <v>3574.0960479999999</v>
      </c>
      <c r="K1345" s="27">
        <v>93.567449999999994</v>
      </c>
    </row>
    <row r="1346" spans="2:11" x14ac:dyDescent="0.45">
      <c r="B1346" s="27">
        <v>3576.024864</v>
      </c>
      <c r="C1346" s="27">
        <v>99.505495999999994</v>
      </c>
      <c r="F1346" s="27">
        <v>89.272102000000004</v>
      </c>
      <c r="I1346" s="27">
        <v>3576.024864</v>
      </c>
      <c r="K1346" s="27">
        <v>93.500224000000003</v>
      </c>
    </row>
    <row r="1347" spans="2:11" x14ac:dyDescent="0.45">
      <c r="B1347" s="27">
        <v>3577.9536800000001</v>
      </c>
      <c r="C1347" s="27">
        <v>99.542603</v>
      </c>
      <c r="F1347" s="27">
        <v>89.404509000000004</v>
      </c>
      <c r="I1347" s="27">
        <v>3577.9536800000001</v>
      </c>
      <c r="K1347" s="27">
        <v>93.498841999999996</v>
      </c>
    </row>
    <row r="1348" spans="2:11" x14ac:dyDescent="0.45">
      <c r="B1348" s="27">
        <v>3579.8824960000002</v>
      </c>
      <c r="C1348" s="27">
        <v>99.482498000000007</v>
      </c>
      <c r="F1348" s="27">
        <v>89.455304999999996</v>
      </c>
      <c r="I1348" s="27">
        <v>3579.8824960000002</v>
      </c>
      <c r="K1348" s="27">
        <v>93.558834000000004</v>
      </c>
    </row>
    <row r="1349" spans="2:11" x14ac:dyDescent="0.45">
      <c r="B1349" s="27">
        <v>3581.8113119999998</v>
      </c>
      <c r="C1349" s="27">
        <v>99.451924000000005</v>
      </c>
      <c r="F1349" s="27">
        <v>89.482685000000004</v>
      </c>
      <c r="I1349" s="27">
        <v>3581.8113119999998</v>
      </c>
      <c r="K1349" s="27">
        <v>93.589579000000001</v>
      </c>
    </row>
    <row r="1350" spans="2:11" x14ac:dyDescent="0.45">
      <c r="B1350" s="27">
        <v>3583.7401279999999</v>
      </c>
      <c r="C1350" s="27">
        <v>99.492335999999995</v>
      </c>
      <c r="F1350" s="27">
        <v>89.429275000000004</v>
      </c>
      <c r="I1350" s="27">
        <v>3583.7401279999999</v>
      </c>
      <c r="K1350" s="27">
        <v>93.458003000000005</v>
      </c>
    </row>
    <row r="1351" spans="2:11" x14ac:dyDescent="0.45">
      <c r="B1351" s="27">
        <v>3585.668944</v>
      </c>
      <c r="C1351" s="27">
        <v>99.483275000000006</v>
      </c>
      <c r="F1351" s="27">
        <v>89.406854999999993</v>
      </c>
      <c r="I1351" s="27">
        <v>3585.668944</v>
      </c>
      <c r="K1351" s="27">
        <v>93.379467000000005</v>
      </c>
    </row>
    <row r="1352" spans="2:11" x14ac:dyDescent="0.45">
      <c r="B1352" s="27">
        <v>3587.5977600000001</v>
      </c>
      <c r="C1352" s="27">
        <v>99.380596999999995</v>
      </c>
      <c r="F1352" s="27">
        <v>89.173914999999994</v>
      </c>
      <c r="I1352" s="27">
        <v>3587.5977600000001</v>
      </c>
      <c r="K1352" s="27">
        <v>93.615992000000006</v>
      </c>
    </row>
    <row r="1353" spans="2:11" x14ac:dyDescent="0.45">
      <c r="B1353" s="27">
        <v>3589.5265760000002</v>
      </c>
      <c r="C1353" s="27">
        <v>99.556550999999999</v>
      </c>
      <c r="F1353" s="27">
        <v>89.110775000000004</v>
      </c>
      <c r="I1353" s="27">
        <v>3589.5265760000002</v>
      </c>
      <c r="K1353" s="27">
        <v>93.701943</v>
      </c>
    </row>
    <row r="1354" spans="2:11" x14ac:dyDescent="0.45">
      <c r="B1354" s="27">
        <v>3591.4553919999998</v>
      </c>
      <c r="C1354" s="27">
        <v>99.601107999999996</v>
      </c>
      <c r="F1354" s="27">
        <v>89.220287999999996</v>
      </c>
      <c r="I1354" s="27">
        <v>3591.4553919999998</v>
      </c>
      <c r="K1354" s="27">
        <v>93.548175000000001</v>
      </c>
    </row>
    <row r="1355" spans="2:11" x14ac:dyDescent="0.45">
      <c r="B1355" s="27">
        <v>3593.3842079999999</v>
      </c>
      <c r="C1355" s="27">
        <v>99.546259000000006</v>
      </c>
      <c r="F1355" s="27">
        <v>89.221888000000007</v>
      </c>
      <c r="I1355" s="27">
        <v>3593.3842079999999</v>
      </c>
      <c r="K1355" s="27">
        <v>93.493264999999994</v>
      </c>
    </row>
    <row r="1356" spans="2:11" x14ac:dyDescent="0.45">
      <c r="B1356" s="27">
        <v>3595.313024</v>
      </c>
      <c r="C1356" s="27">
        <v>99.447518000000002</v>
      </c>
      <c r="F1356" s="27">
        <v>89.176029999999997</v>
      </c>
      <c r="I1356" s="27">
        <v>3595.313024</v>
      </c>
      <c r="K1356" s="27">
        <v>93.495489000000006</v>
      </c>
    </row>
    <row r="1357" spans="2:11" x14ac:dyDescent="0.45">
      <c r="B1357" s="27">
        <v>3597.2418400000001</v>
      </c>
      <c r="C1357" s="27">
        <v>99.450376000000006</v>
      </c>
      <c r="F1357" s="27">
        <v>89.144240999999994</v>
      </c>
      <c r="I1357" s="27">
        <v>3597.2418400000001</v>
      </c>
      <c r="K1357" s="27">
        <v>93.499767000000006</v>
      </c>
    </row>
    <row r="1358" spans="2:11" x14ac:dyDescent="0.45">
      <c r="B1358" s="27">
        <v>3599.1706559999998</v>
      </c>
      <c r="C1358" s="27">
        <v>99.487836999999999</v>
      </c>
      <c r="F1358" s="27">
        <v>89.191377000000003</v>
      </c>
      <c r="I1358" s="27">
        <v>3599.1706559999998</v>
      </c>
      <c r="K1358" s="27">
        <v>93.483906000000005</v>
      </c>
    </row>
    <row r="1359" spans="2:11" x14ac:dyDescent="0.45">
      <c r="B1359" s="27">
        <v>3601.0994719999999</v>
      </c>
      <c r="C1359" s="27">
        <v>99.519411000000005</v>
      </c>
      <c r="F1359" s="27">
        <v>89.203721999999999</v>
      </c>
      <c r="I1359" s="27">
        <v>3601.0994719999999</v>
      </c>
      <c r="K1359" s="27">
        <v>93.493399999999994</v>
      </c>
    </row>
    <row r="1360" spans="2:11" x14ac:dyDescent="0.45">
      <c r="B1360" s="27">
        <v>3603.028288</v>
      </c>
      <c r="C1360" s="27">
        <v>99.503744999999995</v>
      </c>
      <c r="F1360" s="27">
        <v>89.211866999999998</v>
      </c>
      <c r="I1360" s="27">
        <v>3603.028288</v>
      </c>
      <c r="K1360" s="27">
        <v>93.550127000000003</v>
      </c>
    </row>
    <row r="1361" spans="2:11" x14ac:dyDescent="0.45">
      <c r="B1361" s="27">
        <v>3604.9571040000001</v>
      </c>
      <c r="C1361" s="27">
        <v>99.476464000000007</v>
      </c>
      <c r="F1361" s="27">
        <v>89.256065000000007</v>
      </c>
      <c r="I1361" s="27">
        <v>3604.9571040000001</v>
      </c>
      <c r="K1361" s="27">
        <v>93.557170999999997</v>
      </c>
    </row>
    <row r="1362" spans="2:11" x14ac:dyDescent="0.45">
      <c r="B1362" s="27">
        <v>3606.8859200000002</v>
      </c>
      <c r="C1362" s="27">
        <v>99.375372999999996</v>
      </c>
      <c r="F1362" s="27">
        <v>89.210424000000003</v>
      </c>
      <c r="I1362" s="27">
        <v>3606.8859200000002</v>
      </c>
      <c r="K1362" s="27">
        <v>93.461850999999996</v>
      </c>
    </row>
    <row r="1363" spans="2:11" x14ac:dyDescent="0.45">
      <c r="B1363" s="27">
        <v>3608.8147359999998</v>
      </c>
      <c r="C1363" s="27">
        <v>99.408713000000006</v>
      </c>
      <c r="F1363" s="27">
        <v>89.156791999999996</v>
      </c>
      <c r="I1363" s="27">
        <v>3608.8147359999998</v>
      </c>
      <c r="K1363" s="27">
        <v>93.489174000000006</v>
      </c>
    </row>
    <row r="1364" spans="2:11" x14ac:dyDescent="0.45">
      <c r="B1364" s="27">
        <v>3610.7435519999999</v>
      </c>
      <c r="C1364" s="27">
        <v>99.447627999999995</v>
      </c>
      <c r="F1364" s="27">
        <v>89.227058999999997</v>
      </c>
      <c r="I1364" s="27">
        <v>3610.7435519999999</v>
      </c>
      <c r="K1364" s="27">
        <v>93.490410999999995</v>
      </c>
    </row>
    <row r="1365" spans="2:11" x14ac:dyDescent="0.45">
      <c r="B1365" s="27">
        <v>3612.672368</v>
      </c>
      <c r="C1365" s="27">
        <v>99.330146999999997</v>
      </c>
      <c r="F1365" s="27">
        <v>89.231330999999997</v>
      </c>
      <c r="I1365" s="27">
        <v>3612.672368</v>
      </c>
      <c r="K1365" s="27">
        <v>93.565301000000005</v>
      </c>
    </row>
    <row r="1366" spans="2:11" x14ac:dyDescent="0.45">
      <c r="B1366" s="27">
        <v>3614.6011840000001</v>
      </c>
      <c r="C1366" s="27">
        <v>99.399691000000004</v>
      </c>
      <c r="F1366" s="27">
        <v>89.104063999999994</v>
      </c>
      <c r="I1366" s="27">
        <v>3614.6011840000001</v>
      </c>
      <c r="K1366" s="27">
        <v>93.615296999999998</v>
      </c>
    </row>
    <row r="1367" spans="2:11" x14ac:dyDescent="0.45">
      <c r="B1367" s="27">
        <v>3616.53</v>
      </c>
      <c r="C1367" s="27">
        <v>99.410319000000001</v>
      </c>
      <c r="F1367" s="27">
        <v>89.04222</v>
      </c>
      <c r="I1367" s="27">
        <v>3616.53</v>
      </c>
      <c r="K1367" s="27">
        <v>93.572985000000003</v>
      </c>
    </row>
    <row r="1368" spans="2:11" x14ac:dyDescent="0.45">
      <c r="B1368" s="27">
        <v>3618.4588159999998</v>
      </c>
      <c r="C1368" s="27">
        <v>99.229124999999996</v>
      </c>
      <c r="F1368" s="27">
        <v>88.887664999999998</v>
      </c>
      <c r="I1368" s="27">
        <v>3618.4588159999998</v>
      </c>
      <c r="K1368" s="27">
        <v>93.708403000000004</v>
      </c>
    </row>
    <row r="1369" spans="2:11" x14ac:dyDescent="0.45">
      <c r="B1369" s="27">
        <v>3620.3876319999999</v>
      </c>
      <c r="C1369" s="27">
        <v>99.215198999999998</v>
      </c>
      <c r="F1369" s="27">
        <v>88.986134000000007</v>
      </c>
      <c r="I1369" s="27">
        <v>3620.3876319999999</v>
      </c>
      <c r="K1369" s="27">
        <v>93.781216000000001</v>
      </c>
    </row>
    <row r="1370" spans="2:11" x14ac:dyDescent="0.45">
      <c r="B1370" s="27">
        <v>3622.316448</v>
      </c>
      <c r="C1370" s="27">
        <v>99.421820999999994</v>
      </c>
      <c r="F1370" s="27">
        <v>89.258685999999997</v>
      </c>
      <c r="I1370" s="27">
        <v>3622.316448</v>
      </c>
      <c r="K1370" s="27">
        <v>93.710459999999998</v>
      </c>
    </row>
    <row r="1371" spans="2:11" x14ac:dyDescent="0.45">
      <c r="B1371" s="27">
        <v>3624.2452640000001</v>
      </c>
      <c r="C1371" s="27">
        <v>99.561571000000001</v>
      </c>
      <c r="F1371" s="27">
        <v>89.345977000000005</v>
      </c>
      <c r="I1371" s="27">
        <v>3624.2452640000001</v>
      </c>
      <c r="K1371" s="27">
        <v>93.710856000000007</v>
      </c>
    </row>
    <row r="1372" spans="2:11" x14ac:dyDescent="0.45">
      <c r="B1372" s="27">
        <v>3626.1740799999998</v>
      </c>
      <c r="C1372" s="27">
        <v>99.596777000000003</v>
      </c>
      <c r="F1372" s="27">
        <v>89.262450000000001</v>
      </c>
      <c r="I1372" s="27">
        <v>3626.1740799999998</v>
      </c>
      <c r="K1372" s="27">
        <v>93.456665999999998</v>
      </c>
    </row>
    <row r="1373" spans="2:11" x14ac:dyDescent="0.45">
      <c r="B1373" s="27">
        <v>3628.1028959999999</v>
      </c>
      <c r="C1373" s="27">
        <v>99.333715999999995</v>
      </c>
      <c r="F1373" s="27">
        <v>89.227562000000006</v>
      </c>
      <c r="I1373" s="27">
        <v>3628.1028959999999</v>
      </c>
      <c r="K1373" s="27">
        <v>93.293637000000004</v>
      </c>
    </row>
    <row r="1374" spans="2:11" x14ac:dyDescent="0.45">
      <c r="B1374" s="27">
        <v>3630.031712</v>
      </c>
      <c r="C1374" s="27">
        <v>99.116283999999993</v>
      </c>
      <c r="F1374" s="27">
        <v>89.140985999999998</v>
      </c>
      <c r="I1374" s="27">
        <v>3630.031712</v>
      </c>
      <c r="K1374" s="27">
        <v>93.654621000000006</v>
      </c>
    </row>
    <row r="1375" spans="2:11" x14ac:dyDescent="0.45">
      <c r="B1375" s="27">
        <v>3631.9605280000001</v>
      </c>
      <c r="C1375" s="27">
        <v>99.387157000000002</v>
      </c>
      <c r="F1375" s="27">
        <v>89.185693999999998</v>
      </c>
      <c r="I1375" s="27">
        <v>3631.9605280000001</v>
      </c>
      <c r="K1375" s="27">
        <v>93.606162999999995</v>
      </c>
    </row>
    <row r="1376" spans="2:11" x14ac:dyDescent="0.45">
      <c r="B1376" s="27">
        <v>3633.8893440000002</v>
      </c>
      <c r="C1376" s="27">
        <v>99.426323999999994</v>
      </c>
      <c r="F1376" s="27">
        <v>89.085485000000006</v>
      </c>
      <c r="I1376" s="27">
        <v>3633.8893440000002</v>
      </c>
      <c r="K1376" s="27">
        <v>93.727030999999997</v>
      </c>
    </row>
    <row r="1377" spans="2:11" x14ac:dyDescent="0.45">
      <c r="B1377" s="27">
        <v>3635.8181599999998</v>
      </c>
      <c r="C1377" s="27">
        <v>99.452074999999994</v>
      </c>
      <c r="F1377" s="27">
        <v>89.105658000000005</v>
      </c>
      <c r="I1377" s="27">
        <v>3635.8181599999998</v>
      </c>
      <c r="K1377" s="27">
        <v>93.754305000000002</v>
      </c>
    </row>
    <row r="1378" spans="2:11" x14ac:dyDescent="0.45">
      <c r="B1378" s="27">
        <v>3637.7469759999999</v>
      </c>
      <c r="C1378" s="27">
        <v>99.411214000000001</v>
      </c>
      <c r="F1378" s="27">
        <v>89.188552000000001</v>
      </c>
      <c r="I1378" s="27">
        <v>3637.7469759999999</v>
      </c>
      <c r="K1378" s="27">
        <v>93.626575000000003</v>
      </c>
    </row>
    <row r="1379" spans="2:11" x14ac:dyDescent="0.45">
      <c r="B1379" s="27">
        <v>3639.675792</v>
      </c>
      <c r="C1379" s="27">
        <v>99.329408000000001</v>
      </c>
      <c r="F1379" s="27">
        <v>89.208005</v>
      </c>
      <c r="I1379" s="27">
        <v>3639.675792</v>
      </c>
      <c r="K1379" s="27">
        <v>93.581225000000003</v>
      </c>
    </row>
    <row r="1380" spans="2:11" x14ac:dyDescent="0.45">
      <c r="B1380" s="27">
        <v>3641.6046080000001</v>
      </c>
      <c r="C1380" s="27">
        <v>99.279259999999994</v>
      </c>
      <c r="F1380" s="27">
        <v>89.196568999999997</v>
      </c>
      <c r="I1380" s="27">
        <v>3641.6046080000001</v>
      </c>
      <c r="K1380" s="27">
        <v>93.614233999999996</v>
      </c>
    </row>
    <row r="1381" spans="2:11" x14ac:dyDescent="0.45">
      <c r="B1381" s="27">
        <v>3643.5334240000002</v>
      </c>
      <c r="C1381" s="27">
        <v>99.315505999999999</v>
      </c>
      <c r="F1381" s="27">
        <v>89.178520000000006</v>
      </c>
      <c r="I1381" s="27">
        <v>3643.5334240000002</v>
      </c>
      <c r="K1381" s="27">
        <v>93.656717</v>
      </c>
    </row>
    <row r="1382" spans="2:11" x14ac:dyDescent="0.45">
      <c r="B1382" s="27">
        <v>3645.4622399999998</v>
      </c>
      <c r="C1382" s="27">
        <v>99.321550999999999</v>
      </c>
      <c r="F1382" s="27">
        <v>89.168114000000003</v>
      </c>
      <c r="I1382" s="27">
        <v>3645.4622399999998</v>
      </c>
      <c r="K1382" s="27">
        <v>93.485431000000005</v>
      </c>
    </row>
    <row r="1383" spans="2:11" x14ac:dyDescent="0.45">
      <c r="B1383" s="27">
        <v>3647.3910559999999</v>
      </c>
      <c r="C1383" s="27">
        <v>99.120823000000001</v>
      </c>
      <c r="F1383" s="27">
        <v>89.089444</v>
      </c>
      <c r="I1383" s="27">
        <v>3647.3910559999999</v>
      </c>
      <c r="K1383" s="27">
        <v>93.309178000000003</v>
      </c>
    </row>
    <row r="1384" spans="2:11" x14ac:dyDescent="0.45">
      <c r="B1384" s="27">
        <v>3649.319872</v>
      </c>
      <c r="C1384" s="27">
        <v>98.765074999999996</v>
      </c>
      <c r="F1384" s="27">
        <v>88.862921999999998</v>
      </c>
      <c r="I1384" s="27">
        <v>3649.319872</v>
      </c>
      <c r="K1384" s="27">
        <v>93.520615000000006</v>
      </c>
    </row>
    <row r="1385" spans="2:11" x14ac:dyDescent="0.45">
      <c r="B1385" s="27">
        <v>3651.2486880000001</v>
      </c>
      <c r="C1385" s="27">
        <v>99.091853999999998</v>
      </c>
      <c r="F1385" s="27">
        <v>88.916796000000005</v>
      </c>
      <c r="I1385" s="27">
        <v>3651.2486880000001</v>
      </c>
      <c r="K1385" s="27">
        <v>93.815155000000004</v>
      </c>
    </row>
    <row r="1386" spans="2:11" x14ac:dyDescent="0.45">
      <c r="B1386" s="27">
        <v>3653.1775040000002</v>
      </c>
      <c r="C1386" s="27">
        <v>99.462929000000003</v>
      </c>
      <c r="F1386" s="27">
        <v>88.993139999999997</v>
      </c>
      <c r="I1386" s="27">
        <v>3653.1775040000002</v>
      </c>
      <c r="K1386" s="27">
        <v>93.604702000000003</v>
      </c>
    </row>
    <row r="1387" spans="2:11" x14ac:dyDescent="0.45">
      <c r="B1387" s="27">
        <v>3655.1063199999999</v>
      </c>
      <c r="C1387" s="27">
        <v>99.394120000000001</v>
      </c>
      <c r="F1387" s="27">
        <v>89.034077999999994</v>
      </c>
      <c r="I1387" s="27">
        <v>3655.1063199999999</v>
      </c>
      <c r="K1387" s="27">
        <v>93.572371000000004</v>
      </c>
    </row>
    <row r="1388" spans="2:11" x14ac:dyDescent="0.45">
      <c r="B1388" s="27">
        <v>3657.035136</v>
      </c>
      <c r="C1388" s="27">
        <v>99.325237000000001</v>
      </c>
      <c r="F1388" s="27">
        <v>89.090898999999993</v>
      </c>
      <c r="I1388" s="27">
        <v>3657.035136</v>
      </c>
      <c r="K1388" s="27">
        <v>93.792339999999996</v>
      </c>
    </row>
    <row r="1389" spans="2:11" x14ac:dyDescent="0.45">
      <c r="B1389" s="27">
        <v>3658.9639520000001</v>
      </c>
      <c r="C1389" s="27">
        <v>99.470726999999997</v>
      </c>
      <c r="F1389" s="27">
        <v>89.156313999999995</v>
      </c>
      <c r="I1389" s="27">
        <v>3658.9639520000001</v>
      </c>
      <c r="K1389" s="27">
        <v>93.696743999999995</v>
      </c>
    </row>
    <row r="1390" spans="2:11" x14ac:dyDescent="0.45">
      <c r="B1390" s="27">
        <v>3660.8927680000002</v>
      </c>
      <c r="C1390" s="27">
        <v>99.501204000000001</v>
      </c>
      <c r="F1390" s="27">
        <v>89.212603999999999</v>
      </c>
      <c r="I1390" s="27">
        <v>3660.8927680000002</v>
      </c>
      <c r="K1390" s="27">
        <v>93.742087999999995</v>
      </c>
    </row>
    <row r="1391" spans="2:11" x14ac:dyDescent="0.45">
      <c r="B1391" s="27">
        <v>3662.8215839999998</v>
      </c>
      <c r="C1391" s="27">
        <v>99.402021000000005</v>
      </c>
      <c r="F1391" s="27">
        <v>89.255521999999999</v>
      </c>
      <c r="I1391" s="27">
        <v>3662.8215839999998</v>
      </c>
      <c r="K1391" s="27">
        <v>93.771871000000004</v>
      </c>
    </row>
    <row r="1392" spans="2:11" x14ac:dyDescent="0.45">
      <c r="B1392" s="27">
        <v>3664.7503999999999</v>
      </c>
      <c r="C1392" s="27">
        <v>99.326392999999996</v>
      </c>
      <c r="F1392" s="27">
        <v>89.286947999999995</v>
      </c>
      <c r="I1392" s="27">
        <v>3664.7503999999999</v>
      </c>
      <c r="K1392" s="27">
        <v>93.692150999999996</v>
      </c>
    </row>
    <row r="1393" spans="2:11" x14ac:dyDescent="0.45">
      <c r="B1393" s="27">
        <v>3666.679216</v>
      </c>
      <c r="C1393" s="27">
        <v>99.348248999999996</v>
      </c>
      <c r="F1393" s="27">
        <v>89.278394000000006</v>
      </c>
      <c r="I1393" s="27">
        <v>3666.679216</v>
      </c>
      <c r="K1393" s="27">
        <v>93.507610999999997</v>
      </c>
    </row>
    <row r="1394" spans="2:11" x14ac:dyDescent="0.45">
      <c r="B1394" s="27">
        <v>3668.6080320000001</v>
      </c>
      <c r="C1394" s="27">
        <v>99.285634999999999</v>
      </c>
      <c r="F1394" s="27">
        <v>89.178977000000003</v>
      </c>
      <c r="I1394" s="27">
        <v>3668.6080320000001</v>
      </c>
      <c r="K1394" s="27">
        <v>93.479916000000003</v>
      </c>
    </row>
    <row r="1395" spans="2:11" x14ac:dyDescent="0.45">
      <c r="B1395" s="27">
        <v>3670.5368480000002</v>
      </c>
      <c r="C1395" s="27">
        <v>99.195845000000006</v>
      </c>
      <c r="F1395" s="27">
        <v>89.064293000000006</v>
      </c>
      <c r="I1395" s="27">
        <v>3670.5368480000002</v>
      </c>
      <c r="K1395" s="27">
        <v>93.835791999999998</v>
      </c>
    </row>
    <row r="1396" spans="2:11" x14ac:dyDescent="0.45">
      <c r="B1396" s="27">
        <v>3672.4656639999998</v>
      </c>
      <c r="C1396" s="27">
        <v>99.367424</v>
      </c>
      <c r="F1396" s="27">
        <v>89.120553000000001</v>
      </c>
      <c r="I1396" s="27">
        <v>3672.4656639999998</v>
      </c>
      <c r="K1396" s="27">
        <v>93.576812000000004</v>
      </c>
    </row>
    <row r="1397" spans="2:11" x14ac:dyDescent="0.45">
      <c r="B1397" s="27">
        <v>3674.3944799999999</v>
      </c>
      <c r="C1397" s="27">
        <v>99.281619000000006</v>
      </c>
      <c r="F1397" s="27">
        <v>89.030221999999995</v>
      </c>
      <c r="I1397" s="27">
        <v>3674.3944799999999</v>
      </c>
      <c r="K1397" s="27">
        <v>93.464016000000001</v>
      </c>
    </row>
    <row r="1398" spans="2:11" x14ac:dyDescent="0.45">
      <c r="B1398" s="27">
        <v>3676.323296</v>
      </c>
      <c r="C1398" s="27">
        <v>99.025811000000004</v>
      </c>
      <c r="F1398" s="27">
        <v>88.879071999999994</v>
      </c>
      <c r="I1398" s="27">
        <v>3676.323296</v>
      </c>
      <c r="K1398" s="27">
        <v>93.801261999999994</v>
      </c>
    </row>
    <row r="1399" spans="2:11" x14ac:dyDescent="0.45">
      <c r="B1399" s="27">
        <v>3678.2521120000001</v>
      </c>
      <c r="C1399" s="27">
        <v>99.153665000000004</v>
      </c>
      <c r="F1399" s="27">
        <v>89.160132000000004</v>
      </c>
      <c r="I1399" s="27">
        <v>3678.2521120000001</v>
      </c>
      <c r="K1399" s="27">
        <v>93.670693</v>
      </c>
    </row>
    <row r="1400" spans="2:11" x14ac:dyDescent="0.45">
      <c r="B1400" s="27">
        <v>3680.1809280000002</v>
      </c>
      <c r="C1400" s="27">
        <v>99.234829000000005</v>
      </c>
      <c r="F1400" s="27">
        <v>89.159726000000006</v>
      </c>
      <c r="I1400" s="27">
        <v>3680.1809280000002</v>
      </c>
      <c r="K1400" s="27">
        <v>93.864783000000003</v>
      </c>
    </row>
    <row r="1401" spans="2:11" x14ac:dyDescent="0.45">
      <c r="B1401" s="27">
        <v>3682.1097439999999</v>
      </c>
      <c r="C1401" s="27">
        <v>99.367064999999997</v>
      </c>
      <c r="F1401" s="27">
        <v>89.147127999999995</v>
      </c>
      <c r="I1401" s="27">
        <v>3682.1097439999999</v>
      </c>
      <c r="K1401" s="27">
        <v>93.903328999999999</v>
      </c>
    </row>
    <row r="1402" spans="2:11" x14ac:dyDescent="0.45">
      <c r="B1402" s="27">
        <v>3684.03856</v>
      </c>
      <c r="C1402" s="27">
        <v>99.483154999999996</v>
      </c>
      <c r="F1402" s="27">
        <v>89.208331999999999</v>
      </c>
      <c r="I1402" s="27">
        <v>3684.03856</v>
      </c>
      <c r="K1402" s="27">
        <v>93.819520999999995</v>
      </c>
    </row>
    <row r="1403" spans="2:11" x14ac:dyDescent="0.45">
      <c r="B1403" s="27">
        <v>3685.9673760000001</v>
      </c>
      <c r="C1403" s="27">
        <v>99.537655000000001</v>
      </c>
      <c r="F1403" s="27">
        <v>89.247112000000001</v>
      </c>
      <c r="I1403" s="27">
        <v>3685.9673760000001</v>
      </c>
      <c r="K1403" s="27">
        <v>93.636050999999995</v>
      </c>
    </row>
    <row r="1404" spans="2:11" x14ac:dyDescent="0.45">
      <c r="B1404" s="27">
        <v>3687.8961920000002</v>
      </c>
      <c r="C1404" s="27">
        <v>99.455213999999998</v>
      </c>
      <c r="F1404" s="27">
        <v>89.209592999999998</v>
      </c>
      <c r="I1404" s="27">
        <v>3687.8961920000002</v>
      </c>
      <c r="K1404" s="27">
        <v>93.663807000000006</v>
      </c>
    </row>
    <row r="1405" spans="2:11" x14ac:dyDescent="0.45">
      <c r="B1405" s="27">
        <v>3689.8250079999998</v>
      </c>
      <c r="C1405" s="27">
        <v>99.308008000000001</v>
      </c>
      <c r="F1405" s="27">
        <v>89.145297999999997</v>
      </c>
      <c r="I1405" s="27">
        <v>3689.8250079999998</v>
      </c>
      <c r="K1405" s="27">
        <v>94.069227999999995</v>
      </c>
    </row>
    <row r="1406" spans="2:11" x14ac:dyDescent="0.45">
      <c r="B1406" s="27">
        <v>3691.7538239999999</v>
      </c>
      <c r="C1406" s="27">
        <v>99.182686000000004</v>
      </c>
      <c r="F1406" s="27">
        <v>89.122422999999998</v>
      </c>
      <c r="I1406" s="27">
        <v>3691.7538239999999</v>
      </c>
      <c r="K1406" s="27">
        <v>94.002796000000004</v>
      </c>
    </row>
    <row r="1407" spans="2:11" x14ac:dyDescent="0.45">
      <c r="B1407" s="27">
        <v>3693.68264</v>
      </c>
      <c r="C1407" s="27">
        <v>99.343920999999995</v>
      </c>
      <c r="F1407" s="27">
        <v>89.208101999999997</v>
      </c>
      <c r="I1407" s="27">
        <v>3693.68264</v>
      </c>
      <c r="K1407" s="27">
        <v>93.839646000000002</v>
      </c>
    </row>
    <row r="1408" spans="2:11" x14ac:dyDescent="0.45">
      <c r="B1408" s="27">
        <v>3695.6114560000001</v>
      </c>
      <c r="C1408" s="27">
        <v>99.478444999999994</v>
      </c>
      <c r="F1408" s="27">
        <v>89.309098000000006</v>
      </c>
      <c r="I1408" s="27">
        <v>3695.6114560000001</v>
      </c>
      <c r="K1408" s="27">
        <v>93.869093000000007</v>
      </c>
    </row>
    <row r="1409" spans="2:11" x14ac:dyDescent="0.45">
      <c r="B1409" s="27">
        <v>3697.5402720000002</v>
      </c>
      <c r="C1409" s="27">
        <v>99.412831999999995</v>
      </c>
      <c r="F1409" s="27">
        <v>89.449028999999996</v>
      </c>
      <c r="I1409" s="27">
        <v>3697.5402720000002</v>
      </c>
      <c r="K1409" s="27">
        <v>93.957500999999993</v>
      </c>
    </row>
    <row r="1410" spans="2:11" x14ac:dyDescent="0.45">
      <c r="B1410" s="27">
        <v>3699.4690879999998</v>
      </c>
      <c r="C1410" s="27">
        <v>99.345286999999999</v>
      </c>
      <c r="F1410" s="27">
        <v>89.503271999999996</v>
      </c>
      <c r="I1410" s="27">
        <v>3699.4690879999998</v>
      </c>
      <c r="K1410" s="27">
        <v>93.894845000000004</v>
      </c>
    </row>
    <row r="1411" spans="2:11" x14ac:dyDescent="0.45">
      <c r="B1411" s="27">
        <v>3701.3979039999999</v>
      </c>
      <c r="C1411" s="27">
        <v>99.328013999999996</v>
      </c>
      <c r="F1411" s="27">
        <v>89.416492000000005</v>
      </c>
      <c r="I1411" s="27">
        <v>3701.3979039999999</v>
      </c>
      <c r="K1411" s="27">
        <v>93.958607000000001</v>
      </c>
    </row>
    <row r="1412" spans="2:11" x14ac:dyDescent="0.45">
      <c r="B1412" s="27">
        <v>3703.32672</v>
      </c>
      <c r="C1412" s="27">
        <v>99.364632</v>
      </c>
      <c r="F1412" s="27">
        <v>89.273049</v>
      </c>
      <c r="I1412" s="27">
        <v>3703.32672</v>
      </c>
      <c r="K1412" s="27">
        <v>93.981406000000007</v>
      </c>
    </row>
    <row r="1413" spans="2:11" x14ac:dyDescent="0.45">
      <c r="B1413" s="27">
        <v>3705.2555360000001</v>
      </c>
      <c r="C1413" s="27">
        <v>99.407639000000003</v>
      </c>
      <c r="F1413" s="27">
        <v>89.340888000000007</v>
      </c>
      <c r="I1413" s="27">
        <v>3705.2555360000001</v>
      </c>
      <c r="K1413" s="27">
        <v>93.837694999999997</v>
      </c>
    </row>
    <row r="1414" spans="2:11" x14ac:dyDescent="0.45">
      <c r="B1414" s="27">
        <v>3707.1843520000002</v>
      </c>
      <c r="C1414" s="27">
        <v>99.406064000000001</v>
      </c>
      <c r="F1414" s="27">
        <v>89.356227000000004</v>
      </c>
      <c r="I1414" s="27">
        <v>3707.1843520000002</v>
      </c>
      <c r="K1414" s="27">
        <v>93.756291000000004</v>
      </c>
    </row>
    <row r="1415" spans="2:11" x14ac:dyDescent="0.45">
      <c r="B1415" s="27">
        <v>3709.1131679999999</v>
      </c>
      <c r="C1415" s="27">
        <v>99.406409999999994</v>
      </c>
      <c r="F1415" s="27">
        <v>89.401343999999995</v>
      </c>
      <c r="I1415" s="27">
        <v>3709.1131679999999</v>
      </c>
      <c r="K1415" s="27">
        <v>93.627914000000004</v>
      </c>
    </row>
    <row r="1416" spans="2:11" x14ac:dyDescent="0.45">
      <c r="B1416" s="27">
        <v>3711.041984</v>
      </c>
      <c r="C1416" s="27">
        <v>99.293762000000001</v>
      </c>
      <c r="F1416" s="27">
        <v>89.320663999999994</v>
      </c>
      <c r="I1416" s="27">
        <v>3711.041984</v>
      </c>
      <c r="K1416" s="27">
        <v>93.665068000000005</v>
      </c>
    </row>
    <row r="1417" spans="2:11" x14ac:dyDescent="0.45">
      <c r="B1417" s="27">
        <v>3712.9708000000001</v>
      </c>
      <c r="C1417" s="27">
        <v>99.311494999999994</v>
      </c>
      <c r="F1417" s="27">
        <v>89.206475999999995</v>
      </c>
      <c r="I1417" s="27">
        <v>3712.9708000000001</v>
      </c>
      <c r="K1417" s="27">
        <v>93.924820999999994</v>
      </c>
    </row>
    <row r="1418" spans="2:11" x14ac:dyDescent="0.45">
      <c r="B1418" s="27">
        <v>3714.8996160000002</v>
      </c>
      <c r="C1418" s="27">
        <v>99.427384000000004</v>
      </c>
      <c r="F1418" s="27">
        <v>89.243483999999995</v>
      </c>
      <c r="I1418" s="27">
        <v>3714.8996160000002</v>
      </c>
      <c r="K1418" s="27">
        <v>93.847944999999996</v>
      </c>
    </row>
    <row r="1419" spans="2:11" x14ac:dyDescent="0.45">
      <c r="B1419" s="27">
        <v>3716.8284319999998</v>
      </c>
      <c r="C1419" s="27">
        <v>99.380816999999993</v>
      </c>
      <c r="F1419" s="27">
        <v>89.334113000000002</v>
      </c>
      <c r="I1419" s="27">
        <v>3716.8284319999998</v>
      </c>
      <c r="K1419" s="27">
        <v>93.74718</v>
      </c>
    </row>
    <row r="1420" spans="2:11" x14ac:dyDescent="0.45">
      <c r="B1420" s="27">
        <v>3718.7572479999999</v>
      </c>
      <c r="C1420" s="27">
        <v>99.431066000000001</v>
      </c>
      <c r="F1420" s="27">
        <v>89.405702000000005</v>
      </c>
      <c r="I1420" s="27">
        <v>3718.7572479999999</v>
      </c>
      <c r="K1420" s="27">
        <v>93.762296000000006</v>
      </c>
    </row>
    <row r="1421" spans="2:11" x14ac:dyDescent="0.45">
      <c r="B1421" s="27">
        <v>3720.686064</v>
      </c>
      <c r="C1421" s="27">
        <v>99.467027999999999</v>
      </c>
      <c r="F1421" s="27">
        <v>89.388589999999994</v>
      </c>
      <c r="I1421" s="27">
        <v>3720.686064</v>
      </c>
      <c r="K1421" s="27">
        <v>93.694743000000003</v>
      </c>
    </row>
    <row r="1422" spans="2:11" x14ac:dyDescent="0.45">
      <c r="B1422" s="27">
        <v>3722.6148800000001</v>
      </c>
      <c r="C1422" s="27">
        <v>99.427723999999998</v>
      </c>
      <c r="F1422" s="27">
        <v>89.287976999999998</v>
      </c>
      <c r="I1422" s="27">
        <v>3722.6148800000001</v>
      </c>
      <c r="K1422" s="27">
        <v>93.737154000000004</v>
      </c>
    </row>
    <row r="1423" spans="2:11" x14ac:dyDescent="0.45">
      <c r="B1423" s="27">
        <v>3724.5436960000002</v>
      </c>
      <c r="C1423" s="27">
        <v>99.331678999999994</v>
      </c>
      <c r="F1423" s="27">
        <v>89.241494000000003</v>
      </c>
      <c r="I1423" s="27">
        <v>3724.5436960000002</v>
      </c>
      <c r="K1423" s="27">
        <v>93.807699</v>
      </c>
    </row>
    <row r="1424" spans="2:11" x14ac:dyDescent="0.45">
      <c r="B1424" s="27">
        <v>3726.4725119999998</v>
      </c>
      <c r="C1424" s="27">
        <v>99.343350999999998</v>
      </c>
      <c r="F1424" s="27">
        <v>89.183352999999997</v>
      </c>
      <c r="I1424" s="27">
        <v>3726.4725119999998</v>
      </c>
      <c r="K1424" s="27">
        <v>93.860311999999993</v>
      </c>
    </row>
    <row r="1425" spans="2:11" x14ac:dyDescent="0.45">
      <c r="B1425" s="27">
        <v>3728.4013279999999</v>
      </c>
      <c r="C1425" s="27">
        <v>99.413929999999993</v>
      </c>
      <c r="F1425" s="27">
        <v>89.200284999999994</v>
      </c>
      <c r="I1425" s="27">
        <v>3728.4013279999999</v>
      </c>
      <c r="K1425" s="27">
        <v>93.819832000000005</v>
      </c>
    </row>
    <row r="1426" spans="2:11" x14ac:dyDescent="0.45">
      <c r="B1426" s="27">
        <v>3730.330144</v>
      </c>
      <c r="C1426" s="27">
        <v>99.363960000000006</v>
      </c>
      <c r="F1426" s="27">
        <v>89.188513999999998</v>
      </c>
      <c r="I1426" s="27">
        <v>3730.330144</v>
      </c>
      <c r="K1426" s="27">
        <v>93.616376000000002</v>
      </c>
    </row>
    <row r="1427" spans="2:11" x14ac:dyDescent="0.45">
      <c r="B1427" s="27">
        <v>3732.2589600000001</v>
      </c>
      <c r="C1427" s="27">
        <v>99.221998999999997</v>
      </c>
      <c r="F1427" s="27">
        <v>89.017386999999999</v>
      </c>
      <c r="I1427" s="27">
        <v>3732.2589600000001</v>
      </c>
      <c r="K1427" s="27">
        <v>93.561440000000005</v>
      </c>
    </row>
    <row r="1428" spans="2:11" x14ac:dyDescent="0.45">
      <c r="B1428" s="27">
        <v>3734.1877760000002</v>
      </c>
      <c r="C1428" s="27">
        <v>99.143113999999997</v>
      </c>
      <c r="F1428" s="27">
        <v>88.902071000000007</v>
      </c>
      <c r="I1428" s="27">
        <v>3734.1877760000002</v>
      </c>
      <c r="K1428" s="27">
        <v>93.618660000000006</v>
      </c>
    </row>
    <row r="1429" spans="2:11" x14ac:dyDescent="0.45">
      <c r="B1429" s="27">
        <v>3736.1165919999999</v>
      </c>
      <c r="C1429" s="27">
        <v>98.938023999999999</v>
      </c>
      <c r="F1429" s="27">
        <v>88.815871999999999</v>
      </c>
      <c r="I1429" s="27">
        <v>3736.1165919999999</v>
      </c>
      <c r="K1429" s="27">
        <v>93.983053999999996</v>
      </c>
    </row>
    <row r="1430" spans="2:11" x14ac:dyDescent="0.45">
      <c r="B1430" s="27">
        <v>3738.045408</v>
      </c>
      <c r="C1430" s="27">
        <v>99.121688000000006</v>
      </c>
      <c r="F1430" s="27">
        <v>89.090130000000002</v>
      </c>
      <c r="I1430" s="27">
        <v>3738.045408</v>
      </c>
      <c r="K1430" s="27">
        <v>94.065372999999994</v>
      </c>
    </row>
    <row r="1431" spans="2:11" x14ac:dyDescent="0.45">
      <c r="B1431" s="27">
        <v>3739.974224</v>
      </c>
      <c r="C1431" s="27">
        <v>99.317161999999996</v>
      </c>
      <c r="F1431" s="27">
        <v>89.216734000000002</v>
      </c>
      <c r="I1431" s="27">
        <v>3739.974224</v>
      </c>
      <c r="K1431" s="27">
        <v>93.895543000000004</v>
      </c>
    </row>
    <row r="1432" spans="2:11" x14ac:dyDescent="0.45">
      <c r="B1432" s="27">
        <v>3741.9030400000001</v>
      </c>
      <c r="C1432" s="27">
        <v>99.374077</v>
      </c>
      <c r="F1432" s="27">
        <v>89.170974000000001</v>
      </c>
      <c r="I1432" s="27">
        <v>3741.9030400000001</v>
      </c>
      <c r="K1432" s="27">
        <v>93.659672</v>
      </c>
    </row>
    <row r="1433" spans="2:11" x14ac:dyDescent="0.45">
      <c r="B1433" s="27">
        <v>3743.8318559999998</v>
      </c>
      <c r="C1433" s="27">
        <v>99.015432000000004</v>
      </c>
      <c r="F1433" s="27">
        <v>89.097570000000005</v>
      </c>
      <c r="I1433" s="27">
        <v>3743.8318559999998</v>
      </c>
      <c r="K1433" s="27">
        <v>93.710562999999993</v>
      </c>
    </row>
    <row r="1434" spans="2:11" x14ac:dyDescent="0.45">
      <c r="B1434" s="27">
        <v>3745.7606719999999</v>
      </c>
      <c r="C1434" s="27">
        <v>98.684231999999994</v>
      </c>
      <c r="F1434" s="27">
        <v>89.236941000000002</v>
      </c>
      <c r="I1434" s="27">
        <v>3745.7606719999999</v>
      </c>
      <c r="K1434" s="27">
        <v>93.985647</v>
      </c>
    </row>
    <row r="1435" spans="2:11" x14ac:dyDescent="0.45">
      <c r="B1435" s="27">
        <v>3747.689488</v>
      </c>
      <c r="C1435" s="27">
        <v>98.886522999999997</v>
      </c>
      <c r="F1435" s="27">
        <v>89.340999999999994</v>
      </c>
      <c r="I1435" s="27">
        <v>3747.689488</v>
      </c>
      <c r="K1435" s="27">
        <v>93.540068000000005</v>
      </c>
    </row>
    <row r="1436" spans="2:11" x14ac:dyDescent="0.45">
      <c r="B1436" s="27">
        <v>3749.6183040000001</v>
      </c>
      <c r="C1436" s="27">
        <v>98.861638999999997</v>
      </c>
      <c r="F1436" s="27">
        <v>89.074191999999996</v>
      </c>
      <c r="I1436" s="27">
        <v>3749.6183040000001</v>
      </c>
      <c r="K1436" s="27">
        <v>93.256191000000001</v>
      </c>
    </row>
    <row r="1437" spans="2:11" x14ac:dyDescent="0.45">
      <c r="B1437" s="27">
        <v>3751.5471200000002</v>
      </c>
      <c r="C1437" s="27">
        <v>98.991567000000003</v>
      </c>
      <c r="F1437" s="27">
        <v>88.808456000000007</v>
      </c>
      <c r="I1437" s="27">
        <v>3751.5471200000002</v>
      </c>
      <c r="K1437" s="27">
        <v>93.508998000000005</v>
      </c>
    </row>
    <row r="1438" spans="2:11" x14ac:dyDescent="0.45">
      <c r="B1438" s="27">
        <v>3753.4759359999998</v>
      </c>
      <c r="C1438" s="27">
        <v>99.122416999999999</v>
      </c>
      <c r="F1438" s="27">
        <v>89.063115999999994</v>
      </c>
      <c r="I1438" s="27">
        <v>3753.4759359999998</v>
      </c>
      <c r="K1438" s="27">
        <v>93.850859999999997</v>
      </c>
    </row>
    <row r="1439" spans="2:11" x14ac:dyDescent="0.45">
      <c r="B1439" s="27">
        <v>3755.4047519999999</v>
      </c>
      <c r="C1439" s="27">
        <v>99.309010999999998</v>
      </c>
      <c r="F1439" s="27">
        <v>89.326131000000004</v>
      </c>
      <c r="I1439" s="27">
        <v>3755.4047519999999</v>
      </c>
      <c r="K1439" s="27">
        <v>93.684513999999993</v>
      </c>
    </row>
    <row r="1440" spans="2:11" x14ac:dyDescent="0.45">
      <c r="B1440" s="27">
        <v>3757.333568</v>
      </c>
      <c r="C1440" s="27">
        <v>99.398242999999994</v>
      </c>
      <c r="F1440" s="27">
        <v>89.316365000000005</v>
      </c>
      <c r="I1440" s="27">
        <v>3757.333568</v>
      </c>
      <c r="K1440" s="27">
        <v>93.642182000000005</v>
      </c>
    </row>
    <row r="1441" spans="2:11" x14ac:dyDescent="0.45">
      <c r="B1441" s="27">
        <v>3759.2623840000001</v>
      </c>
      <c r="C1441" s="27">
        <v>99.338379000000003</v>
      </c>
      <c r="F1441" s="27">
        <v>89.283596000000003</v>
      </c>
      <c r="I1441" s="27">
        <v>3759.2623840000001</v>
      </c>
      <c r="K1441" s="27">
        <v>93.680526999999998</v>
      </c>
    </row>
    <row r="1442" spans="2:11" x14ac:dyDescent="0.45">
      <c r="B1442" s="27">
        <v>3761.1912000000002</v>
      </c>
      <c r="C1442" s="27">
        <v>99.342420000000004</v>
      </c>
      <c r="F1442" s="27">
        <v>89.353849999999994</v>
      </c>
      <c r="I1442" s="27">
        <v>3761.1912000000002</v>
      </c>
      <c r="K1442" s="27">
        <v>93.795124000000001</v>
      </c>
    </row>
    <row r="1443" spans="2:11" x14ac:dyDescent="0.45">
      <c r="B1443" s="27">
        <v>3763.1200159999999</v>
      </c>
      <c r="C1443" s="27">
        <v>99.450723999999994</v>
      </c>
      <c r="F1443" s="27">
        <v>89.420624000000004</v>
      </c>
      <c r="I1443" s="27">
        <v>3763.1200159999999</v>
      </c>
      <c r="K1443" s="27">
        <v>93.727800999999999</v>
      </c>
    </row>
    <row r="1444" spans="2:11" x14ac:dyDescent="0.45">
      <c r="B1444" s="27">
        <v>3765.0488319999999</v>
      </c>
      <c r="C1444" s="27">
        <v>99.361902000000001</v>
      </c>
      <c r="F1444" s="27">
        <v>89.370886999999996</v>
      </c>
      <c r="I1444" s="27">
        <v>3765.0488319999999</v>
      </c>
      <c r="K1444" s="27">
        <v>93.816568000000004</v>
      </c>
    </row>
    <row r="1445" spans="2:11" x14ac:dyDescent="0.45">
      <c r="B1445" s="27">
        <v>3766.977648</v>
      </c>
      <c r="C1445" s="27">
        <v>99.388292000000007</v>
      </c>
      <c r="F1445" s="27">
        <v>89.389317000000005</v>
      </c>
      <c r="I1445" s="27">
        <v>3766.977648</v>
      </c>
      <c r="K1445" s="27">
        <v>93.757316000000003</v>
      </c>
    </row>
    <row r="1446" spans="2:11" x14ac:dyDescent="0.45">
      <c r="B1446" s="27">
        <v>3768.9064640000001</v>
      </c>
      <c r="C1446" s="27">
        <v>99.447963999999999</v>
      </c>
      <c r="F1446" s="27">
        <v>89.359560000000002</v>
      </c>
      <c r="I1446" s="27">
        <v>3768.9064640000001</v>
      </c>
      <c r="K1446" s="27">
        <v>93.619899000000004</v>
      </c>
    </row>
    <row r="1447" spans="2:11" x14ac:dyDescent="0.45">
      <c r="B1447" s="27">
        <v>3770.8352799999998</v>
      </c>
      <c r="C1447" s="27">
        <v>99.494579000000002</v>
      </c>
      <c r="F1447" s="27">
        <v>89.233896000000001</v>
      </c>
      <c r="I1447" s="27">
        <v>3770.8352799999998</v>
      </c>
      <c r="K1447" s="27">
        <v>93.803583000000003</v>
      </c>
    </row>
    <row r="1448" spans="2:11" x14ac:dyDescent="0.45">
      <c r="B1448" s="27">
        <v>3772.7640959999999</v>
      </c>
      <c r="C1448" s="27">
        <v>99.511465000000001</v>
      </c>
      <c r="F1448" s="27">
        <v>89.224649999999997</v>
      </c>
      <c r="I1448" s="27">
        <v>3772.7640959999999</v>
      </c>
      <c r="K1448" s="27">
        <v>93.767540999999994</v>
      </c>
    </row>
    <row r="1449" spans="2:11" x14ac:dyDescent="0.45">
      <c r="B1449" s="27">
        <v>3774.692912</v>
      </c>
      <c r="C1449" s="27">
        <v>99.495714000000007</v>
      </c>
      <c r="F1449" s="27">
        <v>89.263019</v>
      </c>
      <c r="I1449" s="27">
        <v>3774.692912</v>
      </c>
      <c r="K1449" s="27">
        <v>93.681760999999995</v>
      </c>
    </row>
    <row r="1450" spans="2:11" x14ac:dyDescent="0.45">
      <c r="B1450" s="27">
        <v>3776.6217280000001</v>
      </c>
      <c r="C1450" s="27">
        <v>99.587447999999995</v>
      </c>
      <c r="F1450" s="27">
        <v>89.291005999999996</v>
      </c>
      <c r="I1450" s="27">
        <v>3776.6217280000001</v>
      </c>
      <c r="K1450" s="27">
        <v>93.625072000000003</v>
      </c>
    </row>
    <row r="1451" spans="2:11" x14ac:dyDescent="0.45">
      <c r="B1451" s="27">
        <v>3778.5505440000002</v>
      </c>
      <c r="C1451" s="27">
        <v>99.611740999999995</v>
      </c>
      <c r="F1451" s="27">
        <v>89.304345999999995</v>
      </c>
      <c r="I1451" s="27">
        <v>3778.5505440000002</v>
      </c>
      <c r="K1451" s="27">
        <v>93.657550999999998</v>
      </c>
    </row>
    <row r="1452" spans="2:11" x14ac:dyDescent="0.45">
      <c r="B1452" s="27">
        <v>3780.4793599999998</v>
      </c>
      <c r="C1452" s="27">
        <v>99.592051999999995</v>
      </c>
      <c r="F1452" s="27">
        <v>89.208714000000001</v>
      </c>
      <c r="I1452" s="27">
        <v>3780.4793599999998</v>
      </c>
      <c r="K1452" s="27">
        <v>93.740312000000003</v>
      </c>
    </row>
    <row r="1453" spans="2:11" x14ac:dyDescent="0.45">
      <c r="B1453" s="27">
        <v>3782.4081759999999</v>
      </c>
      <c r="C1453" s="27">
        <v>99.647019</v>
      </c>
      <c r="F1453" s="27">
        <v>89.240848</v>
      </c>
      <c r="I1453" s="27">
        <v>3782.4081759999999</v>
      </c>
      <c r="K1453" s="27">
        <v>93.604641000000001</v>
      </c>
    </row>
    <row r="1454" spans="2:11" x14ac:dyDescent="0.45">
      <c r="B1454" s="27">
        <v>3784.336992</v>
      </c>
      <c r="C1454" s="27">
        <v>99.557157000000004</v>
      </c>
      <c r="F1454" s="27">
        <v>89.274996000000002</v>
      </c>
      <c r="I1454" s="27">
        <v>3784.336992</v>
      </c>
      <c r="K1454" s="27">
        <v>93.561259000000007</v>
      </c>
    </row>
    <row r="1455" spans="2:11" x14ac:dyDescent="0.45">
      <c r="B1455" s="27">
        <v>3786.2658080000001</v>
      </c>
      <c r="C1455" s="27">
        <v>99.468783999999999</v>
      </c>
      <c r="F1455" s="27">
        <v>89.249048000000002</v>
      </c>
      <c r="I1455" s="27">
        <v>3786.2658080000001</v>
      </c>
      <c r="K1455" s="27">
        <v>93.624911999999995</v>
      </c>
    </row>
    <row r="1456" spans="2:11" x14ac:dyDescent="0.45">
      <c r="B1456" s="27">
        <v>3788.1946240000002</v>
      </c>
      <c r="C1456" s="27">
        <v>99.474967000000007</v>
      </c>
      <c r="F1456" s="27">
        <v>89.222666000000004</v>
      </c>
      <c r="I1456" s="27">
        <v>3788.1946240000002</v>
      </c>
      <c r="K1456" s="27">
        <v>93.651683000000006</v>
      </c>
    </row>
    <row r="1457" spans="2:11" x14ac:dyDescent="0.45">
      <c r="B1457" s="27">
        <v>3790.1234399999998</v>
      </c>
      <c r="C1457" s="27">
        <v>99.525620000000004</v>
      </c>
      <c r="F1457" s="27">
        <v>89.213508000000004</v>
      </c>
      <c r="I1457" s="27">
        <v>3790.1234399999998</v>
      </c>
      <c r="K1457" s="27">
        <v>93.627807000000004</v>
      </c>
    </row>
    <row r="1458" spans="2:11" x14ac:dyDescent="0.45">
      <c r="B1458" s="27">
        <v>3792.0522559999999</v>
      </c>
      <c r="C1458" s="27">
        <v>99.494493000000006</v>
      </c>
      <c r="F1458" s="27">
        <v>89.241994000000005</v>
      </c>
      <c r="I1458" s="27">
        <v>3792.0522559999999</v>
      </c>
      <c r="K1458" s="27">
        <v>93.600415999999996</v>
      </c>
    </row>
    <row r="1459" spans="2:11" x14ac:dyDescent="0.45">
      <c r="B1459" s="27">
        <v>3793.981072</v>
      </c>
      <c r="C1459" s="27">
        <v>99.507159000000001</v>
      </c>
      <c r="F1459" s="27">
        <v>89.283546000000001</v>
      </c>
      <c r="I1459" s="27">
        <v>3793.981072</v>
      </c>
      <c r="K1459" s="27">
        <v>93.590648999999999</v>
      </c>
    </row>
    <row r="1460" spans="2:11" x14ac:dyDescent="0.45">
      <c r="B1460" s="27">
        <v>3795.9098880000001</v>
      </c>
      <c r="C1460" s="27">
        <v>99.473969999999994</v>
      </c>
      <c r="F1460" s="27">
        <v>89.203124000000003</v>
      </c>
      <c r="I1460" s="27">
        <v>3795.9098880000001</v>
      </c>
      <c r="K1460" s="27">
        <v>93.664287000000002</v>
      </c>
    </row>
    <row r="1461" spans="2:11" x14ac:dyDescent="0.45">
      <c r="B1461" s="27">
        <v>3797.8387039999998</v>
      </c>
      <c r="C1461" s="27">
        <v>99.540856000000005</v>
      </c>
      <c r="F1461" s="27">
        <v>89.214916000000002</v>
      </c>
      <c r="I1461" s="27">
        <v>3797.8387039999998</v>
      </c>
      <c r="K1461" s="27">
        <v>93.751746999999995</v>
      </c>
    </row>
    <row r="1462" spans="2:11" x14ac:dyDescent="0.45">
      <c r="B1462" s="27">
        <v>3799.7675199999999</v>
      </c>
      <c r="C1462" s="27">
        <v>99.534981999999999</v>
      </c>
      <c r="F1462" s="27">
        <v>89.225626000000005</v>
      </c>
      <c r="I1462" s="27">
        <v>3799.7675199999999</v>
      </c>
      <c r="K1462" s="27">
        <v>93.543071999999995</v>
      </c>
    </row>
    <row r="1463" spans="2:11" x14ac:dyDescent="0.45">
      <c r="B1463" s="27">
        <v>3801.696336</v>
      </c>
      <c r="C1463" s="27">
        <v>99.327590000000001</v>
      </c>
      <c r="F1463" s="27">
        <v>89.004887999999994</v>
      </c>
      <c r="I1463" s="27">
        <v>3801.696336</v>
      </c>
      <c r="K1463" s="27">
        <v>93.803351000000006</v>
      </c>
    </row>
    <row r="1464" spans="2:11" x14ac:dyDescent="0.45">
      <c r="B1464" s="27">
        <v>3803.6251520000001</v>
      </c>
      <c r="C1464" s="27">
        <v>99.504598000000001</v>
      </c>
      <c r="F1464" s="27">
        <v>89.129163000000005</v>
      </c>
      <c r="I1464" s="27">
        <v>3803.6251520000001</v>
      </c>
      <c r="K1464" s="27">
        <v>93.820199000000002</v>
      </c>
    </row>
    <row r="1465" spans="2:11" x14ac:dyDescent="0.45">
      <c r="B1465" s="27">
        <v>3805.5539680000002</v>
      </c>
      <c r="C1465" s="27">
        <v>99.550847000000005</v>
      </c>
      <c r="F1465" s="27">
        <v>89.162046000000004</v>
      </c>
      <c r="I1465" s="27">
        <v>3805.5539680000002</v>
      </c>
      <c r="K1465" s="27">
        <v>93.576021999999995</v>
      </c>
    </row>
    <row r="1466" spans="2:11" x14ac:dyDescent="0.45">
      <c r="B1466" s="27">
        <v>3807.4827839999998</v>
      </c>
      <c r="C1466" s="27">
        <v>99.413673000000003</v>
      </c>
      <c r="F1466" s="27">
        <v>89.027505000000005</v>
      </c>
      <c r="I1466" s="27">
        <v>3807.4827839999998</v>
      </c>
      <c r="K1466" s="27">
        <v>93.794332999999995</v>
      </c>
    </row>
    <row r="1467" spans="2:11" x14ac:dyDescent="0.45">
      <c r="B1467" s="27">
        <v>3809.4115999999999</v>
      </c>
      <c r="C1467" s="27">
        <v>99.551562000000004</v>
      </c>
      <c r="F1467" s="27">
        <v>89.114891</v>
      </c>
      <c r="I1467" s="27">
        <v>3809.4115999999999</v>
      </c>
      <c r="K1467" s="27">
        <v>93.715275000000005</v>
      </c>
    </row>
    <row r="1468" spans="2:11" x14ac:dyDescent="0.45">
      <c r="B1468" s="27">
        <v>3811.340416</v>
      </c>
      <c r="C1468" s="27">
        <v>99.596761000000001</v>
      </c>
      <c r="F1468" s="27">
        <v>89.184364000000002</v>
      </c>
      <c r="I1468" s="27">
        <v>3811.340416</v>
      </c>
      <c r="K1468" s="27">
        <v>93.629704000000004</v>
      </c>
    </row>
    <row r="1469" spans="2:11" x14ac:dyDescent="0.45">
      <c r="B1469" s="27">
        <v>3813.2692320000001</v>
      </c>
      <c r="C1469" s="27">
        <v>99.527727999999996</v>
      </c>
      <c r="F1469" s="27">
        <v>89.231556999999995</v>
      </c>
      <c r="I1469" s="27">
        <v>3813.2692320000001</v>
      </c>
      <c r="K1469" s="27">
        <v>93.481424000000004</v>
      </c>
    </row>
    <row r="1470" spans="2:11" x14ac:dyDescent="0.45">
      <c r="B1470" s="27">
        <v>3815.1980480000002</v>
      </c>
      <c r="C1470" s="27">
        <v>99.352571999999995</v>
      </c>
      <c r="F1470" s="27">
        <v>89.249744000000007</v>
      </c>
      <c r="I1470" s="27">
        <v>3815.1980480000002</v>
      </c>
      <c r="K1470" s="27">
        <v>93.464284000000006</v>
      </c>
    </row>
    <row r="1471" spans="2:11" x14ac:dyDescent="0.45">
      <c r="B1471" s="27">
        <v>3817.1268639999998</v>
      </c>
      <c r="C1471" s="27">
        <v>99.359943999999999</v>
      </c>
      <c r="F1471" s="27">
        <v>89.358320000000006</v>
      </c>
      <c r="I1471" s="27">
        <v>3817.1268639999998</v>
      </c>
      <c r="K1471" s="27">
        <v>93.606170000000006</v>
      </c>
    </row>
    <row r="1472" spans="2:11" x14ac:dyDescent="0.45">
      <c r="B1472" s="27">
        <v>3819.0556799999999</v>
      </c>
      <c r="C1472" s="27">
        <v>99.540651999999994</v>
      </c>
      <c r="F1472" s="27">
        <v>89.373457000000002</v>
      </c>
      <c r="I1472" s="27">
        <v>3819.0556799999999</v>
      </c>
      <c r="K1472" s="27">
        <v>93.295603999999997</v>
      </c>
    </row>
    <row r="1473" spans="2:11" x14ac:dyDescent="0.45">
      <c r="B1473" s="27">
        <v>3820.984496</v>
      </c>
      <c r="C1473" s="27">
        <v>99.413786000000002</v>
      </c>
      <c r="F1473" s="27">
        <v>88.933665000000005</v>
      </c>
      <c r="I1473" s="27">
        <v>3820.984496</v>
      </c>
      <c r="K1473" s="27">
        <v>93.417961000000005</v>
      </c>
    </row>
    <row r="1474" spans="2:11" x14ac:dyDescent="0.45">
      <c r="B1474" s="27">
        <v>3822.9133120000001</v>
      </c>
      <c r="C1474" s="27">
        <v>99.386234999999999</v>
      </c>
      <c r="F1474" s="27">
        <v>88.895611000000002</v>
      </c>
      <c r="I1474" s="27">
        <v>3822.9133120000001</v>
      </c>
      <c r="K1474" s="27">
        <v>93.750624000000002</v>
      </c>
    </row>
    <row r="1475" spans="2:11" x14ac:dyDescent="0.45">
      <c r="B1475" s="27">
        <v>3824.8421279999998</v>
      </c>
      <c r="C1475" s="27">
        <v>99.523605000000003</v>
      </c>
      <c r="F1475" s="27">
        <v>89.105073000000004</v>
      </c>
      <c r="I1475" s="27">
        <v>3824.8421279999998</v>
      </c>
      <c r="K1475" s="27">
        <v>93.656317999999999</v>
      </c>
    </row>
    <row r="1476" spans="2:11" x14ac:dyDescent="0.45">
      <c r="B1476" s="27">
        <v>3826.7709439999999</v>
      </c>
      <c r="C1476" s="27">
        <v>99.473377999999997</v>
      </c>
      <c r="F1476" s="27">
        <v>89.174867000000006</v>
      </c>
      <c r="I1476" s="27">
        <v>3826.7709439999999</v>
      </c>
      <c r="K1476" s="27">
        <v>93.731236999999993</v>
      </c>
    </row>
    <row r="1477" spans="2:11" x14ac:dyDescent="0.45">
      <c r="B1477" s="27">
        <v>3828.69976</v>
      </c>
      <c r="C1477" s="27">
        <v>99.464253999999997</v>
      </c>
      <c r="F1477" s="27">
        <v>89.221008999999995</v>
      </c>
      <c r="I1477" s="27">
        <v>3828.69976</v>
      </c>
      <c r="K1477" s="27">
        <v>93.665352999999996</v>
      </c>
    </row>
    <row r="1478" spans="2:11" x14ac:dyDescent="0.45">
      <c r="B1478" s="27">
        <v>3830.6285760000001</v>
      </c>
      <c r="C1478" s="27">
        <v>99.449960000000004</v>
      </c>
      <c r="F1478" s="27">
        <v>89.184145000000001</v>
      </c>
      <c r="I1478" s="27">
        <v>3830.6285760000001</v>
      </c>
      <c r="K1478" s="27">
        <v>93.552836999999997</v>
      </c>
    </row>
    <row r="1479" spans="2:11" x14ac:dyDescent="0.45">
      <c r="B1479" s="27">
        <v>3832.5573920000002</v>
      </c>
      <c r="C1479" s="27">
        <v>99.487634999999997</v>
      </c>
      <c r="F1479" s="27">
        <v>89.148069000000007</v>
      </c>
      <c r="I1479" s="27">
        <v>3832.5573920000002</v>
      </c>
      <c r="K1479" s="27">
        <v>93.578331000000006</v>
      </c>
    </row>
    <row r="1480" spans="2:11" x14ac:dyDescent="0.45">
      <c r="B1480" s="27">
        <v>3834.4862079999998</v>
      </c>
      <c r="C1480" s="27">
        <v>99.540740999999997</v>
      </c>
      <c r="F1480" s="27">
        <v>89.213234999999997</v>
      </c>
      <c r="I1480" s="27">
        <v>3834.4862079999998</v>
      </c>
      <c r="K1480" s="27">
        <v>93.472413000000003</v>
      </c>
    </row>
    <row r="1481" spans="2:11" x14ac:dyDescent="0.45">
      <c r="B1481" s="27">
        <v>3836.4150239999999</v>
      </c>
      <c r="C1481" s="27">
        <v>99.437522999999999</v>
      </c>
      <c r="F1481" s="27">
        <v>89.102682000000001</v>
      </c>
      <c r="I1481" s="27">
        <v>3836.4150239999999</v>
      </c>
      <c r="K1481" s="27">
        <v>93.440393999999998</v>
      </c>
    </row>
    <row r="1482" spans="2:11" x14ac:dyDescent="0.45">
      <c r="B1482" s="27">
        <v>3838.34384</v>
      </c>
      <c r="C1482" s="27">
        <v>99.305671000000004</v>
      </c>
      <c r="F1482" s="27">
        <v>88.850154000000003</v>
      </c>
      <c r="I1482" s="27">
        <v>3838.34384</v>
      </c>
      <c r="K1482" s="27">
        <v>93.537249000000003</v>
      </c>
    </row>
    <row r="1483" spans="2:11" x14ac:dyDescent="0.45">
      <c r="B1483" s="27">
        <v>3840.2726560000001</v>
      </c>
      <c r="C1483" s="27">
        <v>99.329847000000001</v>
      </c>
      <c r="F1483" s="27">
        <v>88.964123000000001</v>
      </c>
      <c r="I1483" s="27">
        <v>3840.2726560000001</v>
      </c>
      <c r="K1483" s="27">
        <v>93.509752000000006</v>
      </c>
    </row>
    <row r="1484" spans="2:11" x14ac:dyDescent="0.45">
      <c r="B1484" s="27">
        <v>3842.2014720000002</v>
      </c>
      <c r="C1484" s="27">
        <v>99.347099999999998</v>
      </c>
      <c r="F1484" s="27">
        <v>89.068288999999993</v>
      </c>
      <c r="I1484" s="27">
        <v>3842.2014720000002</v>
      </c>
      <c r="K1484" s="27">
        <v>93.475093999999999</v>
      </c>
    </row>
    <row r="1485" spans="2:11" x14ac:dyDescent="0.45">
      <c r="B1485" s="27">
        <v>3844.1302879999998</v>
      </c>
      <c r="C1485" s="27">
        <v>99.293381999999994</v>
      </c>
      <c r="F1485" s="27">
        <v>88.968823999999998</v>
      </c>
      <c r="I1485" s="27">
        <v>3844.1302879999998</v>
      </c>
      <c r="K1485" s="27">
        <v>93.679513999999998</v>
      </c>
    </row>
    <row r="1486" spans="2:11" x14ac:dyDescent="0.45">
      <c r="B1486" s="27">
        <v>3846.0591039999999</v>
      </c>
      <c r="C1486" s="27">
        <v>99.372800999999995</v>
      </c>
      <c r="F1486" s="27">
        <v>89.064121999999998</v>
      </c>
      <c r="I1486" s="27">
        <v>3846.0591039999999</v>
      </c>
      <c r="K1486" s="27">
        <v>93.737780000000001</v>
      </c>
    </row>
    <row r="1487" spans="2:11" x14ac:dyDescent="0.45">
      <c r="B1487" s="27">
        <v>3847.98792</v>
      </c>
      <c r="C1487" s="27">
        <v>99.4773</v>
      </c>
      <c r="F1487" s="27">
        <v>89.128591999999998</v>
      </c>
      <c r="I1487" s="27">
        <v>3847.98792</v>
      </c>
      <c r="K1487" s="27">
        <v>93.605726000000004</v>
      </c>
    </row>
    <row r="1488" spans="2:11" x14ac:dyDescent="0.45">
      <c r="B1488" s="27">
        <v>3849.9167360000001</v>
      </c>
      <c r="C1488" s="27">
        <v>99.465917000000005</v>
      </c>
      <c r="F1488" s="27">
        <v>89.094102000000007</v>
      </c>
      <c r="I1488" s="27">
        <v>3849.9167360000001</v>
      </c>
      <c r="K1488" s="27">
        <v>93.376696999999993</v>
      </c>
    </row>
    <row r="1489" spans="2:11" x14ac:dyDescent="0.45">
      <c r="B1489" s="27">
        <v>3851.8455520000002</v>
      </c>
      <c r="C1489" s="27">
        <v>99.191985000000003</v>
      </c>
      <c r="F1489" s="27">
        <v>88.960925000000003</v>
      </c>
      <c r="I1489" s="27">
        <v>3851.8455520000002</v>
      </c>
      <c r="K1489" s="27">
        <v>93.057010000000005</v>
      </c>
    </row>
    <row r="1490" spans="2:11" x14ac:dyDescent="0.45">
      <c r="B1490" s="27">
        <v>3853.7743679999999</v>
      </c>
      <c r="C1490" s="27">
        <v>98.605497</v>
      </c>
      <c r="F1490" s="27">
        <v>88.717108999999994</v>
      </c>
      <c r="I1490" s="27">
        <v>3853.7743679999999</v>
      </c>
      <c r="K1490" s="27">
        <v>93.512679000000006</v>
      </c>
    </row>
    <row r="1491" spans="2:11" x14ac:dyDescent="0.45">
      <c r="B1491" s="27">
        <v>3855.703184</v>
      </c>
      <c r="C1491" s="27">
        <v>99.127949000000001</v>
      </c>
      <c r="F1491" s="27">
        <v>88.836136999999994</v>
      </c>
      <c r="I1491" s="27">
        <v>3855.703184</v>
      </c>
      <c r="K1491" s="27">
        <v>93.696916000000002</v>
      </c>
    </row>
    <row r="1492" spans="2:11" x14ac:dyDescent="0.45">
      <c r="B1492" s="27">
        <v>3857.6320000000001</v>
      </c>
      <c r="C1492" s="27">
        <v>99.437253999999996</v>
      </c>
      <c r="F1492" s="27">
        <v>88.932603</v>
      </c>
      <c r="I1492" s="27">
        <v>3857.6320000000001</v>
      </c>
      <c r="K1492" s="27">
        <v>93.495315000000005</v>
      </c>
    </row>
    <row r="1493" spans="2:11" x14ac:dyDescent="0.45">
      <c r="B1493" s="27">
        <v>3859.5608160000002</v>
      </c>
      <c r="C1493" s="27">
        <v>99.441479999999999</v>
      </c>
      <c r="F1493" s="27">
        <v>89.065003000000004</v>
      </c>
      <c r="I1493" s="27">
        <v>3859.5608160000002</v>
      </c>
      <c r="K1493" s="27">
        <v>93.415666999999999</v>
      </c>
    </row>
    <row r="1494" spans="2:11" x14ac:dyDescent="0.45">
      <c r="B1494" s="27">
        <v>3861.4896319999998</v>
      </c>
      <c r="C1494" s="27">
        <v>99.329650999999998</v>
      </c>
      <c r="F1494" s="27">
        <v>89.058999999999997</v>
      </c>
      <c r="I1494" s="27">
        <v>3861.4896319999998</v>
      </c>
      <c r="K1494" s="27">
        <v>93.472549999999998</v>
      </c>
    </row>
    <row r="1495" spans="2:11" x14ac:dyDescent="0.45">
      <c r="B1495" s="27">
        <v>3863.4184479999999</v>
      </c>
      <c r="C1495" s="27">
        <v>99.223011</v>
      </c>
      <c r="F1495" s="27">
        <v>88.940835000000007</v>
      </c>
      <c r="I1495" s="27">
        <v>3863.4184479999999</v>
      </c>
      <c r="K1495" s="27">
        <v>93.560452999999995</v>
      </c>
    </row>
    <row r="1496" spans="2:11" x14ac:dyDescent="0.45">
      <c r="B1496" s="27">
        <v>3865.347264</v>
      </c>
      <c r="C1496" s="27">
        <v>99.291577000000004</v>
      </c>
      <c r="F1496" s="27">
        <v>88.838723000000002</v>
      </c>
      <c r="I1496" s="27">
        <v>3865.347264</v>
      </c>
      <c r="K1496" s="27">
        <v>93.703255999999996</v>
      </c>
    </row>
    <row r="1497" spans="2:11" x14ac:dyDescent="0.45">
      <c r="B1497" s="27">
        <v>3867.2760800000001</v>
      </c>
      <c r="C1497" s="27">
        <v>99.477227999999997</v>
      </c>
      <c r="F1497" s="27">
        <v>88.998840000000001</v>
      </c>
      <c r="I1497" s="27">
        <v>3867.2760800000001</v>
      </c>
      <c r="K1497" s="27">
        <v>93.422679000000002</v>
      </c>
    </row>
    <row r="1498" spans="2:11" x14ac:dyDescent="0.45">
      <c r="B1498" s="27">
        <v>3869.2048960000002</v>
      </c>
      <c r="C1498" s="27">
        <v>99.29495</v>
      </c>
      <c r="F1498" s="27">
        <v>88.923463999999996</v>
      </c>
      <c r="I1498" s="27">
        <v>3869.2048960000002</v>
      </c>
      <c r="K1498" s="27">
        <v>93.322519999999997</v>
      </c>
    </row>
    <row r="1499" spans="2:11" x14ac:dyDescent="0.45">
      <c r="B1499" s="27">
        <v>3871.1337119999998</v>
      </c>
      <c r="C1499" s="27">
        <v>99.282193000000007</v>
      </c>
      <c r="F1499" s="27">
        <v>88.98321</v>
      </c>
      <c r="I1499" s="27">
        <v>3871.1337119999998</v>
      </c>
      <c r="K1499" s="27">
        <v>93.592009000000004</v>
      </c>
    </row>
    <row r="1500" spans="2:11" x14ac:dyDescent="0.45">
      <c r="B1500" s="27">
        <v>3873.0625279999999</v>
      </c>
      <c r="C1500" s="27">
        <v>99.346794000000003</v>
      </c>
      <c r="F1500" s="27">
        <v>89.056889999999996</v>
      </c>
      <c r="I1500" s="27">
        <v>3873.0625279999999</v>
      </c>
      <c r="K1500" s="27">
        <v>93.477862999999999</v>
      </c>
    </row>
    <row r="1501" spans="2:11" x14ac:dyDescent="0.45">
      <c r="B1501" s="27">
        <v>3874.991344</v>
      </c>
      <c r="C1501" s="27">
        <v>99.331722999999997</v>
      </c>
      <c r="F1501" s="27">
        <v>89.022396000000001</v>
      </c>
      <c r="I1501" s="27">
        <v>3874.991344</v>
      </c>
      <c r="K1501" s="27">
        <v>93.642101999999994</v>
      </c>
    </row>
    <row r="1502" spans="2:11" x14ac:dyDescent="0.45">
      <c r="B1502" s="27">
        <v>3876.9201600000001</v>
      </c>
      <c r="C1502" s="27">
        <v>99.463552000000007</v>
      </c>
      <c r="F1502" s="27">
        <v>89.108163000000005</v>
      </c>
      <c r="I1502" s="27">
        <v>3876.9201600000001</v>
      </c>
      <c r="K1502" s="27">
        <v>93.515511000000004</v>
      </c>
    </row>
    <row r="1503" spans="2:11" x14ac:dyDescent="0.45">
      <c r="B1503" s="27">
        <v>3878.8489760000002</v>
      </c>
      <c r="C1503" s="27">
        <v>99.424169000000006</v>
      </c>
      <c r="F1503" s="27">
        <v>89.084851999999998</v>
      </c>
      <c r="I1503" s="27">
        <v>3878.8489760000002</v>
      </c>
      <c r="K1503" s="27">
        <v>93.431261000000006</v>
      </c>
    </row>
    <row r="1504" spans="2:11" x14ac:dyDescent="0.45">
      <c r="B1504" s="27">
        <v>3880.7777919999999</v>
      </c>
      <c r="C1504" s="27">
        <v>99.300657999999999</v>
      </c>
      <c r="F1504" s="27">
        <v>89.046880000000002</v>
      </c>
      <c r="I1504" s="27">
        <v>3880.7777919999999</v>
      </c>
      <c r="K1504" s="27">
        <v>93.632464999999996</v>
      </c>
    </row>
    <row r="1505" spans="2:11" x14ac:dyDescent="0.45">
      <c r="B1505" s="27">
        <v>3882.706608</v>
      </c>
      <c r="C1505" s="27">
        <v>99.371508000000006</v>
      </c>
      <c r="F1505" s="27">
        <v>89.126574000000005</v>
      </c>
      <c r="I1505" s="27">
        <v>3882.706608</v>
      </c>
      <c r="K1505" s="27">
        <v>93.566737000000003</v>
      </c>
    </row>
    <row r="1506" spans="2:11" x14ac:dyDescent="0.45">
      <c r="B1506" s="27">
        <v>3884.6354240000001</v>
      </c>
      <c r="C1506" s="27">
        <v>99.325282999999999</v>
      </c>
      <c r="F1506" s="27">
        <v>89.029927000000001</v>
      </c>
      <c r="I1506" s="27">
        <v>3884.6354240000001</v>
      </c>
      <c r="K1506" s="27">
        <v>93.547870000000003</v>
      </c>
    </row>
    <row r="1507" spans="2:11" x14ac:dyDescent="0.45">
      <c r="B1507" s="27">
        <v>3886.5642400000002</v>
      </c>
      <c r="C1507" s="27">
        <v>99.346348000000006</v>
      </c>
      <c r="F1507" s="27">
        <v>88.997538000000006</v>
      </c>
      <c r="I1507" s="27">
        <v>3886.5642400000002</v>
      </c>
      <c r="K1507" s="27">
        <v>93.818067999999997</v>
      </c>
    </row>
    <row r="1508" spans="2:11" x14ac:dyDescent="0.45">
      <c r="B1508" s="27">
        <v>3888.4930559999998</v>
      </c>
      <c r="C1508" s="27">
        <v>99.455338999999995</v>
      </c>
      <c r="F1508" s="27">
        <v>89.054001</v>
      </c>
      <c r="I1508" s="27">
        <v>3888.4930559999998</v>
      </c>
      <c r="K1508" s="27">
        <v>93.522217999999995</v>
      </c>
    </row>
    <row r="1509" spans="2:11" x14ac:dyDescent="0.45">
      <c r="B1509" s="27">
        <v>3890.4218719999999</v>
      </c>
      <c r="C1509" s="27">
        <v>99.356485000000006</v>
      </c>
      <c r="F1509" s="27">
        <v>88.938173000000006</v>
      </c>
      <c r="I1509" s="27">
        <v>3890.4218719999999</v>
      </c>
      <c r="K1509" s="27">
        <v>93.374431999999999</v>
      </c>
    </row>
    <row r="1510" spans="2:11" x14ac:dyDescent="0.45">
      <c r="B1510" s="27">
        <v>3892.350688</v>
      </c>
      <c r="C1510" s="27">
        <v>99.269031999999996</v>
      </c>
      <c r="F1510" s="27">
        <v>88.996374000000003</v>
      </c>
      <c r="I1510" s="27">
        <v>3892.350688</v>
      </c>
      <c r="K1510" s="27">
        <v>93.576897000000002</v>
      </c>
    </row>
    <row r="1511" spans="2:11" x14ac:dyDescent="0.45">
      <c r="B1511" s="27">
        <v>3894.2795040000001</v>
      </c>
      <c r="C1511" s="27">
        <v>99.389908000000005</v>
      </c>
      <c r="F1511" s="27">
        <v>89.076697999999993</v>
      </c>
      <c r="I1511" s="27">
        <v>3894.2795040000001</v>
      </c>
      <c r="K1511" s="27">
        <v>93.583484999999996</v>
      </c>
    </row>
    <row r="1512" spans="2:11" x14ac:dyDescent="0.45">
      <c r="B1512" s="27">
        <v>3896.2083200000002</v>
      </c>
      <c r="C1512" s="27">
        <v>99.495851999999999</v>
      </c>
      <c r="F1512" s="27">
        <v>89.057367999999997</v>
      </c>
      <c r="I1512" s="27">
        <v>3896.2083200000002</v>
      </c>
      <c r="K1512" s="27">
        <v>93.434956</v>
      </c>
    </row>
    <row r="1513" spans="2:11" x14ac:dyDescent="0.45">
      <c r="B1513" s="27">
        <v>3898.1371359999998</v>
      </c>
      <c r="C1513" s="27">
        <v>99.474879000000001</v>
      </c>
      <c r="F1513" s="27">
        <v>89.044784000000007</v>
      </c>
      <c r="I1513" s="27">
        <v>3898.1371359999998</v>
      </c>
      <c r="K1513" s="27">
        <v>93.409807999999998</v>
      </c>
    </row>
    <row r="1514" spans="2:11" x14ac:dyDescent="0.45">
      <c r="B1514" s="27">
        <v>3900.0659519999999</v>
      </c>
      <c r="C1514" s="27">
        <v>99.354797000000005</v>
      </c>
      <c r="F1514" s="27">
        <v>88.981457000000006</v>
      </c>
      <c r="I1514" s="27">
        <v>3900.0659519999999</v>
      </c>
      <c r="K1514" s="27">
        <v>93.413713000000001</v>
      </c>
    </row>
    <row r="1515" spans="2:11" x14ac:dyDescent="0.45">
      <c r="B1515" s="27">
        <v>3901.994768</v>
      </c>
      <c r="C1515" s="27">
        <v>99.316578000000007</v>
      </c>
      <c r="F1515" s="27">
        <v>88.929173000000006</v>
      </c>
      <c r="I1515" s="27">
        <v>3901.994768</v>
      </c>
      <c r="K1515" s="27">
        <v>93.346042999999995</v>
      </c>
    </row>
    <row r="1516" spans="2:11" x14ac:dyDescent="0.45">
      <c r="B1516" s="27">
        <v>3903.9235840000001</v>
      </c>
      <c r="C1516" s="27">
        <v>99.285093000000003</v>
      </c>
      <c r="F1516" s="27">
        <v>88.888186000000005</v>
      </c>
      <c r="I1516" s="27">
        <v>3903.9235840000001</v>
      </c>
      <c r="K1516" s="27">
        <v>93.289545000000004</v>
      </c>
    </row>
    <row r="1517" spans="2:11" x14ac:dyDescent="0.45">
      <c r="B1517" s="27">
        <v>3905.8524000000002</v>
      </c>
      <c r="C1517" s="27">
        <v>99.274947999999995</v>
      </c>
      <c r="F1517" s="27">
        <v>88.858002999999997</v>
      </c>
      <c r="I1517" s="27">
        <v>3905.8524000000002</v>
      </c>
      <c r="K1517" s="27">
        <v>93.406465999999995</v>
      </c>
    </row>
    <row r="1518" spans="2:11" x14ac:dyDescent="0.45">
      <c r="B1518" s="27">
        <v>3907.7812159999999</v>
      </c>
      <c r="C1518" s="27">
        <v>99.305346999999998</v>
      </c>
      <c r="F1518" s="27">
        <v>88.881952999999996</v>
      </c>
      <c r="I1518" s="27">
        <v>3907.7812159999999</v>
      </c>
      <c r="K1518" s="27">
        <v>93.495265000000003</v>
      </c>
    </row>
    <row r="1519" spans="2:11" x14ac:dyDescent="0.45">
      <c r="B1519" s="27">
        <v>3909.710032</v>
      </c>
      <c r="C1519" s="27">
        <v>99.262923000000001</v>
      </c>
      <c r="F1519" s="27">
        <v>88.961924999999994</v>
      </c>
      <c r="I1519" s="27">
        <v>3909.710032</v>
      </c>
      <c r="K1519" s="27">
        <v>93.523984999999996</v>
      </c>
    </row>
    <row r="1520" spans="2:11" x14ac:dyDescent="0.45">
      <c r="B1520" s="27">
        <v>3911.6388480000001</v>
      </c>
      <c r="C1520" s="27">
        <v>99.317177999999998</v>
      </c>
      <c r="F1520" s="27">
        <v>88.938479000000001</v>
      </c>
      <c r="I1520" s="27">
        <v>3911.6388480000001</v>
      </c>
      <c r="K1520" s="27">
        <v>93.489762999999996</v>
      </c>
    </row>
    <row r="1521" spans="2:11" x14ac:dyDescent="0.45">
      <c r="B1521" s="27">
        <v>3913.5676640000001</v>
      </c>
      <c r="C1521" s="27">
        <v>99.45975</v>
      </c>
      <c r="F1521" s="27">
        <v>88.919968999999995</v>
      </c>
      <c r="I1521" s="27">
        <v>3913.5676640000001</v>
      </c>
      <c r="K1521" s="27">
        <v>93.478323000000003</v>
      </c>
    </row>
    <row r="1522" spans="2:11" x14ac:dyDescent="0.45">
      <c r="B1522" s="27">
        <v>3915.4964799999998</v>
      </c>
      <c r="C1522" s="27">
        <v>99.410876999999999</v>
      </c>
      <c r="F1522" s="27">
        <v>88.907505999999998</v>
      </c>
      <c r="I1522" s="27">
        <v>3915.4964799999998</v>
      </c>
      <c r="K1522" s="27">
        <v>93.411634000000006</v>
      </c>
    </row>
    <row r="1523" spans="2:11" x14ac:dyDescent="0.45">
      <c r="B1523" s="27">
        <v>3917.4252959999999</v>
      </c>
      <c r="C1523" s="27">
        <v>99.297798999999998</v>
      </c>
      <c r="F1523" s="27">
        <v>88.839793999999998</v>
      </c>
      <c r="I1523" s="27">
        <v>3917.4252959999999</v>
      </c>
      <c r="K1523" s="27">
        <v>93.400993999999997</v>
      </c>
    </row>
    <row r="1524" spans="2:11" x14ac:dyDescent="0.45">
      <c r="B1524" s="27">
        <v>3919.354112</v>
      </c>
      <c r="C1524" s="27">
        <v>99.280124999999998</v>
      </c>
      <c r="F1524" s="27">
        <v>88.877560000000003</v>
      </c>
      <c r="I1524" s="27">
        <v>3919.354112</v>
      </c>
      <c r="K1524" s="27">
        <v>93.421042</v>
      </c>
    </row>
    <row r="1525" spans="2:11" x14ac:dyDescent="0.45">
      <c r="B1525" s="27">
        <v>3921.2829280000001</v>
      </c>
      <c r="C1525" s="27">
        <v>99.300551999999996</v>
      </c>
      <c r="F1525" s="27">
        <v>88.924510999999995</v>
      </c>
      <c r="I1525" s="27">
        <v>3921.2829280000001</v>
      </c>
      <c r="K1525" s="27">
        <v>93.453764000000007</v>
      </c>
    </row>
    <row r="1526" spans="2:11" x14ac:dyDescent="0.45">
      <c r="B1526" s="27">
        <v>3923.2117440000002</v>
      </c>
      <c r="C1526" s="27">
        <v>99.307641000000004</v>
      </c>
      <c r="F1526" s="27">
        <v>88.897163000000006</v>
      </c>
      <c r="I1526" s="27">
        <v>3923.2117440000002</v>
      </c>
      <c r="K1526" s="27">
        <v>93.430880999999999</v>
      </c>
    </row>
    <row r="1527" spans="2:11" x14ac:dyDescent="0.45">
      <c r="B1527" s="27">
        <v>3925.1405599999998</v>
      </c>
      <c r="C1527" s="27">
        <v>99.318512999999996</v>
      </c>
      <c r="F1527" s="27">
        <v>88.852997000000002</v>
      </c>
      <c r="I1527" s="27">
        <v>3925.1405599999998</v>
      </c>
      <c r="K1527" s="27">
        <v>93.562084999999996</v>
      </c>
    </row>
    <row r="1528" spans="2:11" x14ac:dyDescent="0.45">
      <c r="B1528" s="27">
        <v>3927.0693759999999</v>
      </c>
      <c r="C1528" s="27">
        <v>99.428742</v>
      </c>
      <c r="F1528" s="27">
        <v>88.873137</v>
      </c>
      <c r="I1528" s="27">
        <v>3927.0693759999999</v>
      </c>
      <c r="K1528" s="27">
        <v>93.475271000000006</v>
      </c>
    </row>
    <row r="1529" spans="2:11" x14ac:dyDescent="0.45">
      <c r="B1529" s="27">
        <v>3928.998192</v>
      </c>
      <c r="C1529" s="27">
        <v>99.414066000000005</v>
      </c>
      <c r="F1529" s="27">
        <v>88.852957000000004</v>
      </c>
      <c r="I1529" s="27">
        <v>3928.998192</v>
      </c>
      <c r="K1529" s="27">
        <v>93.391523000000007</v>
      </c>
    </row>
    <row r="1530" spans="2:11" x14ac:dyDescent="0.45">
      <c r="B1530" s="27">
        <v>3930.9270080000001</v>
      </c>
      <c r="C1530" s="27">
        <v>99.252466999999996</v>
      </c>
      <c r="F1530" s="27">
        <v>88.896923000000001</v>
      </c>
      <c r="I1530" s="27">
        <v>3930.9270080000001</v>
      </c>
      <c r="K1530" s="27">
        <v>93.477194999999995</v>
      </c>
    </row>
    <row r="1531" spans="2:11" x14ac:dyDescent="0.45">
      <c r="B1531" s="27">
        <v>3932.8558240000002</v>
      </c>
      <c r="C1531" s="27">
        <v>99.185451</v>
      </c>
      <c r="F1531" s="27">
        <v>88.932789</v>
      </c>
      <c r="I1531" s="27">
        <v>3932.8558240000002</v>
      </c>
      <c r="K1531" s="27">
        <v>93.494376000000003</v>
      </c>
    </row>
    <row r="1532" spans="2:11" x14ac:dyDescent="0.45">
      <c r="B1532" s="27">
        <v>3934.7846399999999</v>
      </c>
      <c r="C1532" s="27">
        <v>99.272797999999995</v>
      </c>
      <c r="F1532" s="27">
        <v>88.958017999999996</v>
      </c>
      <c r="I1532" s="27">
        <v>3934.7846399999999</v>
      </c>
      <c r="K1532" s="27">
        <v>93.427288000000004</v>
      </c>
    </row>
    <row r="1533" spans="2:11" x14ac:dyDescent="0.45">
      <c r="B1533" s="27">
        <v>3936.713456</v>
      </c>
      <c r="C1533" s="27">
        <v>99.338267000000002</v>
      </c>
      <c r="F1533" s="27">
        <v>88.958136999999994</v>
      </c>
      <c r="I1533" s="27">
        <v>3936.713456</v>
      </c>
      <c r="K1533" s="27">
        <v>93.387846999999994</v>
      </c>
    </row>
    <row r="1534" spans="2:11" x14ac:dyDescent="0.45">
      <c r="B1534" s="27">
        <v>3938.642272</v>
      </c>
      <c r="C1534" s="27">
        <v>99.404342999999997</v>
      </c>
      <c r="F1534" s="27">
        <v>88.974376000000007</v>
      </c>
      <c r="I1534" s="27">
        <v>3938.642272</v>
      </c>
      <c r="K1534" s="27">
        <v>93.386390000000006</v>
      </c>
    </row>
    <row r="1535" spans="2:11" x14ac:dyDescent="0.45">
      <c r="B1535" s="27">
        <v>3940.5710880000001</v>
      </c>
      <c r="C1535" s="27">
        <v>99.409710000000004</v>
      </c>
      <c r="F1535" s="27">
        <v>88.958259999999996</v>
      </c>
      <c r="I1535" s="27">
        <v>3940.5710880000001</v>
      </c>
      <c r="K1535" s="27">
        <v>93.327676999999994</v>
      </c>
    </row>
    <row r="1536" spans="2:11" x14ac:dyDescent="0.45">
      <c r="B1536" s="27">
        <v>3942.4999039999998</v>
      </c>
      <c r="C1536" s="27">
        <v>99.303747000000001</v>
      </c>
      <c r="F1536" s="27">
        <v>88.937994000000003</v>
      </c>
      <c r="I1536" s="27">
        <v>3942.4999039999998</v>
      </c>
      <c r="K1536" s="27">
        <v>93.370375999999993</v>
      </c>
    </row>
    <row r="1537" spans="2:11" x14ac:dyDescent="0.45">
      <c r="B1537" s="27">
        <v>3944.4287199999999</v>
      </c>
      <c r="C1537" s="27">
        <v>99.334138999999993</v>
      </c>
      <c r="F1537" s="27">
        <v>88.946251000000004</v>
      </c>
      <c r="I1537" s="27">
        <v>3944.4287199999999</v>
      </c>
      <c r="K1537" s="27">
        <v>93.478485000000006</v>
      </c>
    </row>
    <row r="1538" spans="2:11" x14ac:dyDescent="0.45">
      <c r="B1538" s="27">
        <v>3946.357536</v>
      </c>
      <c r="C1538" s="27">
        <v>99.324490999999995</v>
      </c>
      <c r="F1538" s="27">
        <v>88.960532000000001</v>
      </c>
      <c r="I1538" s="27">
        <v>3946.357536</v>
      </c>
      <c r="K1538" s="27">
        <v>93.373213000000007</v>
      </c>
    </row>
    <row r="1539" spans="2:11" x14ac:dyDescent="0.45">
      <c r="B1539" s="27">
        <v>3948.2863520000001</v>
      </c>
      <c r="C1539" s="27">
        <v>99.252825000000001</v>
      </c>
      <c r="F1539" s="27">
        <v>88.892302999999998</v>
      </c>
      <c r="I1539" s="27">
        <v>3948.2863520000001</v>
      </c>
      <c r="K1539" s="27">
        <v>93.408090999999999</v>
      </c>
    </row>
    <row r="1540" spans="2:11" x14ac:dyDescent="0.45">
      <c r="B1540" s="27">
        <v>3950.2151680000002</v>
      </c>
      <c r="C1540" s="27">
        <v>99.255118999999993</v>
      </c>
      <c r="F1540" s="27">
        <v>88.928961000000001</v>
      </c>
      <c r="I1540" s="27">
        <v>3950.2151680000002</v>
      </c>
      <c r="K1540" s="27">
        <v>93.456395000000001</v>
      </c>
    </row>
    <row r="1541" spans="2:11" x14ac:dyDescent="0.45">
      <c r="B1541" s="27">
        <v>3952.1439839999998</v>
      </c>
      <c r="C1541" s="27">
        <v>99.260315000000006</v>
      </c>
      <c r="F1541" s="27">
        <v>88.912021999999993</v>
      </c>
      <c r="I1541" s="27">
        <v>3952.1439839999998</v>
      </c>
      <c r="K1541" s="27">
        <v>93.394559000000001</v>
      </c>
    </row>
    <row r="1542" spans="2:11" x14ac:dyDescent="0.45">
      <c r="B1542" s="27">
        <v>3954.0727999999999</v>
      </c>
      <c r="C1542" s="27">
        <v>99.303641999999996</v>
      </c>
      <c r="F1542" s="27">
        <v>88.868011999999993</v>
      </c>
      <c r="I1542" s="27">
        <v>3954.0727999999999</v>
      </c>
      <c r="K1542" s="27">
        <v>93.357710999999995</v>
      </c>
    </row>
    <row r="1543" spans="2:11" x14ac:dyDescent="0.45">
      <c r="B1543" s="27">
        <v>3956.001616</v>
      </c>
      <c r="C1543" s="27">
        <v>99.322562000000005</v>
      </c>
      <c r="F1543" s="27">
        <v>88.883590999999996</v>
      </c>
      <c r="I1543" s="27">
        <v>3956.001616</v>
      </c>
      <c r="K1543" s="27">
        <v>93.382481999999996</v>
      </c>
    </row>
    <row r="1544" spans="2:11" x14ac:dyDescent="0.45">
      <c r="B1544" s="27">
        <v>3957.9304320000001</v>
      </c>
      <c r="C1544" s="27">
        <v>99.256349</v>
      </c>
      <c r="F1544" s="27">
        <v>88.937141999999994</v>
      </c>
      <c r="I1544" s="27">
        <v>3957.9304320000001</v>
      </c>
      <c r="K1544" s="27">
        <v>93.412959000000001</v>
      </c>
    </row>
    <row r="1545" spans="2:11" x14ac:dyDescent="0.45">
      <c r="B1545" s="27">
        <v>3959.8592480000002</v>
      </c>
      <c r="C1545" s="27">
        <v>99.281567999999993</v>
      </c>
      <c r="F1545" s="27">
        <v>88.915929000000006</v>
      </c>
      <c r="I1545" s="27">
        <v>3959.8592480000002</v>
      </c>
      <c r="K1545" s="27">
        <v>93.414975999999996</v>
      </c>
    </row>
    <row r="1546" spans="2:11" x14ac:dyDescent="0.45">
      <c r="B1546" s="27">
        <v>3961.7880639999998</v>
      </c>
      <c r="C1546" s="27">
        <v>99.283883000000003</v>
      </c>
      <c r="F1546" s="27">
        <v>88.865983999999997</v>
      </c>
      <c r="I1546" s="27">
        <v>3961.7880639999998</v>
      </c>
      <c r="K1546" s="27">
        <v>93.429844000000003</v>
      </c>
    </row>
    <row r="1547" spans="2:11" x14ac:dyDescent="0.45">
      <c r="B1547" s="27">
        <v>3963.7168799999999</v>
      </c>
      <c r="C1547" s="27">
        <v>99.280719000000005</v>
      </c>
      <c r="F1547" s="27">
        <v>88.875738999999996</v>
      </c>
      <c r="I1547" s="27">
        <v>3963.7168799999999</v>
      </c>
      <c r="K1547" s="27">
        <v>93.406816000000006</v>
      </c>
    </row>
    <row r="1548" spans="2:11" x14ac:dyDescent="0.45">
      <c r="B1548" s="27">
        <v>3965.645696</v>
      </c>
      <c r="C1548" s="27">
        <v>99.293362000000002</v>
      </c>
      <c r="F1548" s="27">
        <v>88.870197000000005</v>
      </c>
      <c r="I1548" s="27">
        <v>3965.645696</v>
      </c>
      <c r="K1548" s="27">
        <v>93.427920999999998</v>
      </c>
    </row>
    <row r="1549" spans="2:11" x14ac:dyDescent="0.45">
      <c r="B1549" s="27">
        <v>3967.5745120000001</v>
      </c>
      <c r="C1549" s="27">
        <v>99.243331999999995</v>
      </c>
      <c r="F1549" s="27">
        <v>88.835740999999999</v>
      </c>
      <c r="I1549" s="27">
        <v>3967.5745120000001</v>
      </c>
      <c r="K1549" s="27">
        <v>93.418266000000003</v>
      </c>
    </row>
    <row r="1550" spans="2:11" x14ac:dyDescent="0.45">
      <c r="B1550" s="27">
        <v>3969.5033279999998</v>
      </c>
      <c r="C1550" s="27">
        <v>99.208188000000007</v>
      </c>
      <c r="F1550" s="27">
        <v>88.781431999999995</v>
      </c>
      <c r="I1550" s="27">
        <v>3969.5033279999998</v>
      </c>
      <c r="K1550" s="27">
        <v>93.391684999999995</v>
      </c>
    </row>
    <row r="1551" spans="2:11" x14ac:dyDescent="0.45">
      <c r="B1551" s="27">
        <v>3971.4321439999999</v>
      </c>
      <c r="C1551" s="27">
        <v>99.274268000000006</v>
      </c>
      <c r="F1551" s="27">
        <v>88.781086999999999</v>
      </c>
      <c r="I1551" s="27">
        <v>3971.4321439999999</v>
      </c>
      <c r="K1551" s="27">
        <v>93.388673999999995</v>
      </c>
    </row>
    <row r="1552" spans="2:11" x14ac:dyDescent="0.45">
      <c r="B1552" s="27">
        <v>3973.36096</v>
      </c>
      <c r="C1552" s="27">
        <v>99.243424000000005</v>
      </c>
      <c r="F1552" s="27">
        <v>88.788189000000003</v>
      </c>
      <c r="I1552" s="27">
        <v>3973.36096</v>
      </c>
      <c r="K1552" s="27">
        <v>93.379493999999994</v>
      </c>
    </row>
    <row r="1553" spans="2:11" x14ac:dyDescent="0.45">
      <c r="B1553" s="27">
        <v>3975.2897760000001</v>
      </c>
      <c r="C1553" s="27">
        <v>99.251632999999998</v>
      </c>
      <c r="F1553" s="27">
        <v>88.792343000000002</v>
      </c>
      <c r="I1553" s="27">
        <v>3975.2897760000001</v>
      </c>
      <c r="K1553" s="27">
        <v>93.425196999999997</v>
      </c>
    </row>
    <row r="1554" spans="2:11" x14ac:dyDescent="0.45">
      <c r="B1554" s="27">
        <v>3977.2185920000002</v>
      </c>
      <c r="C1554" s="27">
        <v>99.252965000000003</v>
      </c>
      <c r="F1554" s="27">
        <v>88.757768999999996</v>
      </c>
      <c r="I1554" s="27">
        <v>3977.2185920000002</v>
      </c>
      <c r="K1554" s="27">
        <v>93.431500999999997</v>
      </c>
    </row>
    <row r="1555" spans="2:11" x14ac:dyDescent="0.45">
      <c r="B1555" s="27">
        <v>3979.1474079999998</v>
      </c>
      <c r="C1555" s="27">
        <v>99.216746999999998</v>
      </c>
      <c r="F1555" s="27">
        <v>88.753388000000001</v>
      </c>
      <c r="I1555" s="27">
        <v>3979.1474079999998</v>
      </c>
      <c r="K1555" s="27">
        <v>93.392313999999999</v>
      </c>
    </row>
    <row r="1556" spans="2:11" x14ac:dyDescent="0.45">
      <c r="B1556" s="27">
        <v>3981.0762239999999</v>
      </c>
      <c r="C1556" s="27">
        <v>99.207766000000007</v>
      </c>
      <c r="F1556" s="27">
        <v>88.770116999999999</v>
      </c>
      <c r="I1556" s="27">
        <v>3981.0762239999999</v>
      </c>
      <c r="K1556" s="27">
        <v>93.376981000000001</v>
      </c>
    </row>
    <row r="1557" spans="2:11" x14ac:dyDescent="0.45">
      <c r="B1557" s="27">
        <v>3983.00504</v>
      </c>
      <c r="C1557" s="27">
        <v>99.179928000000004</v>
      </c>
      <c r="F1557" s="27">
        <v>88.783432000000005</v>
      </c>
      <c r="I1557" s="27">
        <v>3983.00504</v>
      </c>
      <c r="K1557" s="27">
        <v>93.349706999999995</v>
      </c>
    </row>
    <row r="1558" spans="2:11" x14ac:dyDescent="0.45">
      <c r="B1558" s="27">
        <v>3984.9338560000001</v>
      </c>
      <c r="C1558" s="27">
        <v>99.244028999999998</v>
      </c>
      <c r="F1558" s="27">
        <v>88.791123999999996</v>
      </c>
      <c r="I1558" s="27">
        <v>3984.9338560000001</v>
      </c>
      <c r="K1558" s="27">
        <v>93.319828000000001</v>
      </c>
    </row>
    <row r="1559" spans="2:11" x14ac:dyDescent="0.45">
      <c r="B1559" s="27">
        <v>3986.8626720000002</v>
      </c>
      <c r="C1559" s="27">
        <v>99.298688999999996</v>
      </c>
      <c r="F1559" s="27">
        <v>88.728632000000005</v>
      </c>
      <c r="I1559" s="27">
        <v>3986.8626720000002</v>
      </c>
      <c r="K1559" s="27">
        <v>93.323423000000005</v>
      </c>
    </row>
    <row r="1560" spans="2:11" x14ac:dyDescent="0.45">
      <c r="B1560" s="27">
        <v>3988.7914879999998</v>
      </c>
      <c r="C1560" s="27">
        <v>99.249748999999994</v>
      </c>
      <c r="F1560" s="27">
        <v>88.731708999999995</v>
      </c>
      <c r="I1560" s="27">
        <v>3988.7914879999998</v>
      </c>
      <c r="K1560" s="27">
        <v>93.347717000000003</v>
      </c>
    </row>
    <row r="1561" spans="2:11" x14ac:dyDescent="0.45">
      <c r="B1561" s="27">
        <v>3990.7203039999999</v>
      </c>
      <c r="C1561" s="27">
        <v>99.229643999999993</v>
      </c>
      <c r="F1561" s="27">
        <v>88.777702000000005</v>
      </c>
      <c r="I1561" s="27">
        <v>3990.7203039999999</v>
      </c>
      <c r="K1561" s="27">
        <v>93.363007999999994</v>
      </c>
    </row>
    <row r="1562" spans="2:11" x14ac:dyDescent="0.45">
      <c r="B1562" s="27">
        <v>3992.64912</v>
      </c>
      <c r="C1562" s="27">
        <v>99.291670999999994</v>
      </c>
      <c r="F1562" s="27">
        <v>88.767741000000001</v>
      </c>
      <c r="I1562" s="27">
        <v>3992.64912</v>
      </c>
      <c r="K1562" s="27">
        <v>93.326099999999997</v>
      </c>
    </row>
    <row r="1563" spans="2:11" x14ac:dyDescent="0.45">
      <c r="B1563" s="27">
        <v>3994.5779360000001</v>
      </c>
      <c r="C1563" s="27">
        <v>99.254152000000005</v>
      </c>
      <c r="F1563" s="27">
        <v>88.756242</v>
      </c>
      <c r="I1563" s="27">
        <v>3994.5779360000001</v>
      </c>
      <c r="K1563" s="27">
        <v>93.341188000000002</v>
      </c>
    </row>
    <row r="1564" spans="2:11" x14ac:dyDescent="0.45">
      <c r="B1564" s="27">
        <v>3996.5067519999998</v>
      </c>
      <c r="C1564" s="27">
        <v>99.187915000000004</v>
      </c>
      <c r="F1564" s="27">
        <v>88.770404999999997</v>
      </c>
      <c r="I1564" s="27">
        <v>3996.5067519999998</v>
      </c>
      <c r="K1564" s="27">
        <v>93.343277</v>
      </c>
    </row>
    <row r="1565" spans="2:11" x14ac:dyDescent="0.45">
      <c r="B1565" s="27">
        <v>3998.4355679999999</v>
      </c>
      <c r="C1565" s="27">
        <v>99.165529000000006</v>
      </c>
      <c r="F1565" s="27">
        <v>88.777495999999999</v>
      </c>
      <c r="I1565" s="27">
        <v>3998.4355679999999</v>
      </c>
      <c r="K1565" s="27">
        <v>93.332436000000001</v>
      </c>
    </row>
    <row r="1566" spans="2:11" x14ac:dyDescent="0.45">
      <c r="B1566" s="27">
        <v>4000.364384</v>
      </c>
      <c r="C1566" s="27">
        <v>99.130995999999996</v>
      </c>
      <c r="F1566" s="27">
        <v>88.719374999999999</v>
      </c>
      <c r="I1566" s="27">
        <v>4000.364384</v>
      </c>
      <c r="K1566" s="27">
        <v>93.366915000000006</v>
      </c>
    </row>
  </sheetData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9210DD-2630-44B3-8CD4-917B1E8F4BBF}">
  <dimension ref="B4:M69"/>
  <sheetViews>
    <sheetView topLeftCell="A13" zoomScale="77" zoomScaleNormal="77" workbookViewId="0">
      <selection activeCell="B40" sqref="B40"/>
    </sheetView>
  </sheetViews>
  <sheetFormatPr defaultRowHeight="14.25" x14ac:dyDescent="0.45"/>
  <cols>
    <col min="1" max="2" width="9.06640625" style="27"/>
    <col min="3" max="3" width="9.1328125" style="27" bestFit="1" customWidth="1"/>
    <col min="4" max="4" width="15.265625" style="27" customWidth="1"/>
    <col min="5" max="6" width="9.1328125" style="27" bestFit="1" customWidth="1"/>
    <col min="7" max="7" width="9.59765625" style="27" bestFit="1" customWidth="1"/>
    <col min="8" max="10" width="9.1328125" style="27" bestFit="1" customWidth="1"/>
    <col min="11" max="16384" width="9.06640625" style="27"/>
  </cols>
  <sheetData>
    <row r="4" spans="2:10" x14ac:dyDescent="0.45">
      <c r="B4" s="24" t="s">
        <v>30</v>
      </c>
      <c r="C4" s="67">
        <v>298</v>
      </c>
    </row>
    <row r="5" spans="2:10" x14ac:dyDescent="0.45">
      <c r="B5" s="24" t="s">
        <v>37</v>
      </c>
      <c r="C5" s="67" t="s">
        <v>17</v>
      </c>
    </row>
    <row r="6" spans="2:10" x14ac:dyDescent="0.45">
      <c r="B6" s="24" t="s">
        <v>19</v>
      </c>
      <c r="C6" s="30" t="s">
        <v>4</v>
      </c>
      <c r="D6" s="30"/>
      <c r="E6" s="30" t="s">
        <v>1</v>
      </c>
      <c r="F6" s="30"/>
      <c r="G6" s="30" t="s">
        <v>2</v>
      </c>
      <c r="H6" s="30"/>
      <c r="I6" s="30" t="s">
        <v>3</v>
      </c>
      <c r="J6" s="26"/>
    </row>
    <row r="7" spans="2:10" x14ac:dyDescent="0.45">
      <c r="B7" s="34"/>
      <c r="C7" s="32" t="s">
        <v>33</v>
      </c>
      <c r="D7" s="32" t="s">
        <v>34</v>
      </c>
      <c r="E7" s="32" t="s">
        <v>33</v>
      </c>
      <c r="F7" s="32" t="s">
        <v>34</v>
      </c>
      <c r="G7" s="32" t="s">
        <v>33</v>
      </c>
      <c r="H7" s="32" t="s">
        <v>34</v>
      </c>
      <c r="I7" s="32" t="s">
        <v>33</v>
      </c>
      <c r="J7" s="32" t="s">
        <v>34</v>
      </c>
    </row>
    <row r="8" spans="2:10" x14ac:dyDescent="0.45">
      <c r="B8" s="34"/>
      <c r="C8" s="49">
        <v>1.45467887</v>
      </c>
      <c r="D8" s="49">
        <v>9.9714285714285721E-3</v>
      </c>
      <c r="E8" s="49">
        <v>0.32125818</v>
      </c>
      <c r="F8" s="49">
        <v>6.2452678571428576E-2</v>
      </c>
      <c r="G8" s="49">
        <v>8.7734E-4</v>
      </c>
      <c r="H8" s="49">
        <v>0.16878794642857145</v>
      </c>
      <c r="I8" s="49">
        <v>3.1195230000000001E-2</v>
      </c>
      <c r="J8" s="49">
        <v>0.30918616071428573</v>
      </c>
    </row>
    <row r="9" spans="2:10" x14ac:dyDescent="0.45">
      <c r="B9" s="34"/>
      <c r="C9" s="49">
        <v>7.8410243099999999</v>
      </c>
      <c r="D9" s="49">
        <v>4.5137946428571434E-2</v>
      </c>
      <c r="E9" s="49">
        <v>0.63059858999999996</v>
      </c>
      <c r="F9" s="49">
        <v>8.4973214285714291E-2</v>
      </c>
      <c r="G9" s="49">
        <v>0.10320188</v>
      </c>
      <c r="H9" s="49">
        <v>0.22258616071428572</v>
      </c>
      <c r="I9" s="49">
        <v>7.8642889999999993E-2</v>
      </c>
      <c r="J9" s="49">
        <v>0.35165044642857146</v>
      </c>
    </row>
    <row r="10" spans="2:10" x14ac:dyDescent="0.45">
      <c r="C10" s="41">
        <v>23.407105520000002</v>
      </c>
      <c r="D10" s="41">
        <v>0.12148794642857144</v>
      </c>
      <c r="E10" s="41">
        <v>1.0192924699999999</v>
      </c>
      <c r="F10" s="41">
        <v>0.10325223214285716</v>
      </c>
      <c r="G10" s="41">
        <v>0.37621771999999998</v>
      </c>
      <c r="H10" s="41">
        <v>0.26809375000000002</v>
      </c>
      <c r="I10" s="41">
        <v>0.16442815999999999</v>
      </c>
      <c r="J10" s="41">
        <v>0.3928544642857143</v>
      </c>
    </row>
    <row r="11" spans="2:10" x14ac:dyDescent="0.45">
      <c r="C11" s="41">
        <v>38.063758110000002</v>
      </c>
      <c r="D11" s="41">
        <v>0.18909107142857146</v>
      </c>
      <c r="E11" s="41">
        <v>1.3936434</v>
      </c>
      <c r="F11" s="41">
        <v>0.11806473214285715</v>
      </c>
      <c r="G11" s="41">
        <v>0.71402538999999998</v>
      </c>
      <c r="H11" s="41">
        <v>0.30621562500000005</v>
      </c>
      <c r="I11" s="41">
        <v>0.40471240000000003</v>
      </c>
      <c r="J11" s="41">
        <v>0.42531116071428576</v>
      </c>
    </row>
    <row r="12" spans="2:10" x14ac:dyDescent="0.45">
      <c r="C12" s="41">
        <v>47.145837129999997</v>
      </c>
      <c r="D12" s="41">
        <v>0.23028348214285718</v>
      </c>
      <c r="E12" s="41">
        <v>2.53500682</v>
      </c>
      <c r="F12" s="41">
        <v>0.14905625</v>
      </c>
      <c r="G12" s="41">
        <v>2.1748975100000001</v>
      </c>
      <c r="H12" s="41">
        <v>0.3789392857142857</v>
      </c>
      <c r="I12" s="41">
        <v>0.43524079999999998</v>
      </c>
      <c r="J12" s="41">
        <v>0.46793035714285719</v>
      </c>
    </row>
    <row r="13" spans="2:10" x14ac:dyDescent="0.45">
      <c r="C13" s="41">
        <v>63.942800460000001</v>
      </c>
      <c r="D13" s="41">
        <v>0.30231116071428571</v>
      </c>
      <c r="E13" s="41">
        <v>3.2226732</v>
      </c>
      <c r="F13" s="41">
        <v>0.16464955357142858</v>
      </c>
      <c r="G13" s="41">
        <v>3.30405383</v>
      </c>
      <c r="H13" s="41">
        <v>0.41080089285714289</v>
      </c>
      <c r="I13" s="41">
        <v>1.0376031100000001</v>
      </c>
      <c r="J13" s="41">
        <v>0.5230955357142858</v>
      </c>
    </row>
    <row r="14" spans="2:10" x14ac:dyDescent="0.45">
      <c r="C14" s="41">
        <v>68.548944469999995</v>
      </c>
      <c r="D14" s="41">
        <v>0.32261071428571431</v>
      </c>
      <c r="E14" s="41">
        <v>3.8574421600000002</v>
      </c>
      <c r="F14" s="41">
        <v>0.178224553571429</v>
      </c>
      <c r="G14" s="41">
        <v>5.4219848900000001</v>
      </c>
      <c r="H14" s="41">
        <v>0.45796964285714292</v>
      </c>
      <c r="I14" s="41">
        <v>1.32446986</v>
      </c>
      <c r="J14" s="41">
        <v>0.55047500000000005</v>
      </c>
    </row>
    <row r="15" spans="2:10" x14ac:dyDescent="0.45">
      <c r="C15" s="41">
        <v>71.944551520000005</v>
      </c>
      <c r="D15" s="41">
        <v>0.33580446428571431</v>
      </c>
      <c r="E15" s="41">
        <v>4.5064527400000003</v>
      </c>
      <c r="F15" s="41">
        <v>0.189321875</v>
      </c>
      <c r="G15" s="41">
        <v>7.3791891999999999</v>
      </c>
      <c r="H15" s="41">
        <v>0.48540491071428576</v>
      </c>
      <c r="I15" s="41">
        <v>1.7395111000000001</v>
      </c>
      <c r="J15" s="41">
        <v>0.60934821428571428</v>
      </c>
    </row>
    <row r="16" spans="2:10" x14ac:dyDescent="0.45">
      <c r="C16" s="41">
        <v>88.059952030000005</v>
      </c>
      <c r="D16" s="41">
        <v>0.39740982142857145</v>
      </c>
      <c r="E16" s="41">
        <v>6.0201325700000003</v>
      </c>
      <c r="F16" s="41">
        <v>0.2129821428571429</v>
      </c>
      <c r="G16" s="41">
        <v>7.4097069400000004</v>
      </c>
      <c r="H16" s="41">
        <v>0.48616964285714287</v>
      </c>
      <c r="I16" s="41">
        <v>3.3732273699999999</v>
      </c>
      <c r="J16" s="41">
        <v>0.66849464285714288</v>
      </c>
    </row>
    <row r="17" spans="3:10" x14ac:dyDescent="0.45">
      <c r="C17" s="41">
        <v>94.8857529</v>
      </c>
      <c r="D17" s="41">
        <v>0.42307678571428575</v>
      </c>
      <c r="E17" s="41">
        <v>8.3333771599999995</v>
      </c>
      <c r="F17" s="41">
        <v>0.24683080357142861</v>
      </c>
      <c r="G17" s="41">
        <v>8.7646945299999999</v>
      </c>
      <c r="H17" s="41">
        <v>0.50435803571428572</v>
      </c>
      <c r="I17" s="41">
        <v>8.4493445600000001</v>
      </c>
      <c r="J17" s="41">
        <v>0.84037187499999999</v>
      </c>
    </row>
    <row r="18" spans="3:10" x14ac:dyDescent="0.45">
      <c r="C18" s="41">
        <v>99.9</v>
      </c>
      <c r="D18" s="41">
        <v>0.45380491071428569</v>
      </c>
      <c r="E18" s="41">
        <v>9.3140138199999996</v>
      </c>
      <c r="F18" s="41">
        <v>0.25930758928571429</v>
      </c>
      <c r="G18" s="41">
        <v>14.681066789999999</v>
      </c>
      <c r="H18" s="41">
        <v>0.55945178571428578</v>
      </c>
      <c r="I18" s="41">
        <v>17.039070729999999</v>
      </c>
      <c r="J18" s="41">
        <v>0.94125401785714291</v>
      </c>
    </row>
    <row r="19" spans="3:10" x14ac:dyDescent="0.45">
      <c r="C19" s="41"/>
      <c r="D19" s="41"/>
      <c r="E19" s="41">
        <v>12.82558828</v>
      </c>
      <c r="F19" s="41">
        <v>0.30714285714285716</v>
      </c>
      <c r="G19" s="41">
        <v>27.80369439</v>
      </c>
      <c r="H19" s="41">
        <v>0.6554491071428572</v>
      </c>
      <c r="I19" s="41">
        <v>20.19663941</v>
      </c>
      <c r="J19" s="41">
        <v>0.95914776785714284</v>
      </c>
    </row>
    <row r="20" spans="3:10" x14ac:dyDescent="0.45">
      <c r="C20" s="41"/>
      <c r="D20" s="41"/>
      <c r="E20" s="41">
        <v>14.75024033</v>
      </c>
      <c r="F20" s="41">
        <v>0.32995848214285717</v>
      </c>
      <c r="G20" s="41">
        <v>31.400718520000002</v>
      </c>
      <c r="H20" s="41">
        <v>0.67500625000000003</v>
      </c>
      <c r="I20" s="41">
        <v>23.915734489999998</v>
      </c>
      <c r="J20" s="41">
        <v>0.9780183035714286</v>
      </c>
    </row>
    <row r="21" spans="3:10" x14ac:dyDescent="0.45">
      <c r="C21" s="41"/>
      <c r="D21" s="41"/>
      <c r="E21" s="41">
        <v>19.104104370000002</v>
      </c>
      <c r="F21" s="41">
        <v>0.36119508928571425</v>
      </c>
      <c r="G21" s="41">
        <v>35.054709090000003</v>
      </c>
      <c r="H21" s="41">
        <v>0.6937660714285715</v>
      </c>
      <c r="I21" s="41">
        <v>30.49332442</v>
      </c>
      <c r="J21" s="41">
        <v>1.0073642857142857</v>
      </c>
    </row>
    <row r="22" spans="3:10" x14ac:dyDescent="0.45">
      <c r="C22" s="41"/>
      <c r="D22" s="41"/>
      <c r="E22" s="41">
        <v>22.102980819999999</v>
      </c>
      <c r="F22" s="41">
        <v>0.38015803571428575</v>
      </c>
      <c r="G22" s="41">
        <v>45.025871549999998</v>
      </c>
      <c r="H22" s="41">
        <v>0.74861294642857157</v>
      </c>
      <c r="I22" s="41">
        <v>36.647735040000001</v>
      </c>
      <c r="J22" s="41">
        <v>1.0375941964285715</v>
      </c>
    </row>
    <row r="23" spans="3:10" x14ac:dyDescent="0.45">
      <c r="C23" s="41"/>
      <c r="D23" s="41"/>
      <c r="E23" s="41">
        <v>25.81393783</v>
      </c>
      <c r="F23" s="41">
        <v>0.40327321428571428</v>
      </c>
      <c r="G23" s="41">
        <v>48.69206921</v>
      </c>
      <c r="H23" s="41">
        <v>0.76813705357142859</v>
      </c>
      <c r="I23" s="41">
        <v>41.508193550000001</v>
      </c>
      <c r="J23" s="41">
        <v>1.0612772321428572</v>
      </c>
    </row>
    <row r="24" spans="3:10" x14ac:dyDescent="0.45">
      <c r="C24" s="41"/>
      <c r="D24" s="41"/>
      <c r="E24" s="41">
        <v>30.686603430000002</v>
      </c>
      <c r="F24" s="41">
        <v>0.43142187500000001</v>
      </c>
      <c r="G24" s="41">
        <v>53.165969699999998</v>
      </c>
      <c r="H24" s="41">
        <v>0.79003928571428572</v>
      </c>
      <c r="I24" s="41">
        <v>45.693192770000003</v>
      </c>
      <c r="J24" s="41">
        <v>1.0801888392857144</v>
      </c>
    </row>
    <row r="25" spans="3:10" x14ac:dyDescent="0.45">
      <c r="C25" s="41"/>
      <c r="D25" s="41"/>
      <c r="E25" s="41">
        <v>34.45045786</v>
      </c>
      <c r="F25" s="41">
        <v>0.45144107142857148</v>
      </c>
      <c r="G25" s="41">
        <v>63.086269260000002</v>
      </c>
      <c r="H25" s="41">
        <v>0.84011116071428582</v>
      </c>
      <c r="I25" s="41">
        <v>51.353216019999998</v>
      </c>
      <c r="J25" s="41">
        <v>1.1065263392857143</v>
      </c>
    </row>
    <row r="26" spans="3:10" x14ac:dyDescent="0.45">
      <c r="C26" s="41"/>
      <c r="D26" s="41"/>
      <c r="E26" s="41">
        <v>37.762649760000002</v>
      </c>
      <c r="F26" s="41">
        <v>0.46897589285714292</v>
      </c>
      <c r="G26" s="41">
        <v>68.349561910000006</v>
      </c>
      <c r="H26" s="41">
        <v>0.86529241071428564</v>
      </c>
      <c r="I26" s="41">
        <v>55.296107849999999</v>
      </c>
      <c r="J26" s="41">
        <v>1.1230875</v>
      </c>
    </row>
    <row r="27" spans="3:10" x14ac:dyDescent="0.45">
      <c r="C27" s="41"/>
      <c r="D27" s="41"/>
      <c r="E27" s="41">
        <v>41.300672919999997</v>
      </c>
      <c r="F27" s="41">
        <v>0.48713928571428577</v>
      </c>
      <c r="G27" s="41">
        <v>76.746009060000006</v>
      </c>
      <c r="H27" s="41">
        <v>0.89998660714285728</v>
      </c>
      <c r="I27" s="41">
        <v>59.112859690000001</v>
      </c>
      <c r="J27" s="41">
        <v>1.138015625</v>
      </c>
    </row>
    <row r="28" spans="3:10" x14ac:dyDescent="0.45">
      <c r="C28" s="41"/>
      <c r="D28" s="41"/>
      <c r="E28" s="41">
        <v>45.204908949999997</v>
      </c>
      <c r="F28" s="41">
        <v>0.50811473214285718</v>
      </c>
      <c r="G28" s="41">
        <v>81.919783019999997</v>
      </c>
      <c r="H28" s="41">
        <v>0.9151071428571429</v>
      </c>
      <c r="I28" s="41">
        <v>63.157477319999998</v>
      </c>
      <c r="J28" s="41">
        <v>1.1512727678571428</v>
      </c>
    </row>
    <row r="29" spans="3:10" x14ac:dyDescent="0.45">
      <c r="C29" s="41"/>
      <c r="D29" s="41"/>
      <c r="E29" s="41">
        <v>48.99317757</v>
      </c>
      <c r="F29" s="41">
        <v>0.53103883928571427</v>
      </c>
      <c r="G29" s="41">
        <v>87.378389200000001</v>
      </c>
      <c r="H29" s="41">
        <v>0.93389464285714285</v>
      </c>
      <c r="I29" s="41">
        <v>67.029161090000002</v>
      </c>
      <c r="J29" s="41">
        <v>1.1781919642857144</v>
      </c>
    </row>
    <row r="30" spans="3:10" x14ac:dyDescent="0.45">
      <c r="C30" s="41"/>
      <c r="D30" s="41"/>
      <c r="E30" s="41">
        <v>59.161688079999998</v>
      </c>
      <c r="F30" s="41">
        <v>0.59238616071428574</v>
      </c>
      <c r="G30" s="41">
        <v>93.398521770000002</v>
      </c>
      <c r="H30" s="41">
        <v>0.95715491071428582</v>
      </c>
      <c r="I30" s="41">
        <v>70.717738429999997</v>
      </c>
      <c r="J30" s="41">
        <v>1.1958419642857143</v>
      </c>
    </row>
    <row r="31" spans="3:10" x14ac:dyDescent="0.45">
      <c r="C31" s="41"/>
      <c r="D31" s="41"/>
      <c r="E31" s="41">
        <v>61.8513181</v>
      </c>
      <c r="F31" s="41">
        <v>0.60446696428571434</v>
      </c>
      <c r="G31" s="41">
        <v>99.9</v>
      </c>
      <c r="H31" s="41">
        <v>0.9848638392857143</v>
      </c>
      <c r="I31" s="41">
        <v>76.467280380000005</v>
      </c>
      <c r="J31" s="41">
        <v>1.2186285714285716</v>
      </c>
    </row>
    <row r="32" spans="3:10" x14ac:dyDescent="0.45">
      <c r="C32" s="41"/>
      <c r="D32" s="41"/>
      <c r="E32" s="41">
        <v>64.630466830000003</v>
      </c>
      <c r="F32" s="41">
        <v>0.61706562500000006</v>
      </c>
      <c r="G32" s="42"/>
      <c r="H32" s="42"/>
      <c r="I32" s="41">
        <v>81.350118559999999</v>
      </c>
      <c r="J32" s="41">
        <v>1.2320133928571431</v>
      </c>
    </row>
    <row r="33" spans="2:13" x14ac:dyDescent="0.45">
      <c r="C33" s="41"/>
      <c r="D33" s="41"/>
      <c r="E33" s="41">
        <v>76.392003299999999</v>
      </c>
      <c r="F33" s="41">
        <v>0.65669553571428574</v>
      </c>
      <c r="G33" s="42"/>
      <c r="H33" s="42"/>
      <c r="I33" s="41">
        <v>86.503547359999999</v>
      </c>
      <c r="J33" s="41">
        <v>1.2459276785714286</v>
      </c>
    </row>
    <row r="34" spans="2:13" x14ac:dyDescent="0.45">
      <c r="C34" s="41"/>
      <c r="D34" s="41"/>
      <c r="E34" s="41">
        <v>80.719418630000007</v>
      </c>
      <c r="F34" s="41">
        <v>0.67100535714285714</v>
      </c>
      <c r="G34" s="42"/>
      <c r="H34" s="42"/>
      <c r="I34" s="41">
        <v>90.188055660000003</v>
      </c>
      <c r="J34" s="41">
        <v>1.2562781250000001</v>
      </c>
    </row>
    <row r="35" spans="2:13" x14ac:dyDescent="0.45">
      <c r="C35" s="41"/>
      <c r="D35" s="41"/>
      <c r="E35" s="41">
        <v>85.722293250000007</v>
      </c>
      <c r="F35" s="41">
        <v>0.68690401785714283</v>
      </c>
      <c r="G35" s="41"/>
      <c r="H35" s="41"/>
      <c r="I35" s="41">
        <v>95.506280250000003</v>
      </c>
      <c r="J35" s="41">
        <v>1.2708397321428573</v>
      </c>
    </row>
    <row r="36" spans="2:13" x14ac:dyDescent="0.45">
      <c r="C36" s="41"/>
      <c r="D36" s="41"/>
      <c r="E36" s="41">
        <v>90.560372079999993</v>
      </c>
      <c r="F36" s="41">
        <v>0.70775848214285719</v>
      </c>
      <c r="G36" s="41"/>
      <c r="H36" s="41"/>
      <c r="I36" s="41">
        <v>99.9</v>
      </c>
      <c r="J36" s="41">
        <v>1.2749999999999999</v>
      </c>
    </row>
    <row r="37" spans="2:13" x14ac:dyDescent="0.45">
      <c r="C37" s="41"/>
      <c r="D37" s="41"/>
      <c r="E37" s="41">
        <v>95.302828660000003</v>
      </c>
      <c r="F37" s="41">
        <v>0.72257053571428587</v>
      </c>
      <c r="G37" s="42"/>
      <c r="H37" s="42"/>
      <c r="I37" s="41"/>
      <c r="J37" s="41"/>
    </row>
    <row r="38" spans="2:13" x14ac:dyDescent="0.45">
      <c r="B38" s="24" t="s">
        <v>30</v>
      </c>
      <c r="C38" s="67">
        <v>298</v>
      </c>
      <c r="D38" s="41"/>
      <c r="E38" s="41">
        <v>99.9</v>
      </c>
      <c r="F38" s="41">
        <v>0.73756383928571423</v>
      </c>
      <c r="G38" s="42"/>
      <c r="H38" s="42"/>
      <c r="I38" s="41"/>
      <c r="J38" s="41"/>
    </row>
    <row r="39" spans="2:13" x14ac:dyDescent="0.45">
      <c r="B39" s="24" t="s">
        <v>37</v>
      </c>
      <c r="C39" s="67" t="s">
        <v>18</v>
      </c>
      <c r="D39" s="26"/>
      <c r="G39" s="26"/>
      <c r="H39" s="26"/>
      <c r="I39" s="26"/>
      <c r="J39" s="26"/>
    </row>
    <row r="40" spans="2:13" x14ac:dyDescent="0.45">
      <c r="B40" s="24" t="s">
        <v>19</v>
      </c>
      <c r="C40" s="30" t="s">
        <v>4</v>
      </c>
      <c r="D40" s="30"/>
      <c r="E40" s="30" t="s">
        <v>1</v>
      </c>
      <c r="F40" s="30"/>
      <c r="G40" s="30" t="s">
        <v>2</v>
      </c>
      <c r="H40" s="30"/>
      <c r="I40" s="30" t="s">
        <v>3</v>
      </c>
      <c r="J40" s="30"/>
      <c r="K40" s="26"/>
      <c r="L40" s="26"/>
      <c r="M40" s="26"/>
    </row>
    <row r="41" spans="2:13" x14ac:dyDescent="0.45">
      <c r="C41" s="30" t="s">
        <v>22</v>
      </c>
      <c r="D41" s="30" t="s">
        <v>20</v>
      </c>
      <c r="E41" s="30" t="s">
        <v>22</v>
      </c>
      <c r="F41" s="30" t="s">
        <v>20</v>
      </c>
      <c r="G41" s="30" t="s">
        <v>22</v>
      </c>
      <c r="H41" s="30" t="s">
        <v>20</v>
      </c>
      <c r="I41" s="30" t="s">
        <v>22</v>
      </c>
      <c r="J41" s="30" t="s">
        <v>20</v>
      </c>
    </row>
    <row r="42" spans="2:13" x14ac:dyDescent="0.45">
      <c r="C42" s="41">
        <v>6.9763550499999996</v>
      </c>
      <c r="D42" s="41">
        <v>3.3080357142857139E-3</v>
      </c>
      <c r="E42" s="41">
        <v>5.4382610199999997</v>
      </c>
      <c r="F42" s="41">
        <v>2.575E-3</v>
      </c>
      <c r="G42" s="41">
        <v>14.516271</v>
      </c>
      <c r="H42" s="41">
        <v>9.3433035714285718E-3</v>
      </c>
      <c r="I42" s="41">
        <v>2.7364239000000001</v>
      </c>
      <c r="J42" s="41">
        <v>3.4276785714285715E-3</v>
      </c>
    </row>
    <row r="43" spans="2:13" x14ac:dyDescent="0.45">
      <c r="C43" s="41">
        <v>13.52546175</v>
      </c>
      <c r="D43" s="41">
        <v>7.0558035714285705E-3</v>
      </c>
      <c r="E43" s="41">
        <v>12.23354415</v>
      </c>
      <c r="F43" s="41">
        <v>6.8986607142857139E-3</v>
      </c>
      <c r="G43" s="41">
        <v>28.48322271</v>
      </c>
      <c r="H43" s="41">
        <v>1.7125000000000001E-2</v>
      </c>
      <c r="I43" s="41">
        <v>5.3894326399999999</v>
      </c>
      <c r="J43" s="41">
        <v>4.4816964285714278E-3</v>
      </c>
    </row>
    <row r="44" spans="2:13" x14ac:dyDescent="0.45">
      <c r="C44" s="41">
        <v>20.074568459999998</v>
      </c>
      <c r="D44" s="41">
        <v>1.1599553571428571E-2</v>
      </c>
      <c r="E44" s="41">
        <v>18.888445690000001</v>
      </c>
      <c r="F44" s="41">
        <v>1.0497321428571429E-2</v>
      </c>
      <c r="G44" s="41">
        <v>41.705541590000003</v>
      </c>
      <c r="H44" s="41">
        <v>2.4283482142857145E-2</v>
      </c>
      <c r="I44" s="41">
        <v>8.0281997700000005</v>
      </c>
      <c r="J44" s="41">
        <v>6.3924107142857142E-3</v>
      </c>
    </row>
    <row r="45" spans="2:13" x14ac:dyDescent="0.45">
      <c r="C45" s="41">
        <v>26.84747192</v>
      </c>
      <c r="D45" s="41">
        <v>1.6769642857142858E-2</v>
      </c>
      <c r="E45" s="41">
        <v>25.484346259999999</v>
      </c>
      <c r="F45" s="41">
        <v>1.4548660714285714E-2</v>
      </c>
      <c r="G45" s="41">
        <v>55.36528139</v>
      </c>
      <c r="H45" s="41">
        <v>3.1406250000000004E-2</v>
      </c>
      <c r="I45" s="41">
        <v>11.100318789999999</v>
      </c>
      <c r="J45" s="41">
        <v>7.6633928571428573E-3</v>
      </c>
    </row>
    <row r="46" spans="2:13" x14ac:dyDescent="0.45">
      <c r="C46" s="41">
        <v>33.492200869999998</v>
      </c>
      <c r="D46" s="41">
        <v>2.1271428571428573E-2</v>
      </c>
      <c r="E46" s="41">
        <v>32.127040700000002</v>
      </c>
      <c r="F46" s="41">
        <v>1.9067410714285714E-2</v>
      </c>
      <c r="G46" s="41">
        <v>68.396355779999993</v>
      </c>
      <c r="H46" s="41">
        <v>3.7818303571428576E-2</v>
      </c>
      <c r="I46" s="41">
        <v>14.34333715</v>
      </c>
      <c r="J46" s="41">
        <v>9.1196428571428574E-3</v>
      </c>
    </row>
    <row r="47" spans="2:13" x14ac:dyDescent="0.45">
      <c r="C47" s="41">
        <v>39.878546299999996</v>
      </c>
      <c r="D47" s="41">
        <v>2.5776785714285714E-2</v>
      </c>
      <c r="E47" s="41">
        <v>38.80635642</v>
      </c>
      <c r="F47" s="41">
        <v>2.3150892857142859E-2</v>
      </c>
      <c r="G47" s="41">
        <v>81.089700530000002</v>
      </c>
      <c r="H47" s="41">
        <v>4.3766517857142861E-2</v>
      </c>
      <c r="I47" s="41">
        <v>17.570079379999999</v>
      </c>
      <c r="J47" s="41">
        <v>1.063392857142857E-2</v>
      </c>
    </row>
    <row r="48" spans="2:13" x14ac:dyDescent="0.45">
      <c r="C48" s="41">
        <v>46.399169790000002</v>
      </c>
      <c r="D48" s="41">
        <v>3.0244642857142859E-2</v>
      </c>
      <c r="E48" s="41">
        <v>45.538569559999999</v>
      </c>
      <c r="F48" s="41">
        <v>2.6739285714285715E-2</v>
      </c>
      <c r="G48" s="41">
        <v>92.407712520000004</v>
      </c>
      <c r="H48" s="41">
        <v>4.9239285714285715E-2</v>
      </c>
      <c r="I48" s="41">
        <v>20.672716139999999</v>
      </c>
      <c r="J48" s="41">
        <v>1.2106696428571428E-2</v>
      </c>
    </row>
    <row r="49" spans="3:10" x14ac:dyDescent="0.45">
      <c r="C49" s="41">
        <v>53.064243900000001</v>
      </c>
      <c r="D49" s="41">
        <v>3.5544196428571428E-2</v>
      </c>
      <c r="E49" s="41">
        <v>52.030709819999998</v>
      </c>
      <c r="F49" s="41">
        <v>2.9448214285714286E-2</v>
      </c>
      <c r="G49" s="41">
        <v>96.464537239999999</v>
      </c>
      <c r="H49" s="41">
        <v>5.1869196428571428E-2</v>
      </c>
      <c r="I49" s="41">
        <v>23.93201062</v>
      </c>
      <c r="J49" s="41">
        <v>1.4174107142857143E-2</v>
      </c>
    </row>
    <row r="50" spans="3:10" x14ac:dyDescent="0.45">
      <c r="C50" s="41">
        <v>59.951080249999997</v>
      </c>
      <c r="D50" s="41">
        <v>4.1508928571428572E-2</v>
      </c>
      <c r="E50" s="41">
        <v>58.9989268</v>
      </c>
      <c r="F50" s="41">
        <v>3.2433928571428579E-2</v>
      </c>
      <c r="G50" s="41">
        <v>102.88953848</v>
      </c>
      <c r="H50" s="41">
        <v>6.1070535714285716E-2</v>
      </c>
      <c r="I50" s="41">
        <v>27.209615750000001</v>
      </c>
      <c r="J50" s="41">
        <v>1.5636607142857143E-2</v>
      </c>
    </row>
    <row r="51" spans="3:10" x14ac:dyDescent="0.45">
      <c r="C51" s="41">
        <v>66.195009569999996</v>
      </c>
      <c r="D51" s="41">
        <v>4.5795089285714297E-2</v>
      </c>
      <c r="E51" s="41">
        <v>65.948833140000005</v>
      </c>
      <c r="F51" s="41">
        <v>3.6664732142857141E-2</v>
      </c>
      <c r="G51" s="41"/>
      <c r="H51" s="41"/>
      <c r="I51" s="41">
        <v>30.422116370000001</v>
      </c>
      <c r="J51" s="41">
        <v>1.6708035714285713E-2</v>
      </c>
    </row>
    <row r="52" spans="3:10" x14ac:dyDescent="0.45">
      <c r="C52" s="41">
        <v>72.630183380000005</v>
      </c>
      <c r="D52" s="41">
        <v>5.1288839285714288E-2</v>
      </c>
      <c r="E52" s="41">
        <v>72.632217900000001</v>
      </c>
      <c r="F52" s="41">
        <v>4.0245089285714283E-2</v>
      </c>
      <c r="G52" s="41"/>
      <c r="H52" s="41"/>
      <c r="I52" s="41">
        <v>33.654962140000002</v>
      </c>
      <c r="J52" s="41">
        <v>1.8093750000000002E-2</v>
      </c>
    </row>
    <row r="53" spans="3:10" x14ac:dyDescent="0.45">
      <c r="C53" s="41">
        <v>81.706158849999994</v>
      </c>
      <c r="D53" s="41">
        <v>5.7325446428571424E-2</v>
      </c>
      <c r="E53" s="41">
        <v>82.430446509999996</v>
      </c>
      <c r="F53" s="41">
        <v>4.4646874999999996E-2</v>
      </c>
      <c r="G53" s="41"/>
      <c r="H53" s="41"/>
      <c r="I53" s="41">
        <v>36.81253083</v>
      </c>
      <c r="J53" s="41">
        <v>1.9609821428571428E-2</v>
      </c>
    </row>
    <row r="54" spans="3:10" x14ac:dyDescent="0.45">
      <c r="C54" s="41">
        <v>91.323315539999996</v>
      </c>
      <c r="D54" s="41">
        <v>6.3580357142857133E-2</v>
      </c>
      <c r="E54" s="41">
        <v>91.579664550000004</v>
      </c>
      <c r="F54" s="41">
        <v>4.8721428571428575E-2</v>
      </c>
      <c r="G54" s="41"/>
      <c r="H54" s="41"/>
      <c r="I54" s="41">
        <v>40.114550149999999</v>
      </c>
      <c r="J54" s="41">
        <v>2.147857142857143E-2</v>
      </c>
    </row>
    <row r="55" spans="3:10" x14ac:dyDescent="0.45">
      <c r="C55" s="41">
        <v>99.9</v>
      </c>
      <c r="D55" s="41">
        <v>7.0330803571428568E-2</v>
      </c>
      <c r="E55" s="41">
        <v>99.9</v>
      </c>
      <c r="F55" s="41">
        <v>5.3193303571428568E-2</v>
      </c>
      <c r="G55" s="41"/>
      <c r="H55" s="41"/>
      <c r="I55" s="41">
        <v>44.167305839999997</v>
      </c>
      <c r="J55" s="41">
        <v>2.2897321428571427E-2</v>
      </c>
    </row>
    <row r="56" spans="3:10" x14ac:dyDescent="0.45">
      <c r="C56" s="41"/>
      <c r="D56" s="41"/>
      <c r="E56" s="41"/>
      <c r="F56" s="41"/>
      <c r="G56" s="41"/>
      <c r="H56" s="41"/>
      <c r="I56" s="41">
        <v>48.297373129999997</v>
      </c>
      <c r="J56" s="41">
        <v>2.4770089285714281E-2</v>
      </c>
    </row>
    <row r="57" spans="3:10" x14ac:dyDescent="0.45">
      <c r="C57" s="41"/>
      <c r="D57" s="41"/>
      <c r="E57" s="39"/>
      <c r="F57" s="41"/>
      <c r="G57" s="41"/>
      <c r="H57" s="41"/>
      <c r="I57" s="41">
        <v>52.557649439999999</v>
      </c>
      <c r="J57" s="41">
        <v>2.6468749999999999E-2</v>
      </c>
    </row>
    <row r="58" spans="3:10" x14ac:dyDescent="0.45">
      <c r="C58" s="39"/>
      <c r="D58" s="41"/>
      <c r="E58" s="41"/>
      <c r="F58" s="41"/>
      <c r="G58" s="41"/>
      <c r="H58" s="41"/>
      <c r="I58" s="41">
        <v>56.624646740000003</v>
      </c>
      <c r="J58" s="41">
        <v>2.7595982142857141E-2</v>
      </c>
    </row>
    <row r="59" spans="3:10" x14ac:dyDescent="0.45">
      <c r="C59" s="41"/>
      <c r="D59" s="41"/>
      <c r="E59" s="41"/>
      <c r="F59" s="41"/>
      <c r="G59" s="41"/>
      <c r="H59" s="41"/>
      <c r="I59" s="41">
        <v>60.730299840000001</v>
      </c>
      <c r="J59" s="41">
        <v>2.9403571428571428E-2</v>
      </c>
    </row>
    <row r="60" spans="3:10" x14ac:dyDescent="0.45">
      <c r="C60" s="41"/>
      <c r="D60" s="41"/>
      <c r="E60" s="41"/>
      <c r="F60" s="41"/>
      <c r="G60" s="41"/>
      <c r="H60" s="41"/>
      <c r="I60" s="41">
        <v>64.890884869999994</v>
      </c>
      <c r="J60" s="41">
        <v>3.1387499999999999E-2</v>
      </c>
    </row>
    <row r="61" spans="3:10" x14ac:dyDescent="0.45">
      <c r="C61" s="41"/>
      <c r="D61" s="41"/>
      <c r="E61" s="41"/>
      <c r="F61" s="41"/>
      <c r="G61" s="41"/>
      <c r="H61" s="41"/>
      <c r="I61" s="41">
        <v>68.917191849999995</v>
      </c>
      <c r="J61" s="41">
        <v>3.2245982142857142E-2</v>
      </c>
    </row>
    <row r="62" spans="3:10" x14ac:dyDescent="0.45">
      <c r="C62" s="41"/>
      <c r="D62" s="41"/>
      <c r="E62" s="41"/>
      <c r="F62" s="41"/>
      <c r="G62" s="41"/>
      <c r="H62" s="41"/>
      <c r="I62" s="41">
        <v>72.959774960000004</v>
      </c>
      <c r="J62" s="41">
        <v>3.4245535714285714E-2</v>
      </c>
    </row>
    <row r="63" spans="3:10" x14ac:dyDescent="0.45">
      <c r="C63" s="41"/>
      <c r="D63" s="41"/>
      <c r="E63" s="41"/>
      <c r="F63" s="41"/>
      <c r="G63" s="41"/>
      <c r="H63" s="41"/>
      <c r="I63" s="41">
        <v>77.004392580000001</v>
      </c>
      <c r="J63" s="41">
        <v>3.5963392857142853E-2</v>
      </c>
    </row>
    <row r="64" spans="3:10" x14ac:dyDescent="0.45">
      <c r="C64" s="41"/>
      <c r="D64" s="41"/>
      <c r="E64" s="41"/>
      <c r="F64" s="41"/>
      <c r="G64" s="41"/>
      <c r="H64" s="41"/>
      <c r="I64" s="41">
        <v>81.028665050000001</v>
      </c>
      <c r="J64" s="41">
        <v>3.7587946428571432E-2</v>
      </c>
    </row>
    <row r="65" spans="3:10" x14ac:dyDescent="0.45">
      <c r="C65" s="41"/>
      <c r="D65" s="41"/>
      <c r="E65" s="41"/>
      <c r="F65" s="41"/>
      <c r="G65" s="41"/>
      <c r="H65" s="41"/>
      <c r="I65" s="41">
        <v>84.967487849999998</v>
      </c>
      <c r="J65" s="41">
        <v>3.8969642857142862E-2</v>
      </c>
    </row>
    <row r="66" spans="3:10" x14ac:dyDescent="0.45">
      <c r="C66" s="41"/>
      <c r="D66" s="41"/>
      <c r="E66" s="41"/>
      <c r="F66" s="41"/>
      <c r="G66" s="41"/>
      <c r="H66" s="41"/>
      <c r="I66" s="41">
        <v>88.94293193</v>
      </c>
      <c r="J66" s="41">
        <v>4.0587946428571435E-2</v>
      </c>
    </row>
    <row r="67" spans="3:10" x14ac:dyDescent="0.45">
      <c r="C67" s="41"/>
      <c r="D67" s="41"/>
      <c r="E67" s="41"/>
      <c r="F67" s="41"/>
      <c r="G67" s="41"/>
      <c r="H67" s="41"/>
      <c r="I67" s="41">
        <v>92.676268620000002</v>
      </c>
      <c r="J67" s="41">
        <v>4.2246875000000003E-2</v>
      </c>
    </row>
    <row r="68" spans="3:10" x14ac:dyDescent="0.45">
      <c r="C68" s="41"/>
      <c r="D68" s="41"/>
      <c r="E68" s="41"/>
      <c r="F68" s="41"/>
      <c r="G68" s="41"/>
      <c r="H68" s="41"/>
      <c r="I68" s="41">
        <v>96.307879510000006</v>
      </c>
      <c r="J68" s="41">
        <v>4.3512053571428573E-2</v>
      </c>
    </row>
    <row r="69" spans="3:10" x14ac:dyDescent="0.45">
      <c r="C69" s="41"/>
      <c r="D69" s="41"/>
      <c r="E69" s="41"/>
      <c r="F69" s="41"/>
      <c r="G69" s="41"/>
      <c r="H69" s="41"/>
      <c r="I69" s="41">
        <v>99.9</v>
      </c>
      <c r="J69" s="41">
        <v>4.459821428571429E-2</v>
      </c>
    </row>
  </sheetData>
  <pageMargins left="0.7" right="0.7" top="0.75" bottom="0.75" header="0.3" footer="0.3"/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0A5C6A-C06A-41DF-B6FD-FE45414E6332}">
  <dimension ref="B4:M65"/>
  <sheetViews>
    <sheetView zoomScale="77" zoomScaleNormal="77" workbookViewId="0">
      <selection activeCell="B6" sqref="B6"/>
    </sheetView>
  </sheetViews>
  <sheetFormatPr defaultRowHeight="14.25" x14ac:dyDescent="0.45"/>
  <cols>
    <col min="1" max="9" width="9.06640625" style="27"/>
    <col min="10" max="10" width="11.06640625" style="27" customWidth="1"/>
    <col min="11" max="16384" width="9.06640625" style="27"/>
  </cols>
  <sheetData>
    <row r="4" spans="2:11" x14ac:dyDescent="0.45">
      <c r="B4" s="24" t="s">
        <v>30</v>
      </c>
      <c r="C4" s="67">
        <v>313</v>
      </c>
    </row>
    <row r="5" spans="2:11" x14ac:dyDescent="0.45">
      <c r="B5" s="24" t="s">
        <v>37</v>
      </c>
      <c r="C5" s="67" t="s">
        <v>17</v>
      </c>
    </row>
    <row r="6" spans="2:11" x14ac:dyDescent="0.45">
      <c r="B6" s="24" t="s">
        <v>19</v>
      </c>
      <c r="C6" s="32" t="s">
        <v>4</v>
      </c>
      <c r="D6" s="32"/>
      <c r="E6" s="32" t="s">
        <v>1</v>
      </c>
      <c r="F6" s="32"/>
      <c r="G6" s="32" t="s">
        <v>2</v>
      </c>
      <c r="H6" s="32"/>
      <c r="I6" s="32" t="s">
        <v>3</v>
      </c>
      <c r="J6" s="33"/>
      <c r="K6" s="34"/>
    </row>
    <row r="7" spans="2:11" x14ac:dyDescent="0.45">
      <c r="C7" s="32" t="s">
        <v>35</v>
      </c>
      <c r="D7" s="32" t="s">
        <v>36</v>
      </c>
      <c r="E7" s="32" t="s">
        <v>35</v>
      </c>
      <c r="F7" s="32" t="s">
        <v>36</v>
      </c>
      <c r="G7" s="32" t="s">
        <v>35</v>
      </c>
      <c r="H7" s="32" t="s">
        <v>36</v>
      </c>
      <c r="I7" s="32" t="s">
        <v>35</v>
      </c>
      <c r="J7" s="32" t="s">
        <v>36</v>
      </c>
      <c r="K7" s="34"/>
    </row>
    <row r="8" spans="2:11" x14ac:dyDescent="0.45">
      <c r="C8" s="49">
        <v>1.5584391900000001</v>
      </c>
      <c r="D8" s="49">
        <v>7.1312500000000004E-3</v>
      </c>
      <c r="E8" s="49">
        <v>1.46281694</v>
      </c>
      <c r="F8" s="49">
        <v>5.2337500000000009E-2</v>
      </c>
      <c r="G8" s="49">
        <v>0.16646683000000001</v>
      </c>
      <c r="H8" s="49">
        <v>0.12786250000000002</v>
      </c>
      <c r="I8" s="49">
        <v>0.27850468</v>
      </c>
      <c r="J8" s="49">
        <v>8.9101339285714287E-2</v>
      </c>
      <c r="K8" s="34"/>
    </row>
    <row r="9" spans="2:11" x14ac:dyDescent="0.45">
      <c r="C9" s="41">
        <v>3.4668151100000002</v>
      </c>
      <c r="D9" s="41">
        <v>1.3897321428571431E-2</v>
      </c>
      <c r="E9" s="41">
        <v>2.0426539699999999</v>
      </c>
      <c r="F9" s="41">
        <v>7.9339285714285709E-2</v>
      </c>
      <c r="G9" s="41">
        <v>0.95615521999999997</v>
      </c>
      <c r="H9" s="41">
        <v>0.18857499999999999</v>
      </c>
      <c r="I9" s="41">
        <v>0.29072079000000001</v>
      </c>
      <c r="J9" s="41">
        <v>0.15485714285714286</v>
      </c>
    </row>
    <row r="10" spans="2:11" x14ac:dyDescent="0.45">
      <c r="C10" s="41">
        <v>6.0608228899999999</v>
      </c>
      <c r="D10" s="41">
        <v>2.3015178571428572E-2</v>
      </c>
      <c r="E10" s="41">
        <v>2.7486309900000001</v>
      </c>
      <c r="F10" s="41">
        <v>9.7170982142857146E-2</v>
      </c>
      <c r="G10" s="41">
        <v>2.3905561899999999</v>
      </c>
      <c r="H10" s="41">
        <v>0.237221875</v>
      </c>
      <c r="I10" s="41">
        <v>0.32532957000000001</v>
      </c>
      <c r="J10" s="41">
        <v>0.21880625000000001</v>
      </c>
    </row>
    <row r="11" spans="2:11" x14ac:dyDescent="0.45">
      <c r="C11" s="41">
        <v>8.2235133000000005</v>
      </c>
      <c r="D11" s="41">
        <v>3.042544642857143E-2</v>
      </c>
      <c r="E11" s="41">
        <v>4.2053443799999997</v>
      </c>
      <c r="F11" s="41">
        <v>0.12503035714285715</v>
      </c>
      <c r="G11" s="41">
        <v>3.7923376499999999</v>
      </c>
      <c r="H11" s="41">
        <v>0.26030714285714285</v>
      </c>
      <c r="I11" s="41">
        <v>0.42302962</v>
      </c>
      <c r="J11" s="41">
        <v>0.27998616071428573</v>
      </c>
    </row>
    <row r="12" spans="2:11" x14ac:dyDescent="0.45">
      <c r="C12" s="41">
        <v>11.26308006</v>
      </c>
      <c r="D12" s="41">
        <v>4.056383928571429E-2</v>
      </c>
      <c r="E12" s="41">
        <v>6.3924489800000002</v>
      </c>
      <c r="F12" s="41">
        <v>0.15036696428571431</v>
      </c>
      <c r="G12" s="41">
        <v>5.2327749099999998</v>
      </c>
      <c r="H12" s="41">
        <v>0.28527589285714289</v>
      </c>
      <c r="I12" s="41">
        <v>0.61635468000000004</v>
      </c>
      <c r="J12" s="41">
        <v>0.33510535714285716</v>
      </c>
    </row>
    <row r="13" spans="2:11" x14ac:dyDescent="0.45">
      <c r="C13" s="41">
        <v>20.12136233</v>
      </c>
      <c r="D13" s="41">
        <v>6.1441071428571428E-2</v>
      </c>
      <c r="E13" s="41">
        <v>7.8979907499999999</v>
      </c>
      <c r="F13" s="41">
        <v>0.16653214285714285</v>
      </c>
      <c r="G13" s="41">
        <v>6.8685257000000002</v>
      </c>
      <c r="H13" s="41">
        <v>0.30396696428571429</v>
      </c>
      <c r="I13" s="41">
        <v>0.91546194999999997</v>
      </c>
      <c r="J13" s="41">
        <v>0.38445625</v>
      </c>
    </row>
    <row r="14" spans="2:11" x14ac:dyDescent="0.45">
      <c r="C14" s="41">
        <v>23.722455480000001</v>
      </c>
      <c r="D14" s="41">
        <v>6.9531696428571432E-2</v>
      </c>
      <c r="E14" s="41">
        <v>9.31604834</v>
      </c>
      <c r="F14" s="41">
        <v>0.1815825892857143</v>
      </c>
      <c r="G14" s="41">
        <v>8.4635861800000001</v>
      </c>
      <c r="H14" s="41">
        <v>0.32027500000000003</v>
      </c>
      <c r="I14" s="41">
        <v>1.3122627600000001</v>
      </c>
      <c r="J14" s="41">
        <v>0.42772008928571431</v>
      </c>
    </row>
    <row r="15" spans="2:11" x14ac:dyDescent="0.45">
      <c r="C15" s="41">
        <v>28.151596609999999</v>
      </c>
      <c r="D15" s="41">
        <v>8.3895089285714292E-2</v>
      </c>
      <c r="E15" s="41">
        <v>14.28026715</v>
      </c>
      <c r="F15" s="41">
        <v>0.21495178571428572</v>
      </c>
      <c r="G15" s="41">
        <v>10.900936229999999</v>
      </c>
      <c r="H15" s="41">
        <v>0.33955758928571433</v>
      </c>
      <c r="I15" s="41">
        <v>1.78020142</v>
      </c>
      <c r="J15" s="41">
        <v>0.46553303571428573</v>
      </c>
    </row>
    <row r="16" spans="2:11" x14ac:dyDescent="0.45">
      <c r="C16" s="41">
        <v>33.646824080000002</v>
      </c>
      <c r="D16" s="41">
        <v>0.10130044642857144</v>
      </c>
      <c r="E16" s="41">
        <v>19.246520490000002</v>
      </c>
      <c r="F16" s="41">
        <v>0.24505892857142861</v>
      </c>
      <c r="G16" s="41">
        <v>13.25080211</v>
      </c>
      <c r="H16" s="41">
        <v>0.36191875000000001</v>
      </c>
      <c r="I16" s="41">
        <v>2.9663241899999999</v>
      </c>
      <c r="J16" s="41">
        <v>0.51973035714285709</v>
      </c>
    </row>
    <row r="17" spans="3:10" x14ac:dyDescent="0.45">
      <c r="C17" s="41">
        <v>38.659871269999996</v>
      </c>
      <c r="D17" s="41">
        <v>0.11844642857142858</v>
      </c>
      <c r="E17" s="41">
        <v>23.23213715</v>
      </c>
      <c r="F17" s="41">
        <v>0.26521785714285717</v>
      </c>
      <c r="G17" s="41">
        <v>15.720704420000001</v>
      </c>
      <c r="H17" s="41">
        <v>0.37677321428571431</v>
      </c>
      <c r="I17" s="41">
        <v>4.2602763100000001</v>
      </c>
      <c r="J17" s="41">
        <v>0.56554955357142855</v>
      </c>
    </row>
    <row r="18" spans="3:10" x14ac:dyDescent="0.45">
      <c r="C18" s="41">
        <v>43.247704650000003</v>
      </c>
      <c r="D18" s="41">
        <v>0.13707276785714287</v>
      </c>
      <c r="E18" s="41">
        <v>26.94105965</v>
      </c>
      <c r="F18" s="41">
        <v>0.28454107142857143</v>
      </c>
      <c r="G18" s="41">
        <v>18.908790840000002</v>
      </c>
      <c r="H18" s="41">
        <v>0.39386339285714289</v>
      </c>
      <c r="I18" s="41">
        <v>6.4494154300000002</v>
      </c>
      <c r="J18" s="41">
        <v>0.60937678571428577</v>
      </c>
    </row>
    <row r="19" spans="3:10" x14ac:dyDescent="0.45">
      <c r="C19" s="41">
        <v>48.106128630000001</v>
      </c>
      <c r="D19" s="41">
        <v>0.15719642857142857</v>
      </c>
      <c r="E19" s="41">
        <v>31.44140883</v>
      </c>
      <c r="F19" s="41">
        <v>0.30615044642857148</v>
      </c>
      <c r="G19" s="41">
        <v>22.233189840000001</v>
      </c>
      <c r="H19" s="41">
        <v>0.41160535714285718</v>
      </c>
      <c r="I19" s="41">
        <v>8.5063110099999992</v>
      </c>
      <c r="J19" s="41">
        <v>0.64913928571428581</v>
      </c>
    </row>
    <row r="20" spans="3:10" x14ac:dyDescent="0.45">
      <c r="C20" s="41">
        <v>51.434596659999997</v>
      </c>
      <c r="D20" s="41">
        <v>0.17038705357142858</v>
      </c>
      <c r="E20" s="41">
        <v>35.064881669999998</v>
      </c>
      <c r="F20" s="41">
        <v>0.32199955357142862</v>
      </c>
      <c r="G20" s="41">
        <v>25.783420100000001</v>
      </c>
      <c r="H20" s="41">
        <v>0.43447723214285722</v>
      </c>
      <c r="I20" s="41">
        <v>13.134834700000001</v>
      </c>
      <c r="J20" s="41">
        <v>0.69374776785714287</v>
      </c>
    </row>
    <row r="21" spans="3:10" x14ac:dyDescent="0.45">
      <c r="C21" s="41">
        <v>54.683718560000003</v>
      </c>
      <c r="D21" s="41">
        <v>0.18271562500000002</v>
      </c>
      <c r="E21" s="41">
        <v>38.55814548</v>
      </c>
      <c r="F21" s="41">
        <v>0.33490669642857146</v>
      </c>
      <c r="G21" s="41">
        <v>28.940988780000001</v>
      </c>
      <c r="H21" s="41">
        <v>0.45076339285714284</v>
      </c>
      <c r="I21" s="41">
        <v>15.496907670000001</v>
      </c>
      <c r="J21" s="41">
        <v>0.71375758928571431</v>
      </c>
    </row>
    <row r="22" spans="3:10" x14ac:dyDescent="0.45">
      <c r="C22" s="41">
        <v>59.497383200000002</v>
      </c>
      <c r="D22" s="41">
        <v>0.19852276785714287</v>
      </c>
      <c r="E22" s="41">
        <v>41.365777430000001</v>
      </c>
      <c r="F22" s="41">
        <v>0.34890044642857143</v>
      </c>
      <c r="G22" s="41">
        <v>32.118902630000001</v>
      </c>
      <c r="H22" s="41">
        <v>0.46433750000000007</v>
      </c>
      <c r="I22" s="41">
        <v>20.056257819999999</v>
      </c>
      <c r="J22" s="41">
        <v>0.74444151785714285</v>
      </c>
    </row>
    <row r="23" spans="3:10" x14ac:dyDescent="0.45">
      <c r="C23" s="41">
        <v>62.850265419999999</v>
      </c>
      <c r="D23" s="41">
        <v>0.2104830357142857</v>
      </c>
      <c r="E23" s="41">
        <v>45.282220549999998</v>
      </c>
      <c r="F23" s="41">
        <v>0.36385848214285715</v>
      </c>
      <c r="G23" s="41">
        <v>35.571476130000001</v>
      </c>
      <c r="H23" s="41">
        <v>0.47849151785714283</v>
      </c>
      <c r="I23" s="41">
        <v>24.692919570000001</v>
      </c>
      <c r="J23" s="41">
        <v>0.77488526785714296</v>
      </c>
    </row>
    <row r="24" spans="3:10" x14ac:dyDescent="0.45">
      <c r="C24" s="41">
        <v>66.306907940000002</v>
      </c>
      <c r="D24" s="41">
        <v>0.22283526785714286</v>
      </c>
      <c r="E24" s="41">
        <v>47.937263809999997</v>
      </c>
      <c r="F24" s="41">
        <v>0.37370357142857147</v>
      </c>
      <c r="G24" s="41">
        <v>38.796183839999998</v>
      </c>
      <c r="H24" s="41">
        <v>0.49576874999999998</v>
      </c>
      <c r="I24" s="41">
        <v>30.190181549999998</v>
      </c>
      <c r="J24" s="41">
        <v>0.81092767857142867</v>
      </c>
    </row>
    <row r="25" spans="3:10" x14ac:dyDescent="0.45">
      <c r="C25" s="41">
        <v>68.36583804</v>
      </c>
      <c r="D25" s="41">
        <v>0.23174955357142857</v>
      </c>
      <c r="E25" s="41">
        <v>52.767204579999998</v>
      </c>
      <c r="F25" s="41">
        <v>0.39545937500000006</v>
      </c>
      <c r="G25" s="41">
        <v>42.315896360000004</v>
      </c>
      <c r="H25" s="41">
        <v>0.51074955357142859</v>
      </c>
      <c r="I25" s="41">
        <v>34.411802059999999</v>
      </c>
      <c r="J25" s="41">
        <v>0.83014017857142863</v>
      </c>
    </row>
    <row r="26" spans="3:10" x14ac:dyDescent="0.45">
      <c r="C26" s="41">
        <v>73.140846879999998</v>
      </c>
      <c r="D26" s="41">
        <v>0.24691428571428573</v>
      </c>
      <c r="E26" s="41">
        <v>56.384573860000003</v>
      </c>
      <c r="F26" s="41">
        <v>0.40725669642857149</v>
      </c>
      <c r="G26" s="41">
        <v>45.587397940000002</v>
      </c>
      <c r="H26" s="41">
        <v>0.52277276785714288</v>
      </c>
      <c r="I26" s="41">
        <v>38.053585529999999</v>
      </c>
      <c r="J26" s="41">
        <v>0.85378258928571427</v>
      </c>
    </row>
    <row r="27" spans="3:10" x14ac:dyDescent="0.45">
      <c r="C27" s="41">
        <v>78.253585349999994</v>
      </c>
      <c r="D27" s="41">
        <v>0.26351428571428576</v>
      </c>
      <c r="E27" s="41">
        <v>60.726230809999997</v>
      </c>
      <c r="F27" s="41">
        <v>0.4225330357142858</v>
      </c>
      <c r="G27" s="41">
        <v>49.054213050000001</v>
      </c>
      <c r="H27" s="41">
        <v>0.53465267857142862</v>
      </c>
      <c r="I27" s="41">
        <v>41.495986449999997</v>
      </c>
      <c r="J27" s="41">
        <v>0.86751696428571423</v>
      </c>
    </row>
    <row r="28" spans="3:10" x14ac:dyDescent="0.45">
      <c r="C28" s="41">
        <v>83.645052509999999</v>
      </c>
      <c r="D28" s="41">
        <v>0.27913125</v>
      </c>
      <c r="E28" s="41">
        <v>64.323254930000004</v>
      </c>
      <c r="F28" s="41">
        <v>0.43572500000000003</v>
      </c>
      <c r="G28" s="41">
        <v>52.820101989999998</v>
      </c>
      <c r="H28" s="41">
        <v>0.54738035714285715</v>
      </c>
      <c r="I28" s="41">
        <v>47.406255160000001</v>
      </c>
      <c r="J28" s="41">
        <v>0.90150357142857152</v>
      </c>
    </row>
    <row r="29" spans="3:10" x14ac:dyDescent="0.45">
      <c r="C29" s="41">
        <v>88.816791940000002</v>
      </c>
      <c r="D29" s="41">
        <v>0.29401964285714288</v>
      </c>
      <c r="E29" s="41">
        <v>67.647653930000004</v>
      </c>
      <c r="F29" s="41">
        <v>0.44593883928571432</v>
      </c>
      <c r="G29" s="41">
        <v>57.30620957</v>
      </c>
      <c r="H29" s="41">
        <v>0.56645937499999999</v>
      </c>
      <c r="I29" s="41">
        <v>50.862897689999997</v>
      </c>
      <c r="J29" s="41">
        <v>0.91630580357142866</v>
      </c>
    </row>
    <row r="30" spans="3:10" x14ac:dyDescent="0.45">
      <c r="C30" s="41">
        <v>93.886805580000001</v>
      </c>
      <c r="D30" s="41">
        <v>0.31058973214285718</v>
      </c>
      <c r="E30" s="41">
        <v>70.805222610000001</v>
      </c>
      <c r="F30" s="41">
        <v>0.45594642857142864</v>
      </c>
      <c r="G30" s="41">
        <v>61.91031907</v>
      </c>
      <c r="H30" s="41">
        <v>0.58347455357142863</v>
      </c>
      <c r="I30" s="41">
        <v>53.208694530000002</v>
      </c>
      <c r="J30" s="41">
        <v>0.93149196428571435</v>
      </c>
    </row>
    <row r="31" spans="3:10" x14ac:dyDescent="0.45">
      <c r="C31" s="41">
        <v>96.403501759999997</v>
      </c>
      <c r="D31" s="41">
        <v>0.31887946428571429</v>
      </c>
      <c r="E31" s="42">
        <v>74.894599589999999</v>
      </c>
      <c r="F31" s="42">
        <v>0.47164553571428575</v>
      </c>
      <c r="G31" s="41">
        <v>66.422875349999998</v>
      </c>
      <c r="H31" s="41">
        <v>0.59734017857142863</v>
      </c>
      <c r="I31" s="41">
        <v>59.432278689999997</v>
      </c>
      <c r="J31" s="41">
        <v>0.95945044642857147</v>
      </c>
    </row>
    <row r="32" spans="3:10" x14ac:dyDescent="0.45">
      <c r="C32" s="41">
        <v>99.9</v>
      </c>
      <c r="D32" s="41">
        <v>0.33068571428571431</v>
      </c>
      <c r="E32" s="41">
        <v>79.410207645</v>
      </c>
      <c r="F32" s="41">
        <v>0.48403125000000002</v>
      </c>
      <c r="G32" s="42">
        <v>70.799119070000003</v>
      </c>
      <c r="H32" s="42">
        <v>0.60905625000000008</v>
      </c>
      <c r="I32" s="41">
        <v>64.512464910000006</v>
      </c>
      <c r="J32" s="41">
        <v>0.97780223214285722</v>
      </c>
    </row>
    <row r="33" spans="2:13" x14ac:dyDescent="0.45">
      <c r="C33" s="41"/>
      <c r="D33" s="41"/>
      <c r="E33" s="41">
        <v>85.075317190000007</v>
      </c>
      <c r="F33" s="41">
        <v>0.5029946428571429</v>
      </c>
      <c r="G33" s="42">
        <v>75.075671499999999</v>
      </c>
      <c r="H33" s="42">
        <v>0.61978303571428572</v>
      </c>
      <c r="I33" s="41">
        <v>71.533579309999993</v>
      </c>
      <c r="J33" s="41">
        <v>0.99955892857142858</v>
      </c>
    </row>
    <row r="34" spans="2:13" x14ac:dyDescent="0.45">
      <c r="C34" s="41"/>
      <c r="D34" s="41"/>
      <c r="E34" s="41">
        <v>89.75470378</v>
      </c>
      <c r="F34" s="41">
        <v>0.52437544642857148</v>
      </c>
      <c r="G34" s="42">
        <v>79.895439690000003</v>
      </c>
      <c r="H34" s="42">
        <v>0.63471785714285722</v>
      </c>
      <c r="I34" s="41">
        <v>75.869132710000002</v>
      </c>
      <c r="J34" s="41">
        <v>1.0160205357142857</v>
      </c>
    </row>
    <row r="35" spans="2:13" x14ac:dyDescent="0.45">
      <c r="C35" s="41"/>
      <c r="D35" s="41"/>
      <c r="E35" s="41">
        <v>93.127931149999995</v>
      </c>
      <c r="F35" s="41">
        <v>0.54407053571428576</v>
      </c>
      <c r="G35" s="41">
        <v>84.133336319999998</v>
      </c>
      <c r="H35" s="41">
        <v>0.64542053571428581</v>
      </c>
      <c r="I35" s="41">
        <v>79.773368730000001</v>
      </c>
      <c r="J35" s="41">
        <v>1.0282397321428571</v>
      </c>
    </row>
    <row r="36" spans="2:13" x14ac:dyDescent="0.45">
      <c r="C36" s="41"/>
      <c r="D36" s="41"/>
      <c r="E36" s="41">
        <v>97.015891049999993</v>
      </c>
      <c r="F36" s="41">
        <v>0.55584196428571431</v>
      </c>
      <c r="G36" s="41">
        <v>88.647927120000006</v>
      </c>
      <c r="H36" s="41">
        <v>0.65686964285714289</v>
      </c>
      <c r="I36" s="41">
        <v>85.937951929999997</v>
      </c>
      <c r="J36" s="41">
        <v>1.0442017857142858</v>
      </c>
    </row>
    <row r="37" spans="2:13" x14ac:dyDescent="0.45">
      <c r="C37" s="41"/>
      <c r="D37" s="41"/>
      <c r="E37" s="41">
        <v>99.9</v>
      </c>
      <c r="F37" s="41">
        <v>0.56437991071428573</v>
      </c>
      <c r="G37" s="42">
        <v>93.099447929999997</v>
      </c>
      <c r="H37" s="42">
        <v>0.66843928571428568</v>
      </c>
      <c r="I37" s="41">
        <v>89.785221519999993</v>
      </c>
      <c r="J37" s="41">
        <v>1.0547263392857142</v>
      </c>
    </row>
    <row r="38" spans="2:13" x14ac:dyDescent="0.45">
      <c r="C38" s="41"/>
      <c r="D38" s="41"/>
      <c r="E38" s="41"/>
      <c r="F38" s="41"/>
      <c r="G38" s="42">
        <v>97.408552619999995</v>
      </c>
      <c r="H38" s="42">
        <v>0.67939419642857146</v>
      </c>
      <c r="I38" s="41">
        <v>95.821630209999995</v>
      </c>
      <c r="J38" s="41">
        <v>1.0719491071428571</v>
      </c>
    </row>
    <row r="39" spans="2:13" x14ac:dyDescent="0.45">
      <c r="B39" s="24" t="s">
        <v>30</v>
      </c>
      <c r="C39" s="67">
        <v>313</v>
      </c>
      <c r="D39" s="41"/>
      <c r="E39" s="42"/>
      <c r="F39" s="42"/>
      <c r="G39" s="41">
        <v>99.9</v>
      </c>
      <c r="H39" s="41">
        <v>0.6902549107142858</v>
      </c>
      <c r="I39" s="41">
        <v>99.280378119999995</v>
      </c>
      <c r="J39" s="41">
        <v>1.0919642857142857</v>
      </c>
    </row>
    <row r="40" spans="2:13" x14ac:dyDescent="0.45">
      <c r="B40" s="24" t="s">
        <v>37</v>
      </c>
      <c r="C40" s="67" t="s">
        <v>18</v>
      </c>
      <c r="D40" s="41"/>
      <c r="E40" s="42"/>
      <c r="F40" s="42"/>
      <c r="G40" s="41"/>
      <c r="H40" s="41"/>
      <c r="I40" s="41"/>
      <c r="J40" s="41"/>
      <c r="K40" s="26"/>
      <c r="L40" s="26"/>
      <c r="M40" s="26"/>
    </row>
    <row r="41" spans="2:13" x14ac:dyDescent="0.45">
      <c r="B41" s="24" t="s">
        <v>19</v>
      </c>
      <c r="C41" s="39" t="s">
        <v>4</v>
      </c>
      <c r="D41" s="39"/>
      <c r="E41" s="39" t="s">
        <v>1</v>
      </c>
      <c r="F41" s="39"/>
      <c r="G41" s="39" t="s">
        <v>2</v>
      </c>
      <c r="H41" s="39"/>
      <c r="I41" s="39" t="s">
        <v>3</v>
      </c>
      <c r="J41" s="43"/>
    </row>
    <row r="42" spans="2:13" x14ac:dyDescent="0.45">
      <c r="C42" s="39" t="s">
        <v>21</v>
      </c>
      <c r="D42" s="39" t="s">
        <v>28</v>
      </c>
      <c r="E42" s="39" t="s">
        <v>21</v>
      </c>
      <c r="F42" s="39" t="s">
        <v>28</v>
      </c>
      <c r="G42" s="39" t="s">
        <v>21</v>
      </c>
      <c r="H42" s="39" t="s">
        <v>28</v>
      </c>
      <c r="I42" s="39" t="s">
        <v>21</v>
      </c>
      <c r="J42" s="39" t="s">
        <v>28</v>
      </c>
    </row>
    <row r="43" spans="2:13" x14ac:dyDescent="0.45">
      <c r="C43" s="42">
        <v>4.8116301200000002</v>
      </c>
      <c r="D43" s="42">
        <v>1.4455357142857143E-3</v>
      </c>
      <c r="E43" s="42">
        <v>2.1382762199999998</v>
      </c>
      <c r="F43" s="42">
        <v>1.9455357142857143E-3</v>
      </c>
      <c r="G43" s="42">
        <v>14.27619812</v>
      </c>
      <c r="H43" s="42">
        <v>7.4008928571428585E-3</v>
      </c>
      <c r="I43" s="42">
        <v>14.46744262</v>
      </c>
      <c r="J43" s="42">
        <v>4.2290178571428574E-3</v>
      </c>
    </row>
    <row r="44" spans="2:13" x14ac:dyDescent="0.45">
      <c r="C44" s="42">
        <v>10.477756919999999</v>
      </c>
      <c r="D44" s="42">
        <v>3.4160714285714289E-3</v>
      </c>
      <c r="E44" s="42">
        <v>4.7444911000000003</v>
      </c>
      <c r="F44" s="42">
        <v>3.9464285714285721E-3</v>
      </c>
      <c r="G44" s="42">
        <v>27.687726990000002</v>
      </c>
      <c r="H44" s="42">
        <v>1.2637946428571429E-2</v>
      </c>
      <c r="I44" s="42">
        <v>28.460843029999999</v>
      </c>
      <c r="J44" s="42">
        <v>8.1004464285714291E-3</v>
      </c>
    </row>
    <row r="45" spans="2:13" x14ac:dyDescent="0.45">
      <c r="C45" s="42">
        <v>15.39518187</v>
      </c>
      <c r="D45" s="42">
        <v>6.7218750000000013E-3</v>
      </c>
      <c r="E45" s="42">
        <v>7.39749984</v>
      </c>
      <c r="F45" s="42">
        <v>5.5870535714285718E-3</v>
      </c>
      <c r="G45" s="42">
        <v>41.237602930000001</v>
      </c>
      <c r="H45" s="42">
        <v>1.7241071428571429E-2</v>
      </c>
      <c r="I45" s="42">
        <v>42.287413139999998</v>
      </c>
      <c r="J45" s="42">
        <v>1.1389732142857144E-2</v>
      </c>
    </row>
    <row r="46" spans="2:13" x14ac:dyDescent="0.45">
      <c r="C46" s="42">
        <v>20.416367130000001</v>
      </c>
      <c r="D46" s="42">
        <v>9.0888392857142852E-3</v>
      </c>
      <c r="E46" s="42">
        <v>8.9315248300000007</v>
      </c>
      <c r="F46" s="42">
        <v>6.4977678571428573E-3</v>
      </c>
      <c r="G46" s="42">
        <v>55.16996786</v>
      </c>
      <c r="H46" s="42">
        <v>2.1722321428571431E-2</v>
      </c>
      <c r="I46" s="42">
        <v>55.880013920000003</v>
      </c>
      <c r="J46" s="42">
        <v>1.428169642857143E-2</v>
      </c>
    </row>
    <row r="47" spans="2:13" x14ac:dyDescent="0.45">
      <c r="C47" s="42">
        <v>25.39889659</v>
      </c>
      <c r="D47" s="42">
        <v>1.1210714285714286E-2</v>
      </c>
      <c r="E47" s="42">
        <v>13.93236493</v>
      </c>
      <c r="F47" s="42">
        <v>8.6388392857142862E-3</v>
      </c>
      <c r="G47" s="42">
        <v>68.56928963</v>
      </c>
      <c r="H47" s="42">
        <v>2.6044196428571427E-2</v>
      </c>
      <c r="I47" s="42">
        <v>69.376992450000003</v>
      </c>
      <c r="J47" s="42">
        <v>1.7571428571428571E-2</v>
      </c>
    </row>
    <row r="48" spans="2:13" x14ac:dyDescent="0.45">
      <c r="C48" s="42">
        <v>30.16576736</v>
      </c>
      <c r="D48" s="42">
        <v>1.3801339285714285E-2</v>
      </c>
      <c r="E48" s="42">
        <v>18.389989289999999</v>
      </c>
      <c r="F48" s="42">
        <v>1.0975E-2</v>
      </c>
      <c r="G48" s="42">
        <v>81.421326620000002</v>
      </c>
      <c r="H48" s="42">
        <v>3.0272321428571433E-2</v>
      </c>
      <c r="I48" s="42">
        <v>82.483343919999996</v>
      </c>
      <c r="J48" s="42">
        <v>2.0275000000000001E-2</v>
      </c>
    </row>
    <row r="49" spans="3:10" x14ac:dyDescent="0.45">
      <c r="C49" s="42">
        <v>35.258160680000003</v>
      </c>
      <c r="D49" s="42">
        <v>1.7209821428571428E-2</v>
      </c>
      <c r="E49" s="42">
        <v>23.868940630000001</v>
      </c>
      <c r="F49" s="42">
        <v>1.397767857142857E-2</v>
      </c>
      <c r="G49" s="42">
        <v>93.191001139999997</v>
      </c>
      <c r="H49" s="42">
        <v>3.4455357142857149E-2</v>
      </c>
      <c r="I49" s="42">
        <v>94.169603300000006</v>
      </c>
      <c r="J49" s="42">
        <v>2.340625E-2</v>
      </c>
    </row>
    <row r="50" spans="3:10" x14ac:dyDescent="0.45">
      <c r="C50" s="42">
        <v>40.157274979999997</v>
      </c>
      <c r="D50" s="42">
        <v>1.9731696428571428E-2</v>
      </c>
      <c r="E50" s="42">
        <v>27.83624665</v>
      </c>
      <c r="F50" s="42">
        <v>1.6225E-2</v>
      </c>
      <c r="G50" s="42">
        <v>97.522485509999996</v>
      </c>
      <c r="H50" s="42">
        <v>3.6451785714285714E-2</v>
      </c>
      <c r="I50" s="42">
        <v>98.165392539999999</v>
      </c>
      <c r="J50" s="42">
        <v>2.5052678571428573E-2</v>
      </c>
    </row>
    <row r="51" spans="3:10" x14ac:dyDescent="0.45">
      <c r="C51" s="42">
        <v>45.510086340000001</v>
      </c>
      <c r="D51" s="42">
        <v>2.2621875E-2</v>
      </c>
      <c r="E51" s="42">
        <v>32.314216160000001</v>
      </c>
      <c r="F51" s="42">
        <v>1.8410267857142858E-2</v>
      </c>
      <c r="G51" s="42">
        <v>102.99940233</v>
      </c>
      <c r="H51" s="42">
        <v>4.081071428571429E-2</v>
      </c>
      <c r="I51" s="42">
        <v>101.29854704</v>
      </c>
      <c r="J51" s="42">
        <v>3.0369196428571433E-2</v>
      </c>
    </row>
    <row r="52" spans="3:10" x14ac:dyDescent="0.45">
      <c r="C52" s="42">
        <v>50.372579350000002</v>
      </c>
      <c r="D52" s="42">
        <v>2.5388392857142852E-2</v>
      </c>
      <c r="E52" s="42">
        <v>36.991568229999999</v>
      </c>
      <c r="F52" s="42">
        <v>2.0504464285714286E-2</v>
      </c>
      <c r="G52" s="42"/>
      <c r="H52" s="42"/>
      <c r="I52" s="42"/>
      <c r="J52" s="42"/>
    </row>
    <row r="53" spans="3:10" x14ac:dyDescent="0.45">
      <c r="C53" s="42">
        <v>55.609423300000003</v>
      </c>
      <c r="D53" s="42">
        <v>2.83875E-2</v>
      </c>
      <c r="E53" s="42">
        <v>41.400364199999999</v>
      </c>
      <c r="F53" s="42">
        <v>2.2836160714285715E-2</v>
      </c>
      <c r="G53" s="42"/>
      <c r="H53" s="42"/>
      <c r="I53" s="42"/>
      <c r="J53" s="42"/>
    </row>
    <row r="54" spans="3:10" x14ac:dyDescent="0.45">
      <c r="C54" s="42">
        <v>60.514641150000003</v>
      </c>
      <c r="D54" s="42">
        <v>3.0935714285714289E-2</v>
      </c>
      <c r="E54" s="42">
        <v>46.72876136</v>
      </c>
      <c r="F54" s="42">
        <v>2.4977678571428571E-2</v>
      </c>
      <c r="G54" s="42"/>
      <c r="H54" s="42"/>
      <c r="I54" s="42"/>
      <c r="J54" s="42"/>
    </row>
    <row r="55" spans="3:10" x14ac:dyDescent="0.45">
      <c r="C55" s="42">
        <v>65.314064180000003</v>
      </c>
      <c r="D55" s="42">
        <v>3.3582589285714289E-2</v>
      </c>
      <c r="E55" s="42">
        <v>52.655306199999998</v>
      </c>
      <c r="F55" s="42">
        <v>2.7504464285714288E-2</v>
      </c>
      <c r="G55" s="42"/>
      <c r="H55" s="42"/>
      <c r="I55" s="42"/>
      <c r="J55" s="42"/>
    </row>
    <row r="56" spans="3:10" x14ac:dyDescent="0.45">
      <c r="C56" s="42">
        <v>70.441044270000006</v>
      </c>
      <c r="D56" s="42">
        <v>3.6104017857142852E-2</v>
      </c>
      <c r="E56" s="42">
        <v>58.866683270000003</v>
      </c>
      <c r="F56" s="42">
        <v>3.0344196428571429E-2</v>
      </c>
      <c r="G56" s="42"/>
      <c r="H56" s="42"/>
      <c r="I56" s="42"/>
      <c r="J56" s="42"/>
    </row>
    <row r="57" spans="3:10" x14ac:dyDescent="0.45">
      <c r="C57" s="42">
        <v>77.071531609999994</v>
      </c>
      <c r="D57" s="42">
        <v>3.9410267857142856E-2</v>
      </c>
      <c r="E57" s="42">
        <v>64.915299059999995</v>
      </c>
      <c r="F57" s="42">
        <v>3.2988839285714285E-2</v>
      </c>
      <c r="G57" s="42"/>
      <c r="H57" s="42"/>
      <c r="I57" s="42"/>
      <c r="J57" s="42"/>
    </row>
    <row r="58" spans="3:10" x14ac:dyDescent="0.45">
      <c r="C58" s="42">
        <v>83.752881849999994</v>
      </c>
      <c r="D58" s="42">
        <v>4.2754464285714285E-2</v>
      </c>
      <c r="E58" s="42">
        <v>67.731069079999997</v>
      </c>
      <c r="F58" s="42">
        <v>3.4249107142857144E-2</v>
      </c>
      <c r="G58" s="42"/>
      <c r="H58" s="42"/>
      <c r="I58" s="42"/>
      <c r="J58" s="42"/>
    </row>
    <row r="59" spans="3:10" x14ac:dyDescent="0.45">
      <c r="C59" s="42">
        <v>90.324368230000005</v>
      </c>
      <c r="D59" s="42">
        <v>4.6172767857142853E-2</v>
      </c>
      <c r="E59" s="42">
        <v>73.777650350000002</v>
      </c>
      <c r="F59" s="42">
        <v>3.6251339285714286E-2</v>
      </c>
      <c r="G59" s="42"/>
      <c r="H59" s="42"/>
      <c r="I59" s="42"/>
      <c r="J59" s="42"/>
    </row>
    <row r="60" spans="3:10" x14ac:dyDescent="0.45">
      <c r="C60" s="42">
        <v>96.586608190000007</v>
      </c>
      <c r="D60" s="42">
        <v>4.9674107142857145E-2</v>
      </c>
      <c r="E60" s="42">
        <v>79.523123279999993</v>
      </c>
      <c r="F60" s="42">
        <v>3.8480357142857143E-2</v>
      </c>
      <c r="G60" s="42"/>
      <c r="H60" s="42"/>
      <c r="I60" s="42"/>
      <c r="J60" s="42"/>
    </row>
    <row r="61" spans="3:10" x14ac:dyDescent="0.45">
      <c r="C61" s="42">
        <v>99.9</v>
      </c>
      <c r="D61" s="42">
        <v>5.3936607142857147E-2</v>
      </c>
      <c r="E61" s="42">
        <v>85.360149419999999</v>
      </c>
      <c r="F61" s="42">
        <v>4.0834374999999999E-2</v>
      </c>
      <c r="G61" s="42"/>
      <c r="H61" s="42"/>
      <c r="I61" s="42"/>
      <c r="J61" s="42"/>
    </row>
    <row r="62" spans="3:10" x14ac:dyDescent="0.45">
      <c r="C62" s="42"/>
      <c r="D62" s="42"/>
      <c r="E62" s="42">
        <v>90.655994320000005</v>
      </c>
      <c r="F62" s="42">
        <v>4.2895535714285712E-2</v>
      </c>
      <c r="G62" s="42"/>
      <c r="H62" s="42"/>
      <c r="I62" s="42"/>
      <c r="J62" s="42"/>
    </row>
    <row r="63" spans="3:10" x14ac:dyDescent="0.45">
      <c r="C63" s="42"/>
      <c r="D63" s="42"/>
      <c r="E63" s="42">
        <v>96.307879510000006</v>
      </c>
      <c r="F63" s="42">
        <v>4.4873214285714287E-2</v>
      </c>
      <c r="G63" s="42"/>
      <c r="H63" s="42"/>
      <c r="I63" s="42"/>
      <c r="J63" s="42"/>
    </row>
    <row r="64" spans="3:10" x14ac:dyDescent="0.45">
      <c r="C64" s="42"/>
      <c r="D64" s="42"/>
      <c r="E64" s="42">
        <v>98.635365710000002</v>
      </c>
      <c r="F64" s="42">
        <v>4.5879464285714287E-2</v>
      </c>
      <c r="G64" s="42"/>
      <c r="H64" s="42"/>
      <c r="I64" s="42"/>
      <c r="J64" s="42"/>
    </row>
    <row r="65" spans="3:10" x14ac:dyDescent="0.45">
      <c r="C65" s="42"/>
      <c r="D65" s="42"/>
      <c r="E65" s="42">
        <v>99.9</v>
      </c>
      <c r="F65" s="42">
        <v>4.8348660714285716E-2</v>
      </c>
      <c r="G65" s="42"/>
      <c r="H65" s="42"/>
      <c r="I65" s="42"/>
      <c r="J65" s="42"/>
    </row>
  </sheetData>
  <pageMargins left="0.7" right="0.7" top="0.75" bottom="0.75" header="0.3" footer="0.3"/>
  <drawing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1F4474-EF6A-48C8-9B77-0EAF128AC9BD}">
  <dimension ref="B4:AC70"/>
  <sheetViews>
    <sheetView zoomScale="77" zoomScaleNormal="77" workbookViewId="0">
      <selection activeCell="I35" sqref="I35"/>
    </sheetView>
  </sheetViews>
  <sheetFormatPr defaultRowHeight="14.25" x14ac:dyDescent="0.45"/>
  <sheetData>
    <row r="4" spans="2:10" x14ac:dyDescent="0.45">
      <c r="B4" s="24" t="s">
        <v>30</v>
      </c>
      <c r="C4" s="67">
        <v>298</v>
      </c>
    </row>
    <row r="5" spans="2:10" x14ac:dyDescent="0.45">
      <c r="B5" s="24" t="s">
        <v>37</v>
      </c>
      <c r="C5" s="67" t="s">
        <v>17</v>
      </c>
    </row>
    <row r="6" spans="2:10" x14ac:dyDescent="0.45">
      <c r="B6" s="24" t="s">
        <v>19</v>
      </c>
      <c r="C6" s="30" t="s">
        <v>4</v>
      </c>
      <c r="D6" s="19"/>
      <c r="E6" s="24" t="s">
        <v>7</v>
      </c>
      <c r="F6" s="24"/>
      <c r="G6" s="24" t="s">
        <v>8</v>
      </c>
      <c r="H6" s="24"/>
      <c r="I6" s="24" t="s">
        <v>9</v>
      </c>
    </row>
    <row r="7" spans="2:10" x14ac:dyDescent="0.45">
      <c r="C7" s="32" t="s">
        <v>33</v>
      </c>
      <c r="D7" s="32" t="s">
        <v>34</v>
      </c>
      <c r="E7" s="32" t="s">
        <v>33</v>
      </c>
      <c r="F7" s="32" t="s">
        <v>34</v>
      </c>
      <c r="G7" s="32" t="s">
        <v>33</v>
      </c>
      <c r="H7" s="32" t="s">
        <v>34</v>
      </c>
      <c r="I7" s="32" t="s">
        <v>33</v>
      </c>
      <c r="J7" s="32" t="s">
        <v>34</v>
      </c>
    </row>
    <row r="8" spans="2:10" x14ac:dyDescent="0.45">
      <c r="C8" s="38">
        <v>1.45467887</v>
      </c>
      <c r="D8" s="38">
        <v>9.9714285714285721E-3</v>
      </c>
      <c r="E8" s="45">
        <v>0.50443384000000002</v>
      </c>
      <c r="F8" s="45">
        <v>5.9516517857142862E-2</v>
      </c>
      <c r="G8" s="45">
        <v>7.249092E-2</v>
      </c>
      <c r="H8" s="45">
        <v>7.9050446428571425E-2</v>
      </c>
      <c r="I8" s="45">
        <v>2.3923199999999999E-3</v>
      </c>
      <c r="J8" s="45">
        <v>0.21776696428571429</v>
      </c>
    </row>
    <row r="9" spans="2:10" x14ac:dyDescent="0.45">
      <c r="C9" s="38">
        <v>7.8410243099999999</v>
      </c>
      <c r="D9" s="38">
        <v>4.5137946428571434E-2</v>
      </c>
      <c r="E9" s="45">
        <v>1.1454324600000001</v>
      </c>
      <c r="F9" s="45">
        <v>8.5150892857142862E-2</v>
      </c>
      <c r="G9" s="45">
        <v>0.15831157000000001</v>
      </c>
      <c r="H9" s="45">
        <v>0.13988348214285715</v>
      </c>
      <c r="I9" s="45">
        <v>2.9107589999999999E-2</v>
      </c>
      <c r="J9" s="45">
        <v>0.28048392857142862</v>
      </c>
    </row>
    <row r="10" spans="2:10" x14ac:dyDescent="0.45">
      <c r="C10" s="38">
        <v>23.407105520000002</v>
      </c>
      <c r="D10" s="38">
        <v>0.12148794642857144</v>
      </c>
      <c r="E10" s="45">
        <v>2.6448706799999999</v>
      </c>
      <c r="F10" s="45">
        <v>0.12085982142857145</v>
      </c>
      <c r="G10" s="45">
        <v>0.37621771999999998</v>
      </c>
      <c r="H10" s="45">
        <v>0.19419464285714289</v>
      </c>
      <c r="I10" s="45">
        <v>8.8883879999999998E-2</v>
      </c>
      <c r="J10" s="45">
        <v>0.34150669642857145</v>
      </c>
    </row>
    <row r="11" spans="2:10" x14ac:dyDescent="0.45">
      <c r="C11" s="38">
        <v>38.063758110000002</v>
      </c>
      <c r="D11" s="38">
        <v>0.18909107142857146</v>
      </c>
      <c r="E11" s="45">
        <v>4.8624930199999996</v>
      </c>
      <c r="F11" s="45">
        <v>0.15565625</v>
      </c>
      <c r="G11" s="45">
        <v>0.61635468000000004</v>
      </c>
      <c r="H11" s="45">
        <v>0.24653169642857145</v>
      </c>
      <c r="I11" s="45">
        <v>0.18277309999999999</v>
      </c>
      <c r="J11" s="45">
        <v>0.40122366071428578</v>
      </c>
    </row>
    <row r="12" spans="2:10" x14ac:dyDescent="0.45">
      <c r="C12" s="38">
        <v>47.145837129999997</v>
      </c>
      <c r="D12" s="38">
        <v>0.23028348214285718</v>
      </c>
      <c r="E12" s="45">
        <v>6.3354825400000001</v>
      </c>
      <c r="F12" s="45">
        <v>0.17327500000000001</v>
      </c>
      <c r="G12" s="45">
        <v>1.0681208499999999</v>
      </c>
      <c r="H12" s="45">
        <v>0.28831339285714286</v>
      </c>
      <c r="I12" s="45">
        <v>0.43117042999999999</v>
      </c>
      <c r="J12" s="45">
        <v>0.4514370535714286</v>
      </c>
    </row>
    <row r="13" spans="2:10" x14ac:dyDescent="0.45">
      <c r="C13" s="38">
        <v>63.942800460000001</v>
      </c>
      <c r="D13" s="38">
        <v>0.30231116071428571</v>
      </c>
      <c r="E13" s="45">
        <v>8.5185180999999996</v>
      </c>
      <c r="F13" s="45">
        <v>0.19587812500000001</v>
      </c>
      <c r="G13" s="45">
        <v>2.2013462100000001</v>
      </c>
      <c r="H13" s="45">
        <v>0.35763035714285718</v>
      </c>
      <c r="I13" s="45">
        <v>0.57972698</v>
      </c>
      <c r="J13" s="45">
        <v>0.50711651785714296</v>
      </c>
    </row>
    <row r="14" spans="2:10" x14ac:dyDescent="0.45">
      <c r="C14" s="38">
        <v>68.548944469999995</v>
      </c>
      <c r="D14" s="38">
        <v>0.32261071428571431</v>
      </c>
      <c r="E14" s="45">
        <v>12.591618950000001</v>
      </c>
      <c r="F14" s="45">
        <v>0.228778125</v>
      </c>
      <c r="G14" s="45">
        <v>9.7595728099999999</v>
      </c>
      <c r="H14" s="45">
        <v>0.58063705357142859</v>
      </c>
      <c r="I14" s="45">
        <v>1.61744015</v>
      </c>
      <c r="J14" s="45">
        <v>0.57490937500000006</v>
      </c>
    </row>
    <row r="15" spans="2:10" x14ac:dyDescent="0.45">
      <c r="C15" s="38">
        <v>71.944551520000005</v>
      </c>
      <c r="D15" s="38">
        <v>0.33580446428571431</v>
      </c>
      <c r="E15" s="45">
        <v>17.771496450000001</v>
      </c>
      <c r="F15" s="45">
        <v>0.26593035714285712</v>
      </c>
      <c r="G15" s="45">
        <v>13.212146300000001</v>
      </c>
      <c r="H15" s="45">
        <v>0.61856160714285713</v>
      </c>
      <c r="I15" s="45">
        <v>2.4454881199999998</v>
      </c>
      <c r="J15" s="45">
        <v>0.64736473214285717</v>
      </c>
    </row>
    <row r="16" spans="2:10" x14ac:dyDescent="0.45">
      <c r="C16" s="38">
        <v>88.059952030000005</v>
      </c>
      <c r="D16" s="38">
        <v>0.39740982142857145</v>
      </c>
      <c r="E16" s="45">
        <v>23.10396265</v>
      </c>
      <c r="F16" s="45">
        <v>0.30356562500000001</v>
      </c>
      <c r="G16" s="45">
        <v>17.35238618</v>
      </c>
      <c r="H16" s="45">
        <v>0.66278258928571432</v>
      </c>
      <c r="I16" s="45">
        <v>4.1341363199999996</v>
      </c>
      <c r="J16" s="45">
        <v>0.71667455357142862</v>
      </c>
    </row>
    <row r="17" spans="3:28" x14ac:dyDescent="0.45">
      <c r="C17" s="38">
        <v>94.8857529</v>
      </c>
      <c r="D17" s="38">
        <v>0.42307678571428575</v>
      </c>
      <c r="E17" s="45">
        <v>30.18814704</v>
      </c>
      <c r="F17" s="45">
        <v>0.33954642857142858</v>
      </c>
      <c r="G17" s="45">
        <v>23.15686006</v>
      </c>
      <c r="H17" s="45">
        <v>0.71374285714285723</v>
      </c>
      <c r="I17" s="45">
        <v>5.1066349300000002</v>
      </c>
      <c r="J17" s="45">
        <v>0.76415312499999999</v>
      </c>
    </row>
    <row r="18" spans="3:28" x14ac:dyDescent="0.45">
      <c r="C18" s="38">
        <v>99.9</v>
      </c>
      <c r="D18" s="38">
        <v>0.45380491071428569</v>
      </c>
      <c r="E18" s="45">
        <v>40.887666189999997</v>
      </c>
      <c r="F18" s="45">
        <v>0.39595892857142856</v>
      </c>
      <c r="G18" s="45">
        <v>28.85960815</v>
      </c>
      <c r="H18" s="45">
        <v>0.75351919642857146</v>
      </c>
      <c r="I18" s="45">
        <v>7.2286350199999996</v>
      </c>
      <c r="J18" s="45">
        <v>0.80411517857142867</v>
      </c>
    </row>
    <row r="19" spans="3:28" x14ac:dyDescent="0.45">
      <c r="C19" s="38"/>
      <c r="D19" s="38"/>
      <c r="E19" s="45">
        <v>51.77639533</v>
      </c>
      <c r="F19" s="45">
        <v>0.45053839285714287</v>
      </c>
      <c r="G19" s="45">
        <v>32.670256440000003</v>
      </c>
      <c r="H19" s="45">
        <v>0.78069955357142873</v>
      </c>
      <c r="I19" s="45">
        <v>13.842846229999999</v>
      </c>
      <c r="J19" s="45">
        <v>0.89701116071428588</v>
      </c>
    </row>
    <row r="20" spans="3:28" x14ac:dyDescent="0.45">
      <c r="C20" s="38"/>
      <c r="D20" s="38"/>
      <c r="E20" s="45">
        <v>62.380292240000003</v>
      </c>
      <c r="F20" s="45">
        <v>0.49589419642857141</v>
      </c>
      <c r="G20" s="45">
        <v>37.14415692</v>
      </c>
      <c r="H20" s="45">
        <v>0.80933616071428571</v>
      </c>
      <c r="I20" s="45">
        <v>19.889427510000001</v>
      </c>
      <c r="J20" s="45">
        <v>0.95867098214285718</v>
      </c>
    </row>
    <row r="21" spans="3:28" x14ac:dyDescent="0.45">
      <c r="C21" s="38"/>
      <c r="D21" s="38"/>
      <c r="E21" s="45">
        <v>71.433888030000006</v>
      </c>
      <c r="F21" s="45">
        <v>0.53473258928571432</v>
      </c>
      <c r="G21" s="45">
        <v>40.783905879999999</v>
      </c>
      <c r="H21" s="45">
        <v>0.83765982142857154</v>
      </c>
      <c r="I21" s="45">
        <v>24.607469900000002</v>
      </c>
      <c r="J21" s="45">
        <v>1.0064714285714287</v>
      </c>
    </row>
    <row r="22" spans="3:28" x14ac:dyDescent="0.45">
      <c r="C22" s="38"/>
      <c r="D22" s="38"/>
      <c r="E22" s="45">
        <v>82.127303639999994</v>
      </c>
      <c r="F22" s="45">
        <v>0.57407812499999999</v>
      </c>
      <c r="G22" s="45">
        <v>44.861075759999999</v>
      </c>
      <c r="H22" s="45">
        <v>0.86468348214285717</v>
      </c>
      <c r="I22" s="45">
        <v>29.31127068</v>
      </c>
      <c r="J22" s="45">
        <v>1.0445080357142857</v>
      </c>
    </row>
    <row r="23" spans="3:28" x14ac:dyDescent="0.45">
      <c r="C23" s="38"/>
      <c r="D23" s="38"/>
      <c r="E23" s="45">
        <v>89.78</v>
      </c>
      <c r="F23" s="45">
        <v>0.61250000000000004</v>
      </c>
      <c r="G23" s="45">
        <v>51.28811151</v>
      </c>
      <c r="H23" s="45">
        <v>0.90052723214285724</v>
      </c>
      <c r="I23" s="45">
        <v>33.380000000000003</v>
      </c>
      <c r="J23" s="45">
        <v>1.0580000000000001</v>
      </c>
    </row>
    <row r="24" spans="3:28" x14ac:dyDescent="0.45">
      <c r="C24" s="38"/>
      <c r="D24" s="38"/>
      <c r="E24" s="45">
        <v>95.125825770000006</v>
      </c>
      <c r="F24" s="45">
        <v>0.64161160714285714</v>
      </c>
      <c r="G24" s="45">
        <v>57.078343789999998</v>
      </c>
      <c r="H24" s="45">
        <v>0.9313392857142857</v>
      </c>
      <c r="I24" s="45">
        <v>41.540750000000003</v>
      </c>
      <c r="J24" s="45">
        <v>1.1075999999999999</v>
      </c>
    </row>
    <row r="25" spans="3:28" x14ac:dyDescent="0.45">
      <c r="C25" s="38"/>
      <c r="D25" s="38"/>
      <c r="E25" s="45">
        <v>99.9</v>
      </c>
      <c r="F25" s="45">
        <v>0.66528571428571437</v>
      </c>
      <c r="G25" s="45">
        <v>64.182873330000007</v>
      </c>
      <c r="H25" s="45">
        <v>0.9688799107142857</v>
      </c>
      <c r="I25" s="45">
        <v>46</v>
      </c>
      <c r="J25" s="45">
        <v>1.1544399999999999</v>
      </c>
    </row>
    <row r="26" spans="3:28" x14ac:dyDescent="0.45">
      <c r="C26" s="38"/>
      <c r="D26" s="38"/>
      <c r="E26" s="45"/>
      <c r="F26" s="45"/>
      <c r="G26" s="45">
        <v>67.952831309999993</v>
      </c>
      <c r="H26" s="45">
        <v>0.98634866071428584</v>
      </c>
      <c r="I26" s="45">
        <v>58.903304550000001</v>
      </c>
      <c r="J26" s="45">
        <v>1.2981424107142858</v>
      </c>
    </row>
    <row r="27" spans="3:28" x14ac:dyDescent="0.45">
      <c r="C27" s="38"/>
      <c r="D27" s="38"/>
      <c r="E27" s="45"/>
      <c r="F27" s="45"/>
      <c r="G27" s="45">
        <v>79.590262300000006</v>
      </c>
      <c r="H27" s="45">
        <v>1.0400540178571429</v>
      </c>
      <c r="I27" s="45">
        <v>71.407439319999995</v>
      </c>
      <c r="J27" s="45">
        <v>1.418319642857143</v>
      </c>
    </row>
    <row r="28" spans="3:28" x14ac:dyDescent="0.45">
      <c r="C28" s="38"/>
      <c r="D28" s="38"/>
      <c r="E28" s="45"/>
      <c r="F28" s="45"/>
      <c r="G28" s="45">
        <v>99.9</v>
      </c>
      <c r="H28" s="45">
        <v>1.1140254464285715</v>
      </c>
      <c r="I28" s="45">
        <v>77.026772260000001</v>
      </c>
      <c r="J28" s="45">
        <v>1.4486959821428571</v>
      </c>
      <c r="AB28" s="25"/>
    </row>
    <row r="29" spans="3:28" x14ac:dyDescent="0.45">
      <c r="C29" s="38"/>
      <c r="D29" s="38"/>
      <c r="E29" s="45"/>
      <c r="F29" s="45"/>
      <c r="G29" s="45"/>
      <c r="H29" s="45"/>
      <c r="I29" s="48">
        <v>87.105999999999995</v>
      </c>
      <c r="J29" s="45">
        <v>1.48</v>
      </c>
    </row>
    <row r="30" spans="3:28" x14ac:dyDescent="0.45">
      <c r="C30" s="38"/>
      <c r="D30" s="38"/>
      <c r="E30" s="45"/>
      <c r="F30" s="45"/>
      <c r="G30" s="45"/>
      <c r="H30" s="45"/>
      <c r="I30" s="45">
        <v>99.430861429999993</v>
      </c>
      <c r="J30" s="45">
        <v>1.5515334821428572</v>
      </c>
    </row>
    <row r="31" spans="3:28" x14ac:dyDescent="0.45">
      <c r="C31" s="20"/>
      <c r="D31" s="46"/>
      <c r="E31" s="37"/>
      <c r="F31" s="37"/>
      <c r="G31" s="37"/>
      <c r="H31" s="37"/>
      <c r="I31" s="37"/>
      <c r="J31" s="37"/>
    </row>
    <row r="32" spans="3:28" x14ac:dyDescent="0.45">
      <c r="C32" s="18"/>
      <c r="D32" s="37"/>
      <c r="E32" s="37"/>
      <c r="F32" s="37"/>
      <c r="G32" s="47"/>
      <c r="H32" s="47"/>
      <c r="I32" s="37"/>
      <c r="J32" s="37"/>
    </row>
    <row r="33" spans="2:29" x14ac:dyDescent="0.45">
      <c r="C33" s="20"/>
      <c r="D33" s="37"/>
      <c r="E33" s="37"/>
      <c r="F33" s="37"/>
      <c r="G33" s="47"/>
      <c r="H33" s="47"/>
      <c r="I33" s="37"/>
      <c r="J33" s="37"/>
    </row>
    <row r="34" spans="2:29" x14ac:dyDescent="0.45">
      <c r="C34" s="20"/>
      <c r="D34" s="18"/>
      <c r="E34" s="18"/>
      <c r="F34" s="18"/>
      <c r="I34" s="18"/>
      <c r="J34" s="18"/>
    </row>
    <row r="35" spans="2:29" x14ac:dyDescent="0.45">
      <c r="C35" s="20"/>
      <c r="D35" s="18"/>
      <c r="E35" s="18"/>
      <c r="F35" s="18"/>
      <c r="G35" s="18"/>
      <c r="H35" s="18"/>
      <c r="I35" s="18"/>
      <c r="J35" s="18"/>
      <c r="AB35" s="22"/>
      <c r="AC35" s="21"/>
    </row>
    <row r="36" spans="2:29" x14ac:dyDescent="0.45">
      <c r="C36" s="20"/>
      <c r="D36" s="18"/>
      <c r="E36" s="18"/>
      <c r="F36" s="18"/>
      <c r="G36" s="18"/>
      <c r="H36" s="18"/>
      <c r="I36" s="18"/>
      <c r="J36" s="18"/>
      <c r="AB36" s="23"/>
      <c r="AC36" s="21"/>
    </row>
    <row r="37" spans="2:29" x14ac:dyDescent="0.45">
      <c r="C37" s="20"/>
      <c r="D37" s="18"/>
      <c r="E37" s="18"/>
      <c r="F37" s="18"/>
      <c r="I37" s="18"/>
      <c r="J37" s="18"/>
      <c r="AB37" s="23"/>
      <c r="AC37" s="21"/>
    </row>
    <row r="38" spans="2:29" x14ac:dyDescent="0.45">
      <c r="B38" s="24" t="s">
        <v>30</v>
      </c>
      <c r="C38" s="67">
        <v>298</v>
      </c>
      <c r="D38" s="18"/>
      <c r="E38" s="18"/>
      <c r="F38" s="18"/>
      <c r="I38" s="18"/>
      <c r="J38" s="18"/>
      <c r="AB38" s="23"/>
      <c r="AC38" s="21"/>
    </row>
    <row r="39" spans="2:29" x14ac:dyDescent="0.45">
      <c r="B39" s="24" t="s">
        <v>37</v>
      </c>
      <c r="C39" s="67" t="s">
        <v>18</v>
      </c>
      <c r="D39" s="18"/>
      <c r="G39" s="18"/>
      <c r="H39" s="18"/>
      <c r="I39" s="18"/>
      <c r="J39" s="18"/>
      <c r="AB39" s="23"/>
      <c r="AC39" s="21"/>
    </row>
    <row r="40" spans="2:29" x14ac:dyDescent="0.45">
      <c r="B40" s="24" t="s">
        <v>19</v>
      </c>
      <c r="C40" s="19" t="s">
        <v>4</v>
      </c>
      <c r="D40" s="19"/>
      <c r="E40" s="19" t="s">
        <v>7</v>
      </c>
      <c r="F40" s="19"/>
      <c r="G40" s="19" t="s">
        <v>8</v>
      </c>
      <c r="H40" s="19"/>
      <c r="I40" s="19" t="s">
        <v>9</v>
      </c>
      <c r="J40" s="18"/>
      <c r="K40" s="18"/>
      <c r="L40" s="18"/>
      <c r="M40" s="18"/>
      <c r="AB40" s="23"/>
      <c r="AC40" s="21"/>
    </row>
    <row r="41" spans="2:29" x14ac:dyDescent="0.45">
      <c r="C41" s="30" t="s">
        <v>22</v>
      </c>
      <c r="D41" s="30" t="s">
        <v>20</v>
      </c>
      <c r="E41" s="30" t="s">
        <v>22</v>
      </c>
      <c r="F41" s="30" t="s">
        <v>20</v>
      </c>
      <c r="G41" s="30" t="s">
        <v>22</v>
      </c>
      <c r="H41" s="30" t="s">
        <v>20</v>
      </c>
      <c r="I41" s="30" t="s">
        <v>22</v>
      </c>
      <c r="J41" s="30" t="s">
        <v>20</v>
      </c>
      <c r="AB41" s="23"/>
      <c r="AC41" s="21"/>
    </row>
    <row r="42" spans="2:29" x14ac:dyDescent="0.45">
      <c r="C42" s="35">
        <v>6.9763550499999996</v>
      </c>
      <c r="D42" s="35">
        <v>3.3080357142857139E-3</v>
      </c>
      <c r="E42" s="17">
        <v>4.88894173</v>
      </c>
      <c r="F42" s="17">
        <v>5.5544642857142858E-3</v>
      </c>
      <c r="G42" s="17">
        <v>2.8544258199999999</v>
      </c>
      <c r="H42" s="17">
        <v>1.7946428571428573E-3</v>
      </c>
      <c r="I42" s="17">
        <v>10.599827879999999</v>
      </c>
      <c r="J42" s="17">
        <v>4.1272321428571426E-3</v>
      </c>
      <c r="AB42" s="23"/>
      <c r="AC42" s="21"/>
    </row>
    <row r="43" spans="2:29" x14ac:dyDescent="0.45">
      <c r="C43" s="35">
        <v>13.52546175</v>
      </c>
      <c r="D43" s="35">
        <v>7.0558035714285705E-3</v>
      </c>
      <c r="E43" s="17">
        <v>11.57843003</v>
      </c>
      <c r="F43" s="17">
        <v>1.0138839285714286E-2</v>
      </c>
      <c r="G43" s="17">
        <v>5.9997874099999997</v>
      </c>
      <c r="H43" s="17">
        <v>3.0343749999999997E-3</v>
      </c>
      <c r="I43" s="17">
        <v>21.116240600000001</v>
      </c>
      <c r="J43" s="17">
        <v>8.3111607142857154E-3</v>
      </c>
      <c r="AB43" s="23"/>
      <c r="AC43" s="21"/>
    </row>
    <row r="44" spans="2:29" x14ac:dyDescent="0.45">
      <c r="C44" s="35">
        <v>20.074568459999998</v>
      </c>
      <c r="D44" s="35">
        <v>1.1599553571428571E-2</v>
      </c>
      <c r="E44" s="17">
        <v>17.842704510000001</v>
      </c>
      <c r="F44" s="17">
        <v>1.4752232142857145E-2</v>
      </c>
      <c r="G44" s="17">
        <v>10.457411759999999</v>
      </c>
      <c r="H44" s="17">
        <v>4.3696428571428567E-3</v>
      </c>
      <c r="I44" s="17">
        <v>31.298992720000001</v>
      </c>
      <c r="J44" s="17">
        <v>1.2304464285714287E-2</v>
      </c>
      <c r="AB44" s="23"/>
      <c r="AC44" s="21"/>
    </row>
    <row r="45" spans="2:29" x14ac:dyDescent="0.45">
      <c r="C45" s="35">
        <v>26.84747192</v>
      </c>
      <c r="D45" s="35">
        <v>1.6769642857142858E-2</v>
      </c>
      <c r="E45" s="17">
        <v>22.725542690000001</v>
      </c>
      <c r="F45" s="17">
        <v>1.8423660714285715E-2</v>
      </c>
      <c r="G45" s="17">
        <v>15.173419640000001</v>
      </c>
      <c r="H45" s="17">
        <v>6.5428571428571428E-3</v>
      </c>
      <c r="I45" s="17">
        <v>41.8601648</v>
      </c>
      <c r="J45" s="17">
        <v>1.6735714285714284E-2</v>
      </c>
      <c r="AB45" s="23"/>
      <c r="AC45" s="21"/>
    </row>
    <row r="46" spans="2:29" x14ac:dyDescent="0.45">
      <c r="C46" s="35">
        <v>33.492200869999998</v>
      </c>
      <c r="D46" s="35">
        <v>2.1271428571428573E-2</v>
      </c>
      <c r="E46" s="17">
        <v>29.856520939999999</v>
      </c>
      <c r="F46" s="17">
        <v>2.2993303571428571E-2</v>
      </c>
      <c r="G46" s="17">
        <v>19.830426549999999</v>
      </c>
      <c r="H46" s="17">
        <v>8.6933035714285706E-3</v>
      </c>
      <c r="I46" s="17">
        <v>53.666460610000001</v>
      </c>
      <c r="J46" s="17">
        <v>2.1827678571428571E-2</v>
      </c>
      <c r="AB46" s="23"/>
      <c r="AC46" s="21"/>
    </row>
    <row r="47" spans="2:29" x14ac:dyDescent="0.45">
      <c r="C47" s="35">
        <v>39.878546299999996</v>
      </c>
      <c r="D47" s="35">
        <v>2.5776785714285714E-2</v>
      </c>
      <c r="E47" s="17">
        <v>37.935583610000002</v>
      </c>
      <c r="F47" s="17">
        <v>2.7857142857142858E-2</v>
      </c>
      <c r="G47" s="17">
        <v>24.89840568</v>
      </c>
      <c r="H47" s="17">
        <v>1.0721874999999999E-2</v>
      </c>
      <c r="I47" s="17">
        <v>64.28866816</v>
      </c>
      <c r="J47" s="17">
        <v>2.5735714285714285E-2</v>
      </c>
      <c r="AB47" s="23"/>
      <c r="AC47" s="21"/>
    </row>
    <row r="48" spans="2:29" x14ac:dyDescent="0.45">
      <c r="C48" s="35">
        <v>46.399169790000002</v>
      </c>
      <c r="D48" s="35">
        <v>3.0244642857142859E-2</v>
      </c>
      <c r="E48" s="17">
        <v>46.006508220000001</v>
      </c>
      <c r="F48" s="17">
        <v>3.2032589285714286E-2</v>
      </c>
      <c r="G48" s="17">
        <v>29.18309618</v>
      </c>
      <c r="H48" s="17">
        <v>1.3150446428571428E-2</v>
      </c>
      <c r="I48" s="17">
        <v>75.187569879999998</v>
      </c>
      <c r="J48" s="17">
        <v>2.9682589285714284E-2</v>
      </c>
      <c r="AB48" s="23"/>
      <c r="AC48" s="21"/>
    </row>
    <row r="49" spans="3:29" x14ac:dyDescent="0.45">
      <c r="C49" s="35">
        <v>53.064243900000001</v>
      </c>
      <c r="D49" s="35">
        <v>3.5544196428571428E-2</v>
      </c>
      <c r="E49" s="17">
        <v>53.918740579999998</v>
      </c>
      <c r="F49" s="17">
        <v>3.654330357142857E-2</v>
      </c>
      <c r="G49" s="17">
        <v>31.862553630000001</v>
      </c>
      <c r="H49" s="17">
        <v>1.4762499999999998E-2</v>
      </c>
      <c r="I49" s="17">
        <v>85.482220369999993</v>
      </c>
      <c r="J49" s="17">
        <v>3.3266964285714282E-2</v>
      </c>
      <c r="AB49" s="23"/>
      <c r="AC49" s="21"/>
    </row>
    <row r="50" spans="3:29" x14ac:dyDescent="0.45">
      <c r="C50" s="35">
        <v>59.951080249999997</v>
      </c>
      <c r="D50" s="35">
        <v>4.1508928571428572E-2</v>
      </c>
      <c r="E50" s="17">
        <v>60.848301759999998</v>
      </c>
      <c r="F50" s="17">
        <v>4.0055803571428572E-2</v>
      </c>
      <c r="G50" s="17">
        <v>35.746444500000003</v>
      </c>
      <c r="H50" s="17">
        <v>1.6595535714285715E-2</v>
      </c>
      <c r="I50" s="17">
        <v>92.755614739999999</v>
      </c>
      <c r="J50" s="17">
        <v>3.6163839285714282E-2</v>
      </c>
    </row>
    <row r="51" spans="3:29" x14ac:dyDescent="0.45">
      <c r="C51" s="35">
        <v>66.195009569999996</v>
      </c>
      <c r="D51" s="35">
        <v>4.5795089285714297E-2</v>
      </c>
      <c r="E51" s="17">
        <v>67.645619409999995</v>
      </c>
      <c r="F51" s="17">
        <v>4.3914285714285711E-2</v>
      </c>
      <c r="G51" s="17">
        <v>40.057583700000002</v>
      </c>
      <c r="H51" s="17">
        <v>1.8893749999999997E-2</v>
      </c>
      <c r="I51" s="17">
        <v>99.9</v>
      </c>
      <c r="J51" s="17">
        <v>3.9938839285714282E-2</v>
      </c>
    </row>
    <row r="52" spans="3:29" x14ac:dyDescent="0.45">
      <c r="C52" s="35">
        <v>72.630183380000005</v>
      </c>
      <c r="D52" s="35">
        <v>5.1288839285714288E-2</v>
      </c>
      <c r="E52" s="17">
        <v>75.114327309999993</v>
      </c>
      <c r="F52" s="17">
        <v>4.7915178571428567E-2</v>
      </c>
      <c r="G52" s="17">
        <v>45.929196609999998</v>
      </c>
      <c r="H52" s="17">
        <v>2.1246875000000002E-2</v>
      </c>
      <c r="I52" s="17"/>
      <c r="J52" s="17"/>
    </row>
    <row r="53" spans="3:29" x14ac:dyDescent="0.45">
      <c r="C53" s="35">
        <v>81.706158849999994</v>
      </c>
      <c r="D53" s="35">
        <v>5.7325446428571424E-2</v>
      </c>
      <c r="E53" s="17">
        <v>80.125339990000001</v>
      </c>
      <c r="F53" s="17">
        <v>5.0779464285714275E-2</v>
      </c>
      <c r="G53" s="17">
        <v>51.109074110000002</v>
      </c>
      <c r="H53" s="17">
        <v>2.3584375000000005E-2</v>
      </c>
      <c r="I53" s="17"/>
      <c r="J53" s="17"/>
    </row>
    <row r="54" spans="3:29" x14ac:dyDescent="0.45">
      <c r="C54" s="35">
        <v>91.323315539999996</v>
      </c>
      <c r="D54" s="35">
        <v>6.3580357142857133E-2</v>
      </c>
      <c r="E54" s="17">
        <v>87.530977890000003</v>
      </c>
      <c r="F54" s="17">
        <v>5.4712946428571427E-2</v>
      </c>
      <c r="G54" s="17">
        <v>56.78740801</v>
      </c>
      <c r="H54" s="17">
        <v>2.6156249999999999E-2</v>
      </c>
      <c r="I54" s="17"/>
      <c r="J54" s="17"/>
    </row>
    <row r="55" spans="3:29" x14ac:dyDescent="0.45">
      <c r="C55" s="35">
        <v>99.9</v>
      </c>
      <c r="D55" s="35">
        <v>7.0330803571428568E-2</v>
      </c>
      <c r="E55" s="17">
        <v>94.336433600000007</v>
      </c>
      <c r="F55" s="17">
        <v>5.8402678571428571E-2</v>
      </c>
      <c r="G55" s="17">
        <v>61.946940349999998</v>
      </c>
      <c r="H55" s="17">
        <v>2.8649107142857143E-2</v>
      </c>
      <c r="I55" s="17"/>
      <c r="J55" s="17"/>
    </row>
    <row r="56" spans="3:29" x14ac:dyDescent="0.45">
      <c r="C56" s="35"/>
      <c r="D56" s="35"/>
      <c r="E56" s="17">
        <v>99.9</v>
      </c>
      <c r="F56" s="17">
        <v>6.2399999999999997E-2</v>
      </c>
      <c r="G56" s="17">
        <v>66.907090139999994</v>
      </c>
      <c r="H56" s="17">
        <v>3.0759821428571428E-2</v>
      </c>
      <c r="I56" s="17"/>
      <c r="J56" s="17"/>
    </row>
    <row r="57" spans="3:29" x14ac:dyDescent="0.45">
      <c r="C57" s="35"/>
      <c r="D57" s="35"/>
      <c r="E57" s="17"/>
      <c r="F57" s="17"/>
      <c r="G57" s="17">
        <v>72.243625359999996</v>
      </c>
      <c r="H57" s="17">
        <v>3.4144642857142853E-2</v>
      </c>
      <c r="I57" s="17"/>
      <c r="J57" s="17"/>
    </row>
    <row r="58" spans="3:29" x14ac:dyDescent="0.45">
      <c r="C58" s="36"/>
      <c r="D58" s="35"/>
      <c r="E58" s="17"/>
      <c r="F58" s="17"/>
      <c r="G58" s="17">
        <v>78.318689860000006</v>
      </c>
      <c r="H58" s="17">
        <v>3.7376785714285717E-2</v>
      </c>
      <c r="I58" s="17"/>
      <c r="J58" s="17"/>
    </row>
    <row r="59" spans="3:29" x14ac:dyDescent="0.45">
      <c r="C59" s="35"/>
      <c r="D59" s="35"/>
      <c r="E59" s="17"/>
      <c r="F59" s="17"/>
      <c r="G59" s="17">
        <v>84.322546299999999</v>
      </c>
      <c r="H59" s="17">
        <v>3.9856696428571425E-2</v>
      </c>
      <c r="I59" s="17"/>
      <c r="J59" s="17"/>
    </row>
    <row r="60" spans="3:29" x14ac:dyDescent="0.45">
      <c r="C60" s="35"/>
      <c r="D60" s="35"/>
      <c r="E60" s="17"/>
      <c r="F60" s="17"/>
      <c r="G60" s="17">
        <v>89.581769919999999</v>
      </c>
      <c r="H60" s="17">
        <v>4.2289732142857139E-2</v>
      </c>
      <c r="I60" s="17"/>
      <c r="J60" s="17"/>
    </row>
    <row r="61" spans="3:29" x14ac:dyDescent="0.45">
      <c r="C61" s="35"/>
      <c r="D61" s="35"/>
      <c r="E61" s="17"/>
      <c r="F61" s="17"/>
      <c r="G61" s="17">
        <v>94.981375139999997</v>
      </c>
      <c r="H61" s="17">
        <v>4.4755803571428568E-2</v>
      </c>
      <c r="I61" s="17"/>
      <c r="J61" s="17"/>
    </row>
    <row r="62" spans="3:29" x14ac:dyDescent="0.45">
      <c r="C62" s="35"/>
      <c r="D62" s="35"/>
      <c r="E62" s="17"/>
      <c r="F62" s="17"/>
      <c r="G62" s="17">
        <v>99.9</v>
      </c>
      <c r="H62" s="17">
        <v>4.7276339285714286E-2</v>
      </c>
      <c r="I62" s="17"/>
      <c r="J62" s="17"/>
    </row>
    <row r="63" spans="3:29" x14ac:dyDescent="0.45">
      <c r="C63" s="18"/>
      <c r="D63" s="18"/>
      <c r="E63" s="18"/>
      <c r="F63" s="18"/>
      <c r="G63" s="18"/>
      <c r="H63" s="18"/>
    </row>
    <row r="64" spans="3:29" x14ac:dyDescent="0.45">
      <c r="C64" s="18"/>
      <c r="D64" s="18"/>
      <c r="E64" s="18"/>
      <c r="F64" s="18"/>
      <c r="G64" s="18"/>
      <c r="H64" s="18"/>
      <c r="I64" s="18"/>
      <c r="J64" s="18"/>
    </row>
    <row r="65" spans="3:10" x14ac:dyDescent="0.45">
      <c r="C65" s="18"/>
      <c r="D65" s="18"/>
      <c r="E65" s="18"/>
      <c r="F65" s="18"/>
      <c r="G65" s="18"/>
      <c r="H65" s="18"/>
      <c r="I65" s="18"/>
      <c r="J65" s="18"/>
    </row>
    <row r="66" spans="3:10" x14ac:dyDescent="0.45">
      <c r="C66" s="18"/>
      <c r="D66" s="18"/>
      <c r="E66" s="18"/>
      <c r="F66" s="18"/>
      <c r="G66" s="18"/>
      <c r="H66" s="18"/>
      <c r="I66" s="18"/>
      <c r="J66" s="18"/>
    </row>
    <row r="67" spans="3:10" x14ac:dyDescent="0.45">
      <c r="C67" s="18"/>
      <c r="D67" s="18"/>
      <c r="E67" s="18"/>
      <c r="F67" s="18"/>
      <c r="G67" s="18"/>
      <c r="H67" s="18"/>
      <c r="I67" s="18"/>
      <c r="J67" s="18"/>
    </row>
    <row r="68" spans="3:10" x14ac:dyDescent="0.45">
      <c r="C68" s="18"/>
      <c r="D68" s="18"/>
      <c r="E68" s="18"/>
      <c r="F68" s="18"/>
      <c r="G68" s="18"/>
      <c r="H68" s="18"/>
      <c r="I68" s="18"/>
      <c r="J68" s="18"/>
    </row>
    <row r="69" spans="3:10" x14ac:dyDescent="0.45">
      <c r="C69" s="18"/>
      <c r="D69" s="18"/>
      <c r="E69" s="18"/>
      <c r="F69" s="18"/>
      <c r="G69" s="18"/>
      <c r="H69" s="18"/>
      <c r="I69" s="18"/>
      <c r="J69" s="18"/>
    </row>
    <row r="70" spans="3:10" x14ac:dyDescent="0.45">
      <c r="I70" s="18"/>
      <c r="J70" s="18"/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2</vt:i4>
      </vt:variant>
      <vt:variant>
        <vt:lpstr>Named Ranges</vt:lpstr>
      </vt:variant>
      <vt:variant>
        <vt:i4>1</vt:i4>
      </vt:variant>
    </vt:vector>
  </HeadingPairs>
  <TitlesOfParts>
    <vt:vector size="13" baseType="lpstr">
      <vt:lpstr>Dataset</vt:lpstr>
      <vt:lpstr>Fig 1a</vt:lpstr>
      <vt:lpstr>Fig 1b</vt:lpstr>
      <vt:lpstr>Fig 1c</vt:lpstr>
      <vt:lpstr>Fig 2 a</vt:lpstr>
      <vt:lpstr>Fig 2 b</vt:lpstr>
      <vt:lpstr>Fig 4 a-b</vt:lpstr>
      <vt:lpstr>Fig 4 c-d</vt:lpstr>
      <vt:lpstr>Fig 5 a-b</vt:lpstr>
      <vt:lpstr>Fig 5 c-d</vt:lpstr>
      <vt:lpstr>Fig 6 a-b</vt:lpstr>
      <vt:lpstr>Fig 6 c-d</vt:lpstr>
      <vt:lpstr>Dataset!_Hlk6403949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16T00:00:00Z</dcterms:created>
  <dcterms:modified xsi:type="dcterms:W3CDTF">2021-05-24T14:49:41Z</dcterms:modified>
</cp:coreProperties>
</file>